
<file path=[Content_Types].xml><?xml version="1.0" encoding="utf-8"?>
<Types xmlns="http://schemas.openxmlformats.org/package/2006/content-types">
  <Default Extension="emf" ContentType="image/x-emf"/>
  <Default Extension="jpeg" ContentType="image/jpeg"/>
  <Default Extension="jpg" ContentType="image/jp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media/image57.jpg" ContentType="image/jpeg"/>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notesSlides/notesSlide5.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2" r:id="rId1"/>
  </p:sldMasterIdLst>
  <p:notesMasterIdLst>
    <p:notesMasterId r:id="rId71"/>
  </p:notesMasterIdLst>
  <p:sldIdLst>
    <p:sldId id="2819" r:id="rId2"/>
    <p:sldId id="2914" r:id="rId3"/>
    <p:sldId id="2606" r:id="rId4"/>
    <p:sldId id="2910" r:id="rId5"/>
    <p:sldId id="2911" r:id="rId6"/>
    <p:sldId id="2912" r:id="rId7"/>
    <p:sldId id="2915" r:id="rId8"/>
    <p:sldId id="260" r:id="rId9"/>
    <p:sldId id="261" r:id="rId10"/>
    <p:sldId id="262" r:id="rId11"/>
    <p:sldId id="269" r:id="rId12"/>
    <p:sldId id="273" r:id="rId13"/>
    <p:sldId id="278" r:id="rId14"/>
    <p:sldId id="281" r:id="rId15"/>
    <p:sldId id="282" r:id="rId16"/>
    <p:sldId id="287" r:id="rId17"/>
    <p:sldId id="288" r:id="rId18"/>
    <p:sldId id="2918" r:id="rId19"/>
    <p:sldId id="2919" r:id="rId20"/>
    <p:sldId id="2920" r:id="rId21"/>
    <p:sldId id="2921" r:id="rId22"/>
    <p:sldId id="2922" r:id="rId23"/>
    <p:sldId id="2923" r:id="rId24"/>
    <p:sldId id="2897" r:id="rId25"/>
    <p:sldId id="2849" r:id="rId26"/>
    <p:sldId id="258" r:id="rId27"/>
    <p:sldId id="259" r:id="rId28"/>
    <p:sldId id="2924" r:id="rId29"/>
    <p:sldId id="2925" r:id="rId30"/>
    <p:sldId id="265" r:id="rId31"/>
    <p:sldId id="2866" r:id="rId32"/>
    <p:sldId id="2867" r:id="rId33"/>
    <p:sldId id="2882" r:id="rId34"/>
    <p:sldId id="2926" r:id="rId35"/>
    <p:sldId id="426" r:id="rId36"/>
    <p:sldId id="2880" r:id="rId37"/>
    <p:sldId id="2928" r:id="rId38"/>
    <p:sldId id="2927" r:id="rId39"/>
    <p:sldId id="2844" r:id="rId40"/>
    <p:sldId id="427" r:id="rId41"/>
    <p:sldId id="1716" r:id="rId42"/>
    <p:sldId id="2778" r:id="rId43"/>
    <p:sldId id="1679" r:id="rId44"/>
    <p:sldId id="2896" r:id="rId45"/>
    <p:sldId id="1207" r:id="rId46"/>
    <p:sldId id="1293" r:id="rId47"/>
    <p:sldId id="2929" r:id="rId48"/>
    <p:sldId id="2931" r:id="rId49"/>
    <p:sldId id="2932" r:id="rId50"/>
    <p:sldId id="263" r:id="rId51"/>
    <p:sldId id="264" r:id="rId52"/>
    <p:sldId id="2933" r:id="rId53"/>
    <p:sldId id="266" r:id="rId54"/>
    <p:sldId id="2937" r:id="rId55"/>
    <p:sldId id="2938" r:id="rId56"/>
    <p:sldId id="2939" r:id="rId57"/>
    <p:sldId id="267" r:id="rId58"/>
    <p:sldId id="1296" r:id="rId59"/>
    <p:sldId id="1297" r:id="rId60"/>
    <p:sldId id="1249" r:id="rId61"/>
    <p:sldId id="275" r:id="rId62"/>
    <p:sldId id="279" r:id="rId63"/>
    <p:sldId id="2934" r:id="rId64"/>
    <p:sldId id="2935" r:id="rId65"/>
    <p:sldId id="2759" r:id="rId66"/>
    <p:sldId id="817" r:id="rId67"/>
    <p:sldId id="1290" r:id="rId68"/>
    <p:sldId id="1280" r:id="rId69"/>
    <p:sldId id="2767" r:id="rId70"/>
  </p:sldIdLst>
  <p:sldSz cx="9144000" cy="6858000" type="screen4x3"/>
  <p:notesSz cx="6735763" cy="9866313"/>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BFBCDECB-9651-4182-BD0E-B931606F27C9}" v="244" dt="2024-03-18T20:00:51.275"/>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000" autoAdjust="0"/>
    <p:restoredTop sz="94660"/>
  </p:normalViewPr>
  <p:slideViewPr>
    <p:cSldViewPr snapToGrid="0">
      <p:cViewPr varScale="1">
        <p:scale>
          <a:sx n="61" d="100"/>
          <a:sy n="61" d="100"/>
        </p:scale>
        <p:origin x="1596" y="66"/>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microsoft.com/office/2016/11/relationships/changesInfo" Target="changesInfos/changesInfo1.xml"/><Relationship Id="rId7" Type="http://schemas.openxmlformats.org/officeDocument/2006/relationships/slide" Target="slides/slide6.xml"/><Relationship Id="rId71"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microsoft.com/office/2015/10/relationships/revisionInfo" Target="revisionInfo.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芳彦 植野" userId="86ab4e6fb1040a80" providerId="LiveId" clId="{BFBCDECB-9651-4182-BD0E-B931606F27C9}"/>
    <pc:docChg chg="undo custSel addSld delSld modSld modMainMaster modNotesMaster">
      <pc:chgData name="芳彦 植野" userId="86ab4e6fb1040a80" providerId="LiveId" clId="{BFBCDECB-9651-4182-BD0E-B931606F27C9}" dt="2024-03-18T20:10:51.934" v="6730" actId="2696"/>
      <pc:docMkLst>
        <pc:docMk/>
      </pc:docMkLst>
      <pc:sldChg chg="modSp del">
        <pc:chgData name="芳彦 植野" userId="86ab4e6fb1040a80" providerId="LiveId" clId="{BFBCDECB-9651-4182-BD0E-B931606F27C9}" dt="2024-03-12T23:30:19.628" v="5771" actId="2696"/>
        <pc:sldMkLst>
          <pc:docMk/>
          <pc:sldMk cId="2263329969" sldId="257"/>
        </pc:sldMkLst>
        <pc:spChg chg="mod">
          <ac:chgData name="芳彦 植野" userId="86ab4e6fb1040a80" providerId="LiveId" clId="{BFBCDECB-9651-4182-BD0E-B931606F27C9}" dt="2024-01-08T08:19:19.004" v="4732"/>
          <ac:spMkLst>
            <pc:docMk/>
            <pc:sldMk cId="2263329969" sldId="257"/>
            <ac:spMk id="3" creationId="{FBE73FDB-BE59-3C20-C3E6-497C3F51CB57}"/>
          </ac:spMkLst>
        </pc:spChg>
        <pc:spChg chg="mod">
          <ac:chgData name="芳彦 植野" userId="86ab4e6fb1040a80" providerId="LiveId" clId="{BFBCDECB-9651-4182-BD0E-B931606F27C9}" dt="2024-01-08T08:19:19.004" v="4732"/>
          <ac:spMkLst>
            <pc:docMk/>
            <pc:sldMk cId="2263329969" sldId="257"/>
            <ac:spMk id="4" creationId="{25A9F0EF-0144-97DD-FB4F-799551DCB9E2}"/>
          </ac:spMkLst>
        </pc:spChg>
        <pc:picChg chg="mod">
          <ac:chgData name="芳彦 植野" userId="86ab4e6fb1040a80" providerId="LiveId" clId="{BFBCDECB-9651-4182-BD0E-B931606F27C9}" dt="2024-01-08T08:19:19.004" v="4732"/>
          <ac:picMkLst>
            <pc:docMk/>
            <pc:sldMk cId="2263329969" sldId="257"/>
            <ac:picMk id="2" creationId="{ACD4CCAC-F535-373A-6CAD-74E6F3BC0A5C}"/>
          </ac:picMkLst>
        </pc:picChg>
      </pc:sldChg>
      <pc:sldChg chg="delSp modSp add del mod setBg">
        <pc:chgData name="芳彦 植野" userId="86ab4e6fb1040a80" providerId="LiveId" clId="{BFBCDECB-9651-4182-BD0E-B931606F27C9}" dt="2024-03-17T01:17:45.593" v="6188" actId="1076"/>
        <pc:sldMkLst>
          <pc:docMk/>
          <pc:sldMk cId="0" sldId="258"/>
        </pc:sldMkLst>
        <pc:spChg chg="mod">
          <ac:chgData name="芳彦 植野" userId="86ab4e6fb1040a80" providerId="LiveId" clId="{BFBCDECB-9651-4182-BD0E-B931606F27C9}" dt="2023-09-24T03:11:53.009" v="67" actId="255"/>
          <ac:spMkLst>
            <pc:docMk/>
            <pc:sldMk cId="0" sldId="258"/>
            <ac:spMk id="4" creationId="{00000000-0000-0000-0000-000000000000}"/>
          </ac:spMkLst>
        </pc:spChg>
        <pc:spChg chg="mod">
          <ac:chgData name="芳彦 植野" userId="86ab4e6fb1040a80" providerId="LiveId" clId="{BFBCDECB-9651-4182-BD0E-B931606F27C9}" dt="2024-03-17T01:17:45.593" v="6188" actId="1076"/>
          <ac:spMkLst>
            <pc:docMk/>
            <pc:sldMk cId="0" sldId="258"/>
            <ac:spMk id="6" creationId="{00000000-0000-0000-0000-000000000000}"/>
          </ac:spMkLst>
        </pc:spChg>
        <pc:spChg chg="mod">
          <ac:chgData name="芳彦 植野" userId="86ab4e6fb1040a80" providerId="LiveId" clId="{BFBCDECB-9651-4182-BD0E-B931606F27C9}" dt="2024-03-10T05:32:18.043" v="5680" actId="113"/>
          <ac:spMkLst>
            <pc:docMk/>
            <pc:sldMk cId="0" sldId="258"/>
            <ac:spMk id="13" creationId="{00000000-0000-0000-0000-000000000000}"/>
          </ac:spMkLst>
        </pc:spChg>
        <pc:spChg chg="mod">
          <ac:chgData name="芳彦 植野" userId="86ab4e6fb1040a80" providerId="LiveId" clId="{BFBCDECB-9651-4182-BD0E-B931606F27C9}" dt="2023-09-24T03:12:49.513" v="73" actId="255"/>
          <ac:spMkLst>
            <pc:docMk/>
            <pc:sldMk cId="0" sldId="258"/>
            <ac:spMk id="15" creationId="{00000000-0000-0000-0000-000000000000}"/>
          </ac:spMkLst>
        </pc:spChg>
        <pc:picChg chg="del">
          <ac:chgData name="芳彦 植野" userId="86ab4e6fb1040a80" providerId="LiveId" clId="{BFBCDECB-9651-4182-BD0E-B931606F27C9}" dt="2024-03-10T05:32:21.874" v="5681" actId="21"/>
          <ac:picMkLst>
            <pc:docMk/>
            <pc:sldMk cId="0" sldId="258"/>
            <ac:picMk id="2" creationId="{00000000-0000-0000-0000-000000000000}"/>
          </ac:picMkLst>
        </pc:picChg>
      </pc:sldChg>
      <pc:sldChg chg="add del">
        <pc:chgData name="芳彦 植野" userId="86ab4e6fb1040a80" providerId="LiveId" clId="{BFBCDECB-9651-4182-BD0E-B931606F27C9}" dt="2024-01-14T00:15:22.071" v="5413" actId="2696"/>
        <pc:sldMkLst>
          <pc:docMk/>
          <pc:sldMk cId="3291027191" sldId="258"/>
        </pc:sldMkLst>
      </pc:sldChg>
      <pc:sldChg chg="delSp modSp add del mod setBg">
        <pc:chgData name="芳彦 植野" userId="86ab4e6fb1040a80" providerId="LiveId" clId="{BFBCDECB-9651-4182-BD0E-B931606F27C9}" dt="2024-03-17T01:17:10.924" v="6184" actId="1076"/>
        <pc:sldMkLst>
          <pc:docMk/>
          <pc:sldMk cId="0" sldId="259"/>
        </pc:sldMkLst>
        <pc:spChg chg="mod">
          <ac:chgData name="芳彦 植野" userId="86ab4e6fb1040a80" providerId="LiveId" clId="{BFBCDECB-9651-4182-BD0E-B931606F27C9}" dt="2024-03-17T01:17:10.924" v="6184" actId="1076"/>
          <ac:spMkLst>
            <pc:docMk/>
            <pc:sldMk cId="0" sldId="259"/>
            <ac:spMk id="10" creationId="{00000000-0000-0000-0000-000000000000}"/>
          </ac:spMkLst>
        </pc:spChg>
        <pc:spChg chg="mod">
          <ac:chgData name="芳彦 植野" userId="86ab4e6fb1040a80" providerId="LiveId" clId="{BFBCDECB-9651-4182-BD0E-B931606F27C9}" dt="2023-09-24T03:13:18.804" v="76" actId="255"/>
          <ac:spMkLst>
            <pc:docMk/>
            <pc:sldMk cId="0" sldId="259"/>
            <ac:spMk id="18" creationId="{00000000-0000-0000-0000-000000000000}"/>
          </ac:spMkLst>
        </pc:spChg>
        <pc:spChg chg="mod">
          <ac:chgData name="芳彦 植野" userId="86ab4e6fb1040a80" providerId="LiveId" clId="{BFBCDECB-9651-4182-BD0E-B931606F27C9}" dt="2023-09-24T03:13:39.028" v="77" actId="1076"/>
          <ac:spMkLst>
            <pc:docMk/>
            <pc:sldMk cId="0" sldId="259"/>
            <ac:spMk id="25" creationId="{00000000-0000-0000-0000-000000000000}"/>
          </ac:spMkLst>
        </pc:spChg>
        <pc:spChg chg="mod">
          <ac:chgData name="芳彦 植野" userId="86ab4e6fb1040a80" providerId="LiveId" clId="{BFBCDECB-9651-4182-BD0E-B931606F27C9}" dt="2024-03-10T05:32:47.623" v="5685" actId="14100"/>
          <ac:spMkLst>
            <pc:docMk/>
            <pc:sldMk cId="0" sldId="259"/>
            <ac:spMk id="219" creationId="{00000000-0000-0000-0000-000000000000}"/>
          </ac:spMkLst>
        </pc:spChg>
        <pc:picChg chg="del">
          <ac:chgData name="芳彦 植野" userId="86ab4e6fb1040a80" providerId="LiveId" clId="{BFBCDECB-9651-4182-BD0E-B931606F27C9}" dt="2024-03-10T05:32:39.196" v="5683" actId="21"/>
          <ac:picMkLst>
            <pc:docMk/>
            <pc:sldMk cId="0" sldId="259"/>
            <ac:picMk id="2" creationId="{00000000-0000-0000-0000-000000000000}"/>
          </ac:picMkLst>
        </pc:picChg>
      </pc:sldChg>
      <pc:sldChg chg="delSp modSp add mod">
        <pc:chgData name="芳彦 植野" userId="86ab4e6fb1040a80" providerId="LiveId" clId="{BFBCDECB-9651-4182-BD0E-B931606F27C9}" dt="2024-03-10T05:35:33.054" v="5694" actId="113"/>
        <pc:sldMkLst>
          <pc:docMk/>
          <pc:sldMk cId="0" sldId="260"/>
        </pc:sldMkLst>
        <pc:spChg chg="topLvl">
          <ac:chgData name="芳彦 植野" userId="86ab4e6fb1040a80" providerId="LiveId" clId="{BFBCDECB-9651-4182-BD0E-B931606F27C9}" dt="2024-03-10T05:33:05.802" v="5686" actId="21"/>
          <ac:spMkLst>
            <pc:docMk/>
            <pc:sldMk cId="0" sldId="260"/>
            <ac:spMk id="4" creationId="{00000000-0000-0000-0000-000000000000}"/>
          </ac:spMkLst>
        </pc:spChg>
        <pc:spChg chg="mod">
          <ac:chgData name="芳彦 植野" userId="86ab4e6fb1040a80" providerId="LiveId" clId="{BFBCDECB-9651-4182-BD0E-B931606F27C9}" dt="2024-03-10T05:35:33.054" v="5694" actId="113"/>
          <ac:spMkLst>
            <pc:docMk/>
            <pc:sldMk cId="0" sldId="260"/>
            <ac:spMk id="7" creationId="{00000000-0000-0000-0000-000000000000}"/>
          </ac:spMkLst>
        </pc:spChg>
        <pc:spChg chg="mod">
          <ac:chgData name="芳彦 植野" userId="86ab4e6fb1040a80" providerId="LiveId" clId="{BFBCDECB-9651-4182-BD0E-B931606F27C9}" dt="2024-03-10T05:33:22.377" v="5688" actId="113"/>
          <ac:spMkLst>
            <pc:docMk/>
            <pc:sldMk cId="0" sldId="260"/>
            <ac:spMk id="8" creationId="{00000000-0000-0000-0000-000000000000}"/>
          </ac:spMkLst>
        </pc:spChg>
        <pc:grpChg chg="del">
          <ac:chgData name="芳彦 植野" userId="86ab4e6fb1040a80" providerId="LiveId" clId="{BFBCDECB-9651-4182-BD0E-B931606F27C9}" dt="2024-03-10T05:33:05.802" v="5686" actId="21"/>
          <ac:grpSpMkLst>
            <pc:docMk/>
            <pc:sldMk cId="0" sldId="260"/>
            <ac:grpSpMk id="2" creationId="{00000000-0000-0000-0000-000000000000}"/>
          </ac:grpSpMkLst>
        </pc:grpChg>
        <pc:grpChg chg="mod">
          <ac:chgData name="芳彦 植野" userId="86ab4e6fb1040a80" providerId="LiveId" clId="{BFBCDECB-9651-4182-BD0E-B931606F27C9}" dt="2024-03-10T05:35:25.090" v="5692"/>
          <ac:grpSpMkLst>
            <pc:docMk/>
            <pc:sldMk cId="0" sldId="260"/>
            <ac:grpSpMk id="9" creationId="{00000000-0000-0000-0000-000000000000}"/>
          </ac:grpSpMkLst>
        </pc:grpChg>
        <pc:picChg chg="del topLvl">
          <ac:chgData name="芳彦 植野" userId="86ab4e6fb1040a80" providerId="LiveId" clId="{BFBCDECB-9651-4182-BD0E-B931606F27C9}" dt="2024-03-10T05:33:05.802" v="5686" actId="21"/>
          <ac:picMkLst>
            <pc:docMk/>
            <pc:sldMk cId="0" sldId="260"/>
            <ac:picMk id="3" creationId="{00000000-0000-0000-0000-000000000000}"/>
          </ac:picMkLst>
        </pc:picChg>
      </pc:sldChg>
      <pc:sldChg chg="add del">
        <pc:chgData name="芳彦 植野" userId="86ab4e6fb1040a80" providerId="LiveId" clId="{BFBCDECB-9651-4182-BD0E-B931606F27C9}" dt="2023-09-24T07:41:52.024" v="774" actId="2696"/>
        <pc:sldMkLst>
          <pc:docMk/>
          <pc:sldMk cId="1531772950" sldId="260"/>
        </pc:sldMkLst>
      </pc:sldChg>
      <pc:sldChg chg="del">
        <pc:chgData name="芳彦 植野" userId="86ab4e6fb1040a80" providerId="LiveId" clId="{BFBCDECB-9651-4182-BD0E-B931606F27C9}" dt="2023-09-24T07:41:25.806" v="772" actId="2696"/>
        <pc:sldMkLst>
          <pc:docMk/>
          <pc:sldMk cId="3864494719" sldId="260"/>
        </pc:sldMkLst>
      </pc:sldChg>
      <pc:sldChg chg="delSp modSp add del mod setBg">
        <pc:chgData name="芳彦 植野" userId="86ab4e6fb1040a80" providerId="LiveId" clId="{BFBCDECB-9651-4182-BD0E-B931606F27C9}" dt="2024-03-10T05:37:48.556" v="5708" actId="14100"/>
        <pc:sldMkLst>
          <pc:docMk/>
          <pc:sldMk cId="0" sldId="261"/>
        </pc:sldMkLst>
        <pc:spChg chg="mod">
          <ac:chgData name="芳彦 植野" userId="86ab4e6fb1040a80" providerId="LiveId" clId="{BFBCDECB-9651-4182-BD0E-B931606F27C9}" dt="2024-03-10T05:36:26.015" v="5703" actId="14100"/>
          <ac:spMkLst>
            <pc:docMk/>
            <pc:sldMk cId="0" sldId="261"/>
            <ac:spMk id="3" creationId="{00000000-0000-0000-0000-000000000000}"/>
          </ac:spMkLst>
        </pc:spChg>
        <pc:spChg chg="mod">
          <ac:chgData name="芳彦 植野" userId="86ab4e6fb1040a80" providerId="LiveId" clId="{BFBCDECB-9651-4182-BD0E-B931606F27C9}" dt="2024-03-10T05:37:48.556" v="5708" actId="14100"/>
          <ac:spMkLst>
            <pc:docMk/>
            <pc:sldMk cId="0" sldId="261"/>
            <ac:spMk id="79" creationId="{00000000-0000-0000-0000-000000000000}"/>
          </ac:spMkLst>
        </pc:spChg>
        <pc:spChg chg="mod">
          <ac:chgData name="芳彦 植野" userId="86ab4e6fb1040a80" providerId="LiveId" clId="{BFBCDECB-9651-4182-BD0E-B931606F27C9}" dt="2024-03-10T05:37:40.421" v="5707" actId="1076"/>
          <ac:spMkLst>
            <pc:docMk/>
            <pc:sldMk cId="0" sldId="261"/>
            <ac:spMk id="82" creationId="{00000000-0000-0000-0000-000000000000}"/>
          </ac:spMkLst>
        </pc:spChg>
        <pc:spChg chg="mod">
          <ac:chgData name="芳彦 植野" userId="86ab4e6fb1040a80" providerId="LiveId" clId="{BFBCDECB-9651-4182-BD0E-B931606F27C9}" dt="2024-03-10T05:36:03.996" v="5698" actId="1076"/>
          <ac:spMkLst>
            <pc:docMk/>
            <pc:sldMk cId="0" sldId="261"/>
            <ac:spMk id="155" creationId="{00000000-0000-0000-0000-000000000000}"/>
          </ac:spMkLst>
        </pc:spChg>
        <pc:spChg chg="mod">
          <ac:chgData name="芳彦 植野" userId="86ab4e6fb1040a80" providerId="LiveId" clId="{BFBCDECB-9651-4182-BD0E-B931606F27C9}" dt="2024-03-10T05:36:07.740" v="5699" actId="1076"/>
          <ac:spMkLst>
            <pc:docMk/>
            <pc:sldMk cId="0" sldId="261"/>
            <ac:spMk id="156" creationId="{00000000-0000-0000-0000-000000000000}"/>
          </ac:spMkLst>
        </pc:spChg>
        <pc:grpChg chg="mod">
          <ac:chgData name="芳彦 植野" userId="86ab4e6fb1040a80" providerId="LiveId" clId="{BFBCDECB-9651-4182-BD0E-B931606F27C9}" dt="2024-03-10T05:37:32.668" v="5706" actId="14100"/>
          <ac:grpSpMkLst>
            <pc:docMk/>
            <pc:sldMk cId="0" sldId="261"/>
            <ac:grpSpMk id="78" creationId="{00000000-0000-0000-0000-000000000000}"/>
          </ac:grpSpMkLst>
        </pc:grpChg>
        <pc:picChg chg="del">
          <ac:chgData name="芳彦 植野" userId="86ab4e6fb1040a80" providerId="LiveId" clId="{BFBCDECB-9651-4182-BD0E-B931606F27C9}" dt="2024-03-10T05:36:20.953" v="5702" actId="21"/>
          <ac:picMkLst>
            <pc:docMk/>
            <pc:sldMk cId="0" sldId="261"/>
            <ac:picMk id="2" creationId="{00000000-0000-0000-0000-000000000000}"/>
          </ac:picMkLst>
        </pc:picChg>
      </pc:sldChg>
      <pc:sldChg chg="delSp modSp add del mod setBg">
        <pc:chgData name="芳彦 植野" userId="86ab4e6fb1040a80" providerId="LiveId" clId="{BFBCDECB-9651-4182-BD0E-B931606F27C9}" dt="2024-03-10T05:38:03.229" v="5710" actId="14100"/>
        <pc:sldMkLst>
          <pc:docMk/>
          <pc:sldMk cId="0" sldId="262"/>
        </pc:sldMkLst>
        <pc:spChg chg="mod">
          <ac:chgData name="芳彦 植野" userId="86ab4e6fb1040a80" providerId="LiveId" clId="{BFBCDECB-9651-4182-BD0E-B931606F27C9}" dt="2024-03-10T05:38:03.229" v="5710" actId="14100"/>
          <ac:spMkLst>
            <pc:docMk/>
            <pc:sldMk cId="0" sldId="262"/>
            <ac:spMk id="3" creationId="{00000000-0000-0000-0000-000000000000}"/>
          </ac:spMkLst>
        </pc:spChg>
        <pc:spChg chg="mod">
          <ac:chgData name="芳彦 植野" userId="86ab4e6fb1040a80" providerId="LiveId" clId="{BFBCDECB-9651-4182-BD0E-B931606F27C9}" dt="2023-09-24T03:24:18.845" v="368" actId="255"/>
          <ac:spMkLst>
            <pc:docMk/>
            <pc:sldMk cId="0" sldId="262"/>
            <ac:spMk id="39" creationId="{00000000-0000-0000-0000-000000000000}"/>
          </ac:spMkLst>
        </pc:spChg>
        <pc:spChg chg="mod">
          <ac:chgData name="芳彦 植野" userId="86ab4e6fb1040a80" providerId="LiveId" clId="{BFBCDECB-9651-4182-BD0E-B931606F27C9}" dt="2023-09-24T03:23:21.824" v="365" actId="14100"/>
          <ac:spMkLst>
            <pc:docMk/>
            <pc:sldMk cId="0" sldId="262"/>
            <ac:spMk id="44" creationId="{00000000-0000-0000-0000-000000000000}"/>
          </ac:spMkLst>
        </pc:spChg>
        <pc:picChg chg="del">
          <ac:chgData name="芳彦 植野" userId="86ab4e6fb1040a80" providerId="LiveId" clId="{BFBCDECB-9651-4182-BD0E-B931606F27C9}" dt="2024-03-10T05:37:58.993" v="5709" actId="21"/>
          <ac:picMkLst>
            <pc:docMk/>
            <pc:sldMk cId="0" sldId="262"/>
            <ac:picMk id="2" creationId="{00000000-0000-0000-0000-000000000000}"/>
          </ac:picMkLst>
        </pc:picChg>
      </pc:sldChg>
      <pc:sldChg chg="modSp add del mod setBg">
        <pc:chgData name="芳彦 植野" userId="86ab4e6fb1040a80" providerId="LiveId" clId="{BFBCDECB-9651-4182-BD0E-B931606F27C9}" dt="2024-03-18T05:14:33.601" v="6686" actId="1076"/>
        <pc:sldMkLst>
          <pc:docMk/>
          <pc:sldMk cId="0" sldId="263"/>
        </pc:sldMkLst>
        <pc:spChg chg="mod">
          <ac:chgData name="芳彦 植野" userId="86ab4e6fb1040a80" providerId="LiveId" clId="{BFBCDECB-9651-4182-BD0E-B931606F27C9}" dt="2023-09-24T03:20:58.138" v="359" actId="255"/>
          <ac:spMkLst>
            <pc:docMk/>
            <pc:sldMk cId="0" sldId="263"/>
            <ac:spMk id="46" creationId="{00000000-0000-0000-0000-000000000000}"/>
          </ac:spMkLst>
        </pc:spChg>
        <pc:spChg chg="mod">
          <ac:chgData name="芳彦 植野" userId="86ab4e6fb1040a80" providerId="LiveId" clId="{BFBCDECB-9651-4182-BD0E-B931606F27C9}" dt="2024-03-18T05:14:33.601" v="6686" actId="1076"/>
          <ac:spMkLst>
            <pc:docMk/>
            <pc:sldMk cId="0" sldId="263"/>
            <ac:spMk id="48" creationId="{00000000-0000-0000-0000-000000000000}"/>
          </ac:spMkLst>
        </pc:spChg>
        <pc:spChg chg="mod">
          <ac:chgData name="芳彦 植野" userId="86ab4e6fb1040a80" providerId="LiveId" clId="{BFBCDECB-9651-4182-BD0E-B931606F27C9}" dt="2023-09-24T03:20:45.040" v="358" actId="20577"/>
          <ac:spMkLst>
            <pc:docMk/>
            <pc:sldMk cId="0" sldId="263"/>
            <ac:spMk id="49" creationId="{00000000-0000-0000-0000-000000000000}"/>
          </ac:spMkLst>
        </pc:spChg>
      </pc:sldChg>
      <pc:sldChg chg="modSp add del mod">
        <pc:chgData name="芳彦 植野" userId="86ab4e6fb1040a80" providerId="LiveId" clId="{BFBCDECB-9651-4182-BD0E-B931606F27C9}" dt="2024-03-18T05:14:25.855" v="6685" actId="1076"/>
        <pc:sldMkLst>
          <pc:docMk/>
          <pc:sldMk cId="0" sldId="264"/>
        </pc:sldMkLst>
        <pc:spChg chg="mod">
          <ac:chgData name="芳彦 植野" userId="86ab4e6fb1040a80" providerId="LiveId" clId="{BFBCDECB-9651-4182-BD0E-B931606F27C9}" dt="2024-03-18T05:14:25.855" v="6685" actId="1076"/>
          <ac:spMkLst>
            <pc:docMk/>
            <pc:sldMk cId="0" sldId="264"/>
            <ac:spMk id="31" creationId="{00000000-0000-0000-0000-000000000000}"/>
          </ac:spMkLst>
        </pc:spChg>
        <pc:spChg chg="mod">
          <ac:chgData name="芳彦 植野" userId="86ab4e6fb1040a80" providerId="LiveId" clId="{BFBCDECB-9651-4182-BD0E-B931606F27C9}" dt="2024-03-18T04:59:49.823" v="6656"/>
          <ac:spMkLst>
            <pc:docMk/>
            <pc:sldMk cId="0" sldId="264"/>
            <ac:spMk id="45" creationId="{00000000-0000-0000-0000-000000000000}"/>
          </ac:spMkLst>
        </pc:spChg>
      </pc:sldChg>
      <pc:sldChg chg="modSp add del">
        <pc:chgData name="芳彦 植野" userId="86ab4e6fb1040a80" providerId="LiveId" clId="{BFBCDECB-9651-4182-BD0E-B931606F27C9}" dt="2024-01-09T00:39:22.584" v="5225" actId="2696"/>
        <pc:sldMkLst>
          <pc:docMk/>
          <pc:sldMk cId="2530219618" sldId="264"/>
        </pc:sldMkLst>
        <pc:picChg chg="mod">
          <ac:chgData name="芳彦 植野" userId="86ab4e6fb1040a80" providerId="LiveId" clId="{BFBCDECB-9651-4182-BD0E-B931606F27C9}" dt="2024-01-08T08:19:19.004" v="4732"/>
          <ac:picMkLst>
            <pc:docMk/>
            <pc:sldMk cId="2530219618" sldId="264"/>
            <ac:picMk id="2" creationId="{9DE2262E-B78F-A43B-33F8-494EF740D7F6}"/>
          </ac:picMkLst>
        </pc:picChg>
      </pc:sldChg>
      <pc:sldChg chg="delSp modSp add del mod setBg">
        <pc:chgData name="芳彦 植野" userId="86ab4e6fb1040a80" providerId="LiveId" clId="{BFBCDECB-9651-4182-BD0E-B931606F27C9}" dt="2024-03-17T01:15:44.690" v="6173" actId="14100"/>
        <pc:sldMkLst>
          <pc:docMk/>
          <pc:sldMk cId="0" sldId="265"/>
        </pc:sldMkLst>
        <pc:spChg chg="mod">
          <ac:chgData name="芳彦 植野" userId="86ab4e6fb1040a80" providerId="LiveId" clId="{BFBCDECB-9651-4182-BD0E-B931606F27C9}" dt="2024-03-10T05:39:15.197" v="5715" actId="14100"/>
          <ac:spMkLst>
            <pc:docMk/>
            <pc:sldMk cId="0" sldId="265"/>
            <ac:spMk id="4" creationId="{00000000-0000-0000-0000-000000000000}"/>
          </ac:spMkLst>
        </pc:spChg>
        <pc:spChg chg="mod">
          <ac:chgData name="芳彦 植野" userId="86ab4e6fb1040a80" providerId="LiveId" clId="{BFBCDECB-9651-4182-BD0E-B931606F27C9}" dt="2024-03-17T01:15:44.690" v="6173" actId="14100"/>
          <ac:spMkLst>
            <pc:docMk/>
            <pc:sldMk cId="0" sldId="265"/>
            <ac:spMk id="5" creationId="{00000000-0000-0000-0000-000000000000}"/>
          </ac:spMkLst>
        </pc:spChg>
        <pc:spChg chg="mod">
          <ac:chgData name="芳彦 植野" userId="86ab4e6fb1040a80" providerId="LiveId" clId="{BFBCDECB-9651-4182-BD0E-B931606F27C9}" dt="2024-03-10T05:38:39.165" v="5713" actId="14100"/>
          <ac:spMkLst>
            <pc:docMk/>
            <pc:sldMk cId="0" sldId="265"/>
            <ac:spMk id="72" creationId="{00000000-0000-0000-0000-000000000000}"/>
          </ac:spMkLst>
        </pc:spChg>
        <pc:picChg chg="del">
          <ac:chgData name="芳彦 植野" userId="86ab4e6fb1040a80" providerId="LiveId" clId="{BFBCDECB-9651-4182-BD0E-B931606F27C9}" dt="2024-03-10T05:38:43.968" v="5714" actId="21"/>
          <ac:picMkLst>
            <pc:docMk/>
            <pc:sldMk cId="0" sldId="265"/>
            <ac:picMk id="3" creationId="{00000000-0000-0000-0000-000000000000}"/>
          </ac:picMkLst>
        </pc:picChg>
      </pc:sldChg>
      <pc:sldChg chg="delSp modSp add del mod setBg">
        <pc:chgData name="芳彦 植野" userId="86ab4e6fb1040a80" providerId="LiveId" clId="{BFBCDECB-9651-4182-BD0E-B931606F27C9}" dt="2024-03-18T05:14:04.873" v="6682" actId="1076"/>
        <pc:sldMkLst>
          <pc:docMk/>
          <pc:sldMk cId="0" sldId="266"/>
        </pc:sldMkLst>
        <pc:spChg chg="mod">
          <ac:chgData name="芳彦 植野" userId="86ab4e6fb1040a80" providerId="LiveId" clId="{BFBCDECB-9651-4182-BD0E-B931606F27C9}" dt="2024-03-18T05:14:04.873" v="6682" actId="1076"/>
          <ac:spMkLst>
            <pc:docMk/>
            <pc:sldMk cId="0" sldId="266"/>
            <ac:spMk id="35" creationId="{00000000-0000-0000-0000-000000000000}"/>
          </ac:spMkLst>
        </pc:spChg>
        <pc:spChg chg="mod">
          <ac:chgData name="芳彦 植野" userId="86ab4e6fb1040a80" providerId="LiveId" clId="{BFBCDECB-9651-4182-BD0E-B931606F27C9}" dt="2024-03-10T05:39:45.302" v="5716" actId="14100"/>
          <ac:spMkLst>
            <pc:docMk/>
            <pc:sldMk cId="0" sldId="266"/>
            <ac:spMk id="61" creationId="{00000000-0000-0000-0000-000000000000}"/>
          </ac:spMkLst>
        </pc:spChg>
        <pc:picChg chg="del">
          <ac:chgData name="芳彦 植野" userId="86ab4e6fb1040a80" providerId="LiveId" clId="{BFBCDECB-9651-4182-BD0E-B931606F27C9}" dt="2024-03-10T05:39:48.908" v="5717" actId="21"/>
          <ac:picMkLst>
            <pc:docMk/>
            <pc:sldMk cId="0" sldId="266"/>
            <ac:picMk id="2" creationId="{00000000-0000-0000-0000-000000000000}"/>
          </ac:picMkLst>
        </pc:picChg>
      </pc:sldChg>
      <pc:sldChg chg="delSp modSp add del mod">
        <pc:chgData name="芳彦 植野" userId="86ab4e6fb1040a80" providerId="LiveId" clId="{BFBCDECB-9651-4182-BD0E-B931606F27C9}" dt="2024-03-18T05:13:55.419" v="6681" actId="14100"/>
        <pc:sldMkLst>
          <pc:docMk/>
          <pc:sldMk cId="0" sldId="267"/>
        </pc:sldMkLst>
        <pc:spChg chg="del">
          <ac:chgData name="芳彦 植野" userId="86ab4e6fb1040a80" providerId="LiveId" clId="{BFBCDECB-9651-4182-BD0E-B931606F27C9}" dt="2024-03-18T05:13:51.742" v="6680" actId="21"/>
          <ac:spMkLst>
            <pc:docMk/>
            <pc:sldMk cId="0" sldId="267"/>
            <ac:spMk id="28" creationId="{00000000-0000-0000-0000-000000000000}"/>
          </ac:spMkLst>
        </pc:spChg>
        <pc:spChg chg="del">
          <ac:chgData name="芳彦 植野" userId="86ab4e6fb1040a80" providerId="LiveId" clId="{BFBCDECB-9651-4182-BD0E-B931606F27C9}" dt="2024-03-18T05:13:45.701" v="6679" actId="21"/>
          <ac:spMkLst>
            <pc:docMk/>
            <pc:sldMk cId="0" sldId="267"/>
            <ac:spMk id="29" creationId="{00000000-0000-0000-0000-000000000000}"/>
          </ac:spMkLst>
        </pc:spChg>
        <pc:spChg chg="mod">
          <ac:chgData name="芳彦 植野" userId="86ab4e6fb1040a80" providerId="LiveId" clId="{BFBCDECB-9651-4182-BD0E-B931606F27C9}" dt="2024-03-18T05:13:55.419" v="6681" actId="14100"/>
          <ac:spMkLst>
            <pc:docMk/>
            <pc:sldMk cId="0" sldId="267"/>
            <ac:spMk id="32" creationId="{00000000-0000-0000-0000-000000000000}"/>
          </ac:spMkLst>
        </pc:spChg>
        <pc:spChg chg="mod">
          <ac:chgData name="芳彦 植野" userId="86ab4e6fb1040a80" providerId="LiveId" clId="{BFBCDECB-9651-4182-BD0E-B931606F27C9}" dt="2024-01-08T08:25:38.373" v="4792" actId="14100"/>
          <ac:spMkLst>
            <pc:docMk/>
            <pc:sldMk cId="0" sldId="267"/>
            <ac:spMk id="35" creationId="{00000000-0000-0000-0000-000000000000}"/>
          </ac:spMkLst>
        </pc:spChg>
        <pc:picChg chg="mod">
          <ac:chgData name="芳彦 植野" userId="86ab4e6fb1040a80" providerId="LiveId" clId="{BFBCDECB-9651-4182-BD0E-B931606F27C9}" dt="2024-01-08T08:19:19.004" v="4732"/>
          <ac:picMkLst>
            <pc:docMk/>
            <pc:sldMk cId="0" sldId="267"/>
            <ac:picMk id="2" creationId="{00000000-0000-0000-0000-000000000000}"/>
          </ac:picMkLst>
        </pc:picChg>
        <pc:picChg chg="mod">
          <ac:chgData name="芳彦 植野" userId="86ab4e6fb1040a80" providerId="LiveId" clId="{BFBCDECB-9651-4182-BD0E-B931606F27C9}" dt="2024-01-08T08:19:19.004" v="4732"/>
          <ac:picMkLst>
            <pc:docMk/>
            <pc:sldMk cId="0" sldId="267"/>
            <ac:picMk id="3" creationId="{00000000-0000-0000-0000-000000000000}"/>
          </ac:picMkLst>
        </pc:picChg>
        <pc:picChg chg="mod">
          <ac:chgData name="芳彦 植野" userId="86ab4e6fb1040a80" providerId="LiveId" clId="{BFBCDECB-9651-4182-BD0E-B931606F27C9}" dt="2024-01-08T08:19:19.004" v="4732"/>
          <ac:picMkLst>
            <pc:docMk/>
            <pc:sldMk cId="0" sldId="267"/>
            <ac:picMk id="4" creationId="{00000000-0000-0000-0000-000000000000}"/>
          </ac:picMkLst>
        </pc:picChg>
        <pc:picChg chg="mod">
          <ac:chgData name="芳彦 植野" userId="86ab4e6fb1040a80" providerId="LiveId" clId="{BFBCDECB-9651-4182-BD0E-B931606F27C9}" dt="2024-01-08T08:19:19.004" v="4732"/>
          <ac:picMkLst>
            <pc:docMk/>
            <pc:sldMk cId="0" sldId="267"/>
            <ac:picMk id="36" creationId="{00000000-0000-0000-0000-000000000000}"/>
          </ac:picMkLst>
        </pc:picChg>
      </pc:sldChg>
      <pc:sldChg chg="delSp modSp add del mod">
        <pc:chgData name="芳彦 植野" userId="86ab4e6fb1040a80" providerId="LiveId" clId="{BFBCDECB-9651-4182-BD0E-B931606F27C9}" dt="2024-03-16T19:12:34.489" v="6153" actId="2696"/>
        <pc:sldMkLst>
          <pc:docMk/>
          <pc:sldMk cId="0" sldId="268"/>
        </pc:sldMkLst>
        <pc:spChg chg="mod">
          <ac:chgData name="芳彦 植野" userId="86ab4e6fb1040a80" providerId="LiveId" clId="{BFBCDECB-9651-4182-BD0E-B931606F27C9}" dt="2024-03-10T05:40:21.227" v="5721" actId="14100"/>
          <ac:spMkLst>
            <pc:docMk/>
            <pc:sldMk cId="0" sldId="268"/>
            <ac:spMk id="29" creationId="{00000000-0000-0000-0000-000000000000}"/>
          </ac:spMkLst>
        </pc:spChg>
        <pc:picChg chg="del">
          <ac:chgData name="芳彦 植野" userId="86ab4e6fb1040a80" providerId="LiveId" clId="{BFBCDECB-9651-4182-BD0E-B931606F27C9}" dt="2024-03-10T05:40:17.882" v="5720" actId="21"/>
          <ac:picMkLst>
            <pc:docMk/>
            <pc:sldMk cId="0" sldId="268"/>
            <ac:picMk id="2" creationId="{00000000-0000-0000-0000-000000000000}"/>
          </ac:picMkLst>
        </pc:picChg>
      </pc:sldChg>
      <pc:sldChg chg="add">
        <pc:chgData name="芳彦 植野" userId="86ab4e6fb1040a80" providerId="LiveId" clId="{BFBCDECB-9651-4182-BD0E-B931606F27C9}" dt="2024-03-09T22:18:35.111" v="5644"/>
        <pc:sldMkLst>
          <pc:docMk/>
          <pc:sldMk cId="0" sldId="269"/>
        </pc:sldMkLst>
      </pc:sldChg>
      <pc:sldChg chg="delSp add del mod">
        <pc:chgData name="芳彦 植野" userId="86ab4e6fb1040a80" providerId="LiveId" clId="{BFBCDECB-9651-4182-BD0E-B931606F27C9}" dt="2024-03-16T19:12:23.805" v="6151" actId="2696"/>
        <pc:sldMkLst>
          <pc:docMk/>
          <pc:sldMk cId="0" sldId="270"/>
        </pc:sldMkLst>
        <pc:picChg chg="del">
          <ac:chgData name="芳彦 植野" userId="86ab4e6fb1040a80" providerId="LiveId" clId="{BFBCDECB-9651-4182-BD0E-B931606F27C9}" dt="2024-03-10T05:40:30.642" v="5722" actId="21"/>
          <ac:picMkLst>
            <pc:docMk/>
            <pc:sldMk cId="0" sldId="270"/>
            <ac:picMk id="2" creationId="{00000000-0000-0000-0000-000000000000}"/>
          </ac:picMkLst>
        </pc:picChg>
      </pc:sldChg>
      <pc:sldChg chg="delSp modSp add del mod">
        <pc:chgData name="芳彦 植野" userId="86ab4e6fb1040a80" providerId="LiveId" clId="{BFBCDECB-9651-4182-BD0E-B931606F27C9}" dt="2024-03-16T19:09:04.017" v="6136" actId="2696"/>
        <pc:sldMkLst>
          <pc:docMk/>
          <pc:sldMk cId="0" sldId="271"/>
        </pc:sldMkLst>
        <pc:spChg chg="mod">
          <ac:chgData name="芳彦 植野" userId="86ab4e6fb1040a80" providerId="LiveId" clId="{BFBCDECB-9651-4182-BD0E-B931606F27C9}" dt="2024-03-10T05:40:58.478" v="5724" actId="14100"/>
          <ac:spMkLst>
            <pc:docMk/>
            <pc:sldMk cId="0" sldId="271"/>
            <ac:spMk id="3" creationId="{00000000-0000-0000-0000-000000000000}"/>
          </ac:spMkLst>
        </pc:spChg>
        <pc:spChg chg="mod">
          <ac:chgData name="芳彦 植野" userId="86ab4e6fb1040a80" providerId="LiveId" clId="{BFBCDECB-9651-4182-BD0E-B931606F27C9}" dt="2024-03-10T05:41:43.514" v="5727" actId="255"/>
          <ac:spMkLst>
            <pc:docMk/>
            <pc:sldMk cId="0" sldId="271"/>
            <ac:spMk id="47" creationId="{00000000-0000-0000-0000-000000000000}"/>
          </ac:spMkLst>
        </pc:spChg>
        <pc:spChg chg="mod">
          <ac:chgData name="芳彦 植野" userId="86ab4e6fb1040a80" providerId="LiveId" clId="{BFBCDECB-9651-4182-BD0E-B931606F27C9}" dt="2024-03-10T05:41:32.449" v="5726" actId="255"/>
          <ac:spMkLst>
            <pc:docMk/>
            <pc:sldMk cId="0" sldId="271"/>
            <ac:spMk id="53" creationId="{00000000-0000-0000-0000-000000000000}"/>
          </ac:spMkLst>
        </pc:spChg>
        <pc:picChg chg="del">
          <ac:chgData name="芳彦 植野" userId="86ab4e6fb1040a80" providerId="LiveId" clId="{BFBCDECB-9651-4182-BD0E-B931606F27C9}" dt="2024-03-10T05:40:54.242" v="5723" actId="21"/>
          <ac:picMkLst>
            <pc:docMk/>
            <pc:sldMk cId="0" sldId="271"/>
            <ac:picMk id="2" creationId="{00000000-0000-0000-0000-000000000000}"/>
          </ac:picMkLst>
        </pc:picChg>
      </pc:sldChg>
      <pc:sldChg chg="delSp modSp add del mod">
        <pc:chgData name="芳彦 植野" userId="86ab4e6fb1040a80" providerId="LiveId" clId="{BFBCDECB-9651-4182-BD0E-B931606F27C9}" dt="2024-03-16T19:12:19.213" v="6150" actId="2696"/>
        <pc:sldMkLst>
          <pc:docMk/>
          <pc:sldMk cId="0" sldId="272"/>
        </pc:sldMkLst>
        <pc:spChg chg="mod">
          <ac:chgData name="芳彦 植野" userId="86ab4e6fb1040a80" providerId="LiveId" clId="{BFBCDECB-9651-4182-BD0E-B931606F27C9}" dt="2024-03-10T05:43:11.601" v="5740" actId="14100"/>
          <ac:spMkLst>
            <pc:docMk/>
            <pc:sldMk cId="0" sldId="272"/>
            <ac:spMk id="10" creationId="{00000000-0000-0000-0000-000000000000}"/>
          </ac:spMkLst>
        </pc:spChg>
        <pc:spChg chg="mod">
          <ac:chgData name="芳彦 植野" userId="86ab4e6fb1040a80" providerId="LiveId" clId="{BFBCDECB-9651-4182-BD0E-B931606F27C9}" dt="2024-03-10T05:42:51.215" v="5737" actId="255"/>
          <ac:spMkLst>
            <pc:docMk/>
            <pc:sldMk cId="0" sldId="272"/>
            <ac:spMk id="77" creationId="{00000000-0000-0000-0000-000000000000}"/>
          </ac:spMkLst>
        </pc:spChg>
        <pc:spChg chg="mod">
          <ac:chgData name="芳彦 植野" userId="86ab4e6fb1040a80" providerId="LiveId" clId="{BFBCDECB-9651-4182-BD0E-B931606F27C9}" dt="2024-03-10T05:43:25.707" v="5743" actId="1076"/>
          <ac:spMkLst>
            <pc:docMk/>
            <pc:sldMk cId="0" sldId="272"/>
            <ac:spMk id="81" creationId="{00000000-0000-0000-0000-000000000000}"/>
          </ac:spMkLst>
        </pc:spChg>
        <pc:spChg chg="mod">
          <ac:chgData name="芳彦 植野" userId="86ab4e6fb1040a80" providerId="LiveId" clId="{BFBCDECB-9651-4182-BD0E-B931606F27C9}" dt="2024-03-10T05:42:29.993" v="5735" actId="255"/>
          <ac:spMkLst>
            <pc:docMk/>
            <pc:sldMk cId="0" sldId="272"/>
            <ac:spMk id="85" creationId="{00000000-0000-0000-0000-000000000000}"/>
          </ac:spMkLst>
        </pc:spChg>
        <pc:spChg chg="mod">
          <ac:chgData name="芳彦 植野" userId="86ab4e6fb1040a80" providerId="LiveId" clId="{BFBCDECB-9651-4182-BD0E-B931606F27C9}" dt="2024-03-10T05:42:41.978" v="5736" actId="255"/>
          <ac:spMkLst>
            <pc:docMk/>
            <pc:sldMk cId="0" sldId="272"/>
            <ac:spMk id="90" creationId="{00000000-0000-0000-0000-000000000000}"/>
          </ac:spMkLst>
        </pc:spChg>
        <pc:spChg chg="mod">
          <ac:chgData name="芳彦 植野" userId="86ab4e6fb1040a80" providerId="LiveId" clId="{BFBCDECB-9651-4182-BD0E-B931606F27C9}" dt="2024-03-10T05:42:19.516" v="5734" actId="1076"/>
          <ac:spMkLst>
            <pc:docMk/>
            <pc:sldMk cId="0" sldId="272"/>
            <ac:spMk id="93" creationId="{00000000-0000-0000-0000-000000000000}"/>
          </ac:spMkLst>
        </pc:spChg>
        <pc:grpChg chg="mod">
          <ac:chgData name="芳彦 植野" userId="86ab4e6fb1040a80" providerId="LiveId" clId="{BFBCDECB-9651-4182-BD0E-B931606F27C9}" dt="2024-03-10T05:43:22.428" v="5742" actId="14100"/>
          <ac:grpSpMkLst>
            <pc:docMk/>
            <pc:sldMk cId="0" sldId="272"/>
            <ac:grpSpMk id="78" creationId="{00000000-0000-0000-0000-000000000000}"/>
          </ac:grpSpMkLst>
        </pc:grpChg>
        <pc:grpChg chg="mod">
          <ac:chgData name="芳彦 植野" userId="86ab4e6fb1040a80" providerId="LiveId" clId="{BFBCDECB-9651-4182-BD0E-B931606F27C9}" dt="2024-03-10T05:44:09.964" v="5747" actId="14100"/>
          <ac:grpSpMkLst>
            <pc:docMk/>
            <pc:sldMk cId="0" sldId="272"/>
            <ac:grpSpMk id="94" creationId="{00000000-0000-0000-0000-000000000000}"/>
          </ac:grpSpMkLst>
        </pc:grpChg>
        <pc:picChg chg="del">
          <ac:chgData name="芳彦 植野" userId="86ab4e6fb1040a80" providerId="LiveId" clId="{BFBCDECB-9651-4182-BD0E-B931606F27C9}" dt="2024-03-10T05:41:57.418" v="5730" actId="21"/>
          <ac:picMkLst>
            <pc:docMk/>
            <pc:sldMk cId="0" sldId="272"/>
            <ac:picMk id="2" creationId="{00000000-0000-0000-0000-000000000000}"/>
          </ac:picMkLst>
        </pc:picChg>
        <pc:picChg chg="mod">
          <ac:chgData name="芳彦 植野" userId="86ab4e6fb1040a80" providerId="LiveId" clId="{BFBCDECB-9651-4182-BD0E-B931606F27C9}" dt="2024-03-10T05:43:54.288" v="5745" actId="14100"/>
          <ac:picMkLst>
            <pc:docMk/>
            <pc:sldMk cId="0" sldId="272"/>
            <ac:picMk id="27" creationId="{00000000-0000-0000-0000-000000000000}"/>
          </ac:picMkLst>
        </pc:picChg>
        <pc:picChg chg="del mod">
          <ac:chgData name="芳彦 植野" userId="86ab4e6fb1040a80" providerId="LiveId" clId="{BFBCDECB-9651-4182-BD0E-B931606F27C9}" dt="2024-03-10T05:42:15.169" v="5733" actId="21"/>
          <ac:picMkLst>
            <pc:docMk/>
            <pc:sldMk cId="0" sldId="272"/>
            <ac:picMk id="92" creationId="{00000000-0000-0000-0000-000000000000}"/>
          </ac:picMkLst>
        </pc:picChg>
      </pc:sldChg>
      <pc:sldChg chg="delSp modSp add mod">
        <pc:chgData name="芳彦 植野" userId="86ab4e6fb1040a80" providerId="LiveId" clId="{BFBCDECB-9651-4182-BD0E-B931606F27C9}" dt="2024-03-18T19:39:46.756" v="6706" actId="14100"/>
        <pc:sldMkLst>
          <pc:docMk/>
          <pc:sldMk cId="0" sldId="273"/>
        </pc:sldMkLst>
        <pc:spChg chg="mod">
          <ac:chgData name="芳彦 植野" userId="86ab4e6fb1040a80" providerId="LiveId" clId="{BFBCDECB-9651-4182-BD0E-B931606F27C9}" dt="2024-03-18T19:39:46.756" v="6706" actId="14100"/>
          <ac:spMkLst>
            <pc:docMk/>
            <pc:sldMk cId="0" sldId="273"/>
            <ac:spMk id="127" creationId="{00000000-0000-0000-0000-000000000000}"/>
          </ac:spMkLst>
        </pc:spChg>
        <pc:picChg chg="del">
          <ac:chgData name="芳彦 植野" userId="86ab4e6fb1040a80" providerId="LiveId" clId="{BFBCDECB-9651-4182-BD0E-B931606F27C9}" dt="2024-03-10T05:44:26.904" v="5749" actId="21"/>
          <ac:picMkLst>
            <pc:docMk/>
            <pc:sldMk cId="0" sldId="273"/>
            <ac:picMk id="2" creationId="{00000000-0000-0000-0000-000000000000}"/>
          </ac:picMkLst>
        </pc:picChg>
      </pc:sldChg>
      <pc:sldChg chg="add del">
        <pc:chgData name="芳彦 植野" userId="86ab4e6fb1040a80" providerId="LiveId" clId="{BFBCDECB-9651-4182-BD0E-B931606F27C9}" dt="2024-03-16T19:09:24.699" v="6137" actId="2696"/>
        <pc:sldMkLst>
          <pc:docMk/>
          <pc:sldMk cId="0" sldId="274"/>
        </pc:sldMkLst>
      </pc:sldChg>
      <pc:sldChg chg="modSp add del mod">
        <pc:chgData name="芳彦 植野" userId="86ab4e6fb1040a80" providerId="LiveId" clId="{BFBCDECB-9651-4182-BD0E-B931606F27C9}" dt="2024-03-18T05:08:58.713" v="6675" actId="6549"/>
        <pc:sldMkLst>
          <pc:docMk/>
          <pc:sldMk cId="0" sldId="275"/>
        </pc:sldMkLst>
        <pc:spChg chg="mod">
          <ac:chgData name="芳彦 植野" userId="86ab4e6fb1040a80" providerId="LiveId" clId="{BFBCDECB-9651-4182-BD0E-B931606F27C9}" dt="2024-03-18T05:08:58.713" v="6675" actId="6549"/>
          <ac:spMkLst>
            <pc:docMk/>
            <pc:sldMk cId="0" sldId="275"/>
            <ac:spMk id="2" creationId="{00000000-0000-0000-0000-000000000000}"/>
          </ac:spMkLst>
        </pc:spChg>
      </pc:sldChg>
      <pc:sldChg chg="add del">
        <pc:chgData name="芳彦 植野" userId="86ab4e6fb1040a80" providerId="LiveId" clId="{BFBCDECB-9651-4182-BD0E-B931606F27C9}" dt="2024-03-16T19:09:35.145" v="6139" actId="2696"/>
        <pc:sldMkLst>
          <pc:docMk/>
          <pc:sldMk cId="0" sldId="276"/>
        </pc:sldMkLst>
      </pc:sldChg>
      <pc:sldChg chg="delSp add del mod">
        <pc:chgData name="芳彦 植野" userId="86ab4e6fb1040a80" providerId="LiveId" clId="{BFBCDECB-9651-4182-BD0E-B931606F27C9}" dt="2024-03-16T19:09:38.615" v="6140" actId="2696"/>
        <pc:sldMkLst>
          <pc:docMk/>
          <pc:sldMk cId="0" sldId="277"/>
        </pc:sldMkLst>
        <pc:picChg chg="del">
          <ac:chgData name="芳彦 植野" userId="86ab4e6fb1040a80" providerId="LiveId" clId="{BFBCDECB-9651-4182-BD0E-B931606F27C9}" dt="2024-03-10T05:45:16.704" v="5750" actId="21"/>
          <ac:picMkLst>
            <pc:docMk/>
            <pc:sldMk cId="0" sldId="277"/>
            <ac:picMk id="2" creationId="{00000000-0000-0000-0000-000000000000}"/>
          </ac:picMkLst>
        </pc:picChg>
      </pc:sldChg>
      <pc:sldChg chg="delSp add mod">
        <pc:chgData name="芳彦 植野" userId="86ab4e6fb1040a80" providerId="LiveId" clId="{BFBCDECB-9651-4182-BD0E-B931606F27C9}" dt="2024-03-18T19:39:55.976" v="6707" actId="21"/>
        <pc:sldMkLst>
          <pc:docMk/>
          <pc:sldMk cId="0" sldId="278"/>
        </pc:sldMkLst>
        <pc:picChg chg="del">
          <ac:chgData name="芳彦 植野" userId="86ab4e6fb1040a80" providerId="LiveId" clId="{BFBCDECB-9651-4182-BD0E-B931606F27C9}" dt="2024-03-18T19:39:55.976" v="6707" actId="21"/>
          <ac:picMkLst>
            <pc:docMk/>
            <pc:sldMk cId="0" sldId="278"/>
            <ac:picMk id="2" creationId="{00000000-0000-0000-0000-000000000000}"/>
          </ac:picMkLst>
        </pc:picChg>
      </pc:sldChg>
      <pc:sldChg chg="modSp add del mod">
        <pc:chgData name="芳彦 植野" userId="86ab4e6fb1040a80" providerId="LiveId" clId="{BFBCDECB-9651-4182-BD0E-B931606F27C9}" dt="2024-03-18T05:08:31.657" v="6672" actId="20577"/>
        <pc:sldMkLst>
          <pc:docMk/>
          <pc:sldMk cId="0" sldId="279"/>
        </pc:sldMkLst>
        <pc:spChg chg="mod">
          <ac:chgData name="芳彦 植野" userId="86ab4e6fb1040a80" providerId="LiveId" clId="{BFBCDECB-9651-4182-BD0E-B931606F27C9}" dt="2024-03-18T05:08:31.657" v="6672" actId="20577"/>
          <ac:spMkLst>
            <pc:docMk/>
            <pc:sldMk cId="0" sldId="279"/>
            <ac:spMk id="8" creationId="{00000000-0000-0000-0000-000000000000}"/>
          </ac:spMkLst>
        </pc:spChg>
      </pc:sldChg>
      <pc:sldChg chg="add del">
        <pc:chgData name="芳彦 植野" userId="86ab4e6fb1040a80" providerId="LiveId" clId="{BFBCDECB-9651-4182-BD0E-B931606F27C9}" dt="2024-03-16T19:10:11.001" v="6142" actId="2696"/>
        <pc:sldMkLst>
          <pc:docMk/>
          <pc:sldMk cId="0" sldId="280"/>
        </pc:sldMkLst>
      </pc:sldChg>
      <pc:sldChg chg="delSp modSp add mod">
        <pc:chgData name="芳彦 植野" userId="86ab4e6fb1040a80" providerId="LiveId" clId="{BFBCDECB-9651-4182-BD0E-B931606F27C9}" dt="2024-03-18T19:40:06.615" v="6709" actId="21"/>
        <pc:sldMkLst>
          <pc:docMk/>
          <pc:sldMk cId="0" sldId="281"/>
        </pc:sldMkLst>
        <pc:spChg chg="mod">
          <ac:chgData name="芳彦 植野" userId="86ab4e6fb1040a80" providerId="LiveId" clId="{BFBCDECB-9651-4182-BD0E-B931606F27C9}" dt="2024-03-18T19:40:03.788" v="6708" actId="14100"/>
          <ac:spMkLst>
            <pc:docMk/>
            <pc:sldMk cId="0" sldId="281"/>
            <ac:spMk id="30" creationId="{00000000-0000-0000-0000-000000000000}"/>
          </ac:spMkLst>
        </pc:spChg>
        <pc:picChg chg="del">
          <ac:chgData name="芳彦 植野" userId="86ab4e6fb1040a80" providerId="LiveId" clId="{BFBCDECB-9651-4182-BD0E-B931606F27C9}" dt="2024-03-18T19:40:06.615" v="6709" actId="21"/>
          <ac:picMkLst>
            <pc:docMk/>
            <pc:sldMk cId="0" sldId="281"/>
            <ac:picMk id="2" creationId="{00000000-0000-0000-0000-000000000000}"/>
          </ac:picMkLst>
        </pc:picChg>
      </pc:sldChg>
      <pc:sldChg chg="delSp add mod">
        <pc:chgData name="芳彦 植野" userId="86ab4e6fb1040a80" providerId="LiveId" clId="{BFBCDECB-9651-4182-BD0E-B931606F27C9}" dt="2024-03-18T19:40:14.104" v="6710" actId="21"/>
        <pc:sldMkLst>
          <pc:docMk/>
          <pc:sldMk cId="0" sldId="282"/>
        </pc:sldMkLst>
        <pc:picChg chg="del">
          <ac:chgData name="芳彦 植野" userId="86ab4e6fb1040a80" providerId="LiveId" clId="{BFBCDECB-9651-4182-BD0E-B931606F27C9}" dt="2024-03-18T19:40:14.104" v="6710" actId="21"/>
          <ac:picMkLst>
            <pc:docMk/>
            <pc:sldMk cId="0" sldId="282"/>
            <ac:picMk id="2" creationId="{00000000-0000-0000-0000-000000000000}"/>
          </ac:picMkLst>
        </pc:picChg>
      </pc:sldChg>
      <pc:sldChg chg="add del">
        <pc:chgData name="芳彦 植野" userId="86ab4e6fb1040a80" providerId="LiveId" clId="{BFBCDECB-9651-4182-BD0E-B931606F27C9}" dt="2024-03-16T19:11:08.996" v="6143" actId="2696"/>
        <pc:sldMkLst>
          <pc:docMk/>
          <pc:sldMk cId="0" sldId="283"/>
        </pc:sldMkLst>
      </pc:sldChg>
      <pc:sldChg chg="modSp add del mod">
        <pc:chgData name="芳彦 植野" userId="86ab4e6fb1040a80" providerId="LiveId" clId="{BFBCDECB-9651-4182-BD0E-B931606F27C9}" dt="2024-03-16T19:12:01.915" v="6149" actId="2696"/>
        <pc:sldMkLst>
          <pc:docMk/>
          <pc:sldMk cId="0" sldId="284"/>
        </pc:sldMkLst>
        <pc:spChg chg="mod">
          <ac:chgData name="芳彦 植野" userId="86ab4e6fb1040a80" providerId="LiveId" clId="{BFBCDECB-9651-4182-BD0E-B931606F27C9}" dt="2024-03-10T05:47:02.557" v="5752" actId="14100"/>
          <ac:spMkLst>
            <pc:docMk/>
            <pc:sldMk cId="0" sldId="284"/>
            <ac:spMk id="64" creationId="{00000000-0000-0000-0000-000000000000}"/>
          </ac:spMkLst>
        </pc:spChg>
      </pc:sldChg>
      <pc:sldChg chg="add del">
        <pc:chgData name="芳彦 植野" userId="86ab4e6fb1040a80" providerId="LiveId" clId="{BFBCDECB-9651-4182-BD0E-B931606F27C9}" dt="2024-03-16T19:11:20.360" v="6144" actId="2696"/>
        <pc:sldMkLst>
          <pc:docMk/>
          <pc:sldMk cId="0" sldId="285"/>
        </pc:sldMkLst>
      </pc:sldChg>
      <pc:sldChg chg="add del">
        <pc:chgData name="芳彦 植野" userId="86ab4e6fb1040a80" providerId="LiveId" clId="{BFBCDECB-9651-4182-BD0E-B931606F27C9}" dt="2024-03-16T19:11:26.542" v="6145" actId="2696"/>
        <pc:sldMkLst>
          <pc:docMk/>
          <pc:sldMk cId="0" sldId="286"/>
        </pc:sldMkLst>
      </pc:sldChg>
      <pc:sldChg chg="delSp modSp add mod">
        <pc:chgData name="芳彦 植野" userId="86ab4e6fb1040a80" providerId="LiveId" clId="{BFBCDECB-9651-4182-BD0E-B931606F27C9}" dt="2024-03-18T19:40:37.597" v="6711" actId="21"/>
        <pc:sldMkLst>
          <pc:docMk/>
          <pc:sldMk cId="0" sldId="287"/>
        </pc:sldMkLst>
        <pc:spChg chg="mod">
          <ac:chgData name="芳彦 植野" userId="86ab4e6fb1040a80" providerId="LiveId" clId="{BFBCDECB-9651-4182-BD0E-B931606F27C9}" dt="2024-03-18T19:38:59.058" v="6701" actId="14100"/>
          <ac:spMkLst>
            <pc:docMk/>
            <pc:sldMk cId="0" sldId="287"/>
            <ac:spMk id="3" creationId="{00000000-0000-0000-0000-000000000000}"/>
          </ac:spMkLst>
        </pc:spChg>
        <pc:picChg chg="del">
          <ac:chgData name="芳彦 植野" userId="86ab4e6fb1040a80" providerId="LiveId" clId="{BFBCDECB-9651-4182-BD0E-B931606F27C9}" dt="2024-03-18T19:40:37.597" v="6711" actId="21"/>
          <ac:picMkLst>
            <pc:docMk/>
            <pc:sldMk cId="0" sldId="287"/>
            <ac:picMk id="2" creationId="{00000000-0000-0000-0000-000000000000}"/>
          </ac:picMkLst>
        </pc:picChg>
      </pc:sldChg>
      <pc:sldChg chg="delSp modSp add mod">
        <pc:chgData name="芳彦 植野" userId="86ab4e6fb1040a80" providerId="LiveId" clId="{BFBCDECB-9651-4182-BD0E-B931606F27C9}" dt="2024-03-18T19:40:42.367" v="6712" actId="21"/>
        <pc:sldMkLst>
          <pc:docMk/>
          <pc:sldMk cId="0" sldId="288"/>
        </pc:sldMkLst>
        <pc:spChg chg="mod">
          <ac:chgData name="芳彦 植野" userId="86ab4e6fb1040a80" providerId="LiveId" clId="{BFBCDECB-9651-4182-BD0E-B931606F27C9}" dt="2024-03-18T19:39:06.172" v="6702" actId="14100"/>
          <ac:spMkLst>
            <pc:docMk/>
            <pc:sldMk cId="0" sldId="288"/>
            <ac:spMk id="175" creationId="{00000000-0000-0000-0000-000000000000}"/>
          </ac:spMkLst>
        </pc:spChg>
        <pc:picChg chg="del">
          <ac:chgData name="芳彦 植野" userId="86ab4e6fb1040a80" providerId="LiveId" clId="{BFBCDECB-9651-4182-BD0E-B931606F27C9}" dt="2024-03-18T19:40:42.367" v="6712" actId="21"/>
          <ac:picMkLst>
            <pc:docMk/>
            <pc:sldMk cId="0" sldId="288"/>
            <ac:picMk id="2" creationId="{00000000-0000-0000-0000-000000000000}"/>
          </ac:picMkLst>
        </pc:picChg>
      </pc:sldChg>
      <pc:sldChg chg="add del">
        <pc:chgData name="芳彦 植野" userId="86ab4e6fb1040a80" providerId="LiveId" clId="{BFBCDECB-9651-4182-BD0E-B931606F27C9}" dt="2024-03-16T19:11:45.819" v="6146" actId="2696"/>
        <pc:sldMkLst>
          <pc:docMk/>
          <pc:sldMk cId="0" sldId="289"/>
        </pc:sldMkLst>
      </pc:sldChg>
      <pc:sldChg chg="add del">
        <pc:chgData name="芳彦 植野" userId="86ab4e6fb1040a80" providerId="LiveId" clId="{BFBCDECB-9651-4182-BD0E-B931606F27C9}" dt="2024-03-16T19:11:49.127" v="6147" actId="2696"/>
        <pc:sldMkLst>
          <pc:docMk/>
          <pc:sldMk cId="0" sldId="290"/>
        </pc:sldMkLst>
      </pc:sldChg>
      <pc:sldChg chg="delSp modSp add del mod">
        <pc:chgData name="芳彦 植野" userId="86ab4e6fb1040a80" providerId="LiveId" clId="{BFBCDECB-9651-4182-BD0E-B931606F27C9}" dt="2024-03-16T19:11:50.796" v="6148" actId="2696"/>
        <pc:sldMkLst>
          <pc:docMk/>
          <pc:sldMk cId="0" sldId="291"/>
        </pc:sldMkLst>
        <pc:spChg chg="mod">
          <ac:chgData name="芳彦 植野" userId="86ab4e6fb1040a80" providerId="LiveId" clId="{BFBCDECB-9651-4182-BD0E-B931606F27C9}" dt="2024-03-10T05:47:20.412" v="5753" actId="14100"/>
          <ac:spMkLst>
            <pc:docMk/>
            <pc:sldMk cId="0" sldId="291"/>
            <ac:spMk id="25" creationId="{00000000-0000-0000-0000-000000000000}"/>
          </ac:spMkLst>
        </pc:spChg>
        <pc:picChg chg="del">
          <ac:chgData name="芳彦 植野" userId="86ab4e6fb1040a80" providerId="LiveId" clId="{BFBCDECB-9651-4182-BD0E-B931606F27C9}" dt="2024-03-10T05:47:22.973" v="5754" actId="21"/>
          <ac:picMkLst>
            <pc:docMk/>
            <pc:sldMk cId="0" sldId="291"/>
            <ac:picMk id="2" creationId="{00000000-0000-0000-0000-000000000000}"/>
          </ac:picMkLst>
        </pc:picChg>
      </pc:sldChg>
      <pc:sldChg chg="add del">
        <pc:chgData name="芳彦 植野" userId="86ab4e6fb1040a80" providerId="LiveId" clId="{BFBCDECB-9651-4182-BD0E-B931606F27C9}" dt="2024-03-13T11:07:07.210" v="6125" actId="2696"/>
        <pc:sldMkLst>
          <pc:docMk/>
          <pc:sldMk cId="0" sldId="295"/>
        </pc:sldMkLst>
      </pc:sldChg>
      <pc:sldChg chg="add del">
        <pc:chgData name="芳彦 植野" userId="86ab4e6fb1040a80" providerId="LiveId" clId="{BFBCDECB-9651-4182-BD0E-B931606F27C9}" dt="2024-03-13T11:07:04.017" v="6124" actId="2696"/>
        <pc:sldMkLst>
          <pc:docMk/>
          <pc:sldMk cId="0" sldId="296"/>
        </pc:sldMkLst>
      </pc:sldChg>
      <pc:sldChg chg="add del">
        <pc:chgData name="芳彦 植野" userId="86ab4e6fb1040a80" providerId="LiveId" clId="{BFBCDECB-9651-4182-BD0E-B931606F27C9}" dt="2024-03-17T23:52:03.269" v="6317" actId="2696"/>
        <pc:sldMkLst>
          <pc:docMk/>
          <pc:sldMk cId="2446934337" sldId="344"/>
        </pc:sldMkLst>
      </pc:sldChg>
      <pc:sldChg chg="del">
        <pc:chgData name="芳彦 植野" userId="86ab4e6fb1040a80" providerId="LiveId" clId="{BFBCDECB-9651-4182-BD0E-B931606F27C9}" dt="2023-09-23T20:56:58.363" v="23" actId="2696"/>
        <pc:sldMkLst>
          <pc:docMk/>
          <pc:sldMk cId="2170547871" sldId="356"/>
        </pc:sldMkLst>
      </pc:sldChg>
      <pc:sldChg chg="add del">
        <pc:chgData name="芳彦 植野" userId="86ab4e6fb1040a80" providerId="LiveId" clId="{BFBCDECB-9651-4182-BD0E-B931606F27C9}" dt="2024-03-17T23:52:06.167" v="6318" actId="2696"/>
        <pc:sldMkLst>
          <pc:docMk/>
          <pc:sldMk cId="302307968" sldId="425"/>
        </pc:sldMkLst>
      </pc:sldChg>
      <pc:sldChg chg="add del">
        <pc:chgData name="芳彦 植野" userId="86ab4e6fb1040a80" providerId="LiveId" clId="{BFBCDECB-9651-4182-BD0E-B931606F27C9}" dt="2024-03-12T23:29:03.088" v="5761" actId="2696"/>
        <pc:sldMkLst>
          <pc:docMk/>
          <pc:sldMk cId="891002754" sldId="425"/>
        </pc:sldMkLst>
      </pc:sldChg>
      <pc:sldChg chg="delSp modSp add mod modTransition">
        <pc:chgData name="芳彦 植野" userId="86ab4e6fb1040a80" providerId="LiveId" clId="{BFBCDECB-9651-4182-BD0E-B931606F27C9}" dt="2024-03-18T00:08:43.253" v="6647"/>
        <pc:sldMkLst>
          <pc:docMk/>
          <pc:sldMk cId="4272232827" sldId="426"/>
        </pc:sldMkLst>
        <pc:spChg chg="mod">
          <ac:chgData name="芳彦 植野" userId="86ab4e6fb1040a80" providerId="LiveId" clId="{BFBCDECB-9651-4182-BD0E-B931606F27C9}" dt="2024-03-18T00:05:25.710" v="6378" actId="1076"/>
          <ac:spMkLst>
            <pc:docMk/>
            <pc:sldMk cId="4272232827" sldId="426"/>
            <ac:spMk id="3" creationId="{00000000-0000-0000-0000-000000000000}"/>
          </ac:spMkLst>
        </pc:spChg>
        <pc:spChg chg="mod">
          <ac:chgData name="芳彦 植野" userId="86ab4e6fb1040a80" providerId="LiveId" clId="{BFBCDECB-9651-4182-BD0E-B931606F27C9}" dt="2024-03-18T00:08:14.771" v="6642" actId="20577"/>
          <ac:spMkLst>
            <pc:docMk/>
            <pc:sldMk cId="4272232827" sldId="426"/>
            <ac:spMk id="4" creationId="{00000000-0000-0000-0000-000000000000}"/>
          </ac:spMkLst>
        </pc:spChg>
        <pc:spChg chg="del">
          <ac:chgData name="芳彦 植野" userId="86ab4e6fb1040a80" providerId="LiveId" clId="{BFBCDECB-9651-4182-BD0E-B931606F27C9}" dt="2024-03-18T00:08:23.198" v="6643" actId="21"/>
          <ac:spMkLst>
            <pc:docMk/>
            <pc:sldMk cId="4272232827" sldId="426"/>
            <ac:spMk id="5" creationId="{A6D6974F-A840-47C1-9E00-247ED2CAFF60}"/>
          </ac:spMkLst>
        </pc:spChg>
        <pc:spChg chg="del mod">
          <ac:chgData name="芳彦 植野" userId="86ab4e6fb1040a80" providerId="LiveId" clId="{BFBCDECB-9651-4182-BD0E-B931606F27C9}" dt="2024-03-18T00:08:43.253" v="6647"/>
          <ac:spMkLst>
            <pc:docMk/>
            <pc:sldMk cId="4272232827" sldId="426"/>
            <ac:spMk id="6" creationId="{615FA334-0D87-4512-9D9C-D3CA43AA1B79}"/>
          </ac:spMkLst>
        </pc:spChg>
      </pc:sldChg>
      <pc:sldChg chg="modSp">
        <pc:chgData name="芳彦 植野" userId="86ab4e6fb1040a80" providerId="LiveId" clId="{BFBCDECB-9651-4182-BD0E-B931606F27C9}" dt="2024-01-08T08:19:19.004" v="4732"/>
        <pc:sldMkLst>
          <pc:docMk/>
          <pc:sldMk cId="812724044" sldId="427"/>
        </pc:sldMkLst>
        <pc:spChg chg="mod">
          <ac:chgData name="芳彦 植野" userId="86ab4e6fb1040a80" providerId="LiveId" clId="{BFBCDECB-9651-4182-BD0E-B931606F27C9}" dt="2024-01-08T08:19:19.004" v="4732"/>
          <ac:spMkLst>
            <pc:docMk/>
            <pc:sldMk cId="812724044" sldId="427"/>
            <ac:spMk id="2" creationId="{C65462AF-0CCE-443F-5A7F-7384192F70D1}"/>
          </ac:spMkLst>
        </pc:spChg>
        <pc:spChg chg="mod">
          <ac:chgData name="芳彦 植野" userId="86ab4e6fb1040a80" providerId="LiveId" clId="{BFBCDECB-9651-4182-BD0E-B931606F27C9}" dt="2024-01-08T08:19:19.004" v="4732"/>
          <ac:spMkLst>
            <pc:docMk/>
            <pc:sldMk cId="812724044" sldId="427"/>
            <ac:spMk id="32770" creationId="{00000000-0000-0000-0000-000000000000}"/>
          </ac:spMkLst>
        </pc:spChg>
        <pc:spChg chg="mod">
          <ac:chgData name="芳彦 植野" userId="86ab4e6fb1040a80" providerId="LiveId" clId="{BFBCDECB-9651-4182-BD0E-B931606F27C9}" dt="2024-01-08T08:19:19.004" v="4732"/>
          <ac:spMkLst>
            <pc:docMk/>
            <pc:sldMk cId="812724044" sldId="427"/>
            <ac:spMk id="32776" creationId="{00000000-0000-0000-0000-000000000000}"/>
          </ac:spMkLst>
        </pc:spChg>
        <pc:picChg chg="mod">
          <ac:chgData name="芳彦 植野" userId="86ab4e6fb1040a80" providerId="LiveId" clId="{BFBCDECB-9651-4182-BD0E-B931606F27C9}" dt="2024-01-08T08:19:19.004" v="4732"/>
          <ac:picMkLst>
            <pc:docMk/>
            <pc:sldMk cId="812724044" sldId="427"/>
            <ac:picMk id="6146" creationId="{00000000-0000-0000-0000-000000000000}"/>
          </ac:picMkLst>
        </pc:picChg>
        <pc:picChg chg="mod">
          <ac:chgData name="芳彦 植野" userId="86ab4e6fb1040a80" providerId="LiveId" clId="{BFBCDECB-9651-4182-BD0E-B931606F27C9}" dt="2024-01-08T08:19:19.004" v="4732"/>
          <ac:picMkLst>
            <pc:docMk/>
            <pc:sldMk cId="812724044" sldId="427"/>
            <ac:picMk id="32772" creationId="{00000000-0000-0000-0000-000000000000}"/>
          </ac:picMkLst>
        </pc:picChg>
      </pc:sldChg>
      <pc:sldChg chg="modSp del mod">
        <pc:chgData name="芳彦 植野" userId="86ab4e6fb1040a80" providerId="LiveId" clId="{BFBCDECB-9651-4182-BD0E-B931606F27C9}" dt="2024-03-18T05:16:09.306" v="6697" actId="2696"/>
        <pc:sldMkLst>
          <pc:docMk/>
          <pc:sldMk cId="771682517" sldId="430"/>
        </pc:sldMkLst>
        <pc:spChg chg="mod">
          <ac:chgData name="芳彦 植野" userId="86ab4e6fb1040a80" providerId="LiveId" clId="{BFBCDECB-9651-4182-BD0E-B931606F27C9}" dt="2024-01-08T08:19:19.004" v="4732"/>
          <ac:spMkLst>
            <pc:docMk/>
            <pc:sldMk cId="771682517" sldId="430"/>
            <ac:spMk id="2" creationId="{4B7CAAFB-F86D-B13C-48B2-5894A9F094A0}"/>
          </ac:spMkLst>
        </pc:spChg>
        <pc:spChg chg="mod">
          <ac:chgData name="芳彦 植野" userId="86ab4e6fb1040a80" providerId="LiveId" clId="{BFBCDECB-9651-4182-BD0E-B931606F27C9}" dt="2024-01-08T19:56:46.926" v="4961" actId="1076"/>
          <ac:spMkLst>
            <pc:docMk/>
            <pc:sldMk cId="771682517" sldId="430"/>
            <ac:spMk id="9" creationId="{DFF45E3E-A9F4-62D9-EA2A-096F650BB7E1}"/>
          </ac:spMkLst>
        </pc:spChg>
        <pc:spChg chg="mod">
          <ac:chgData name="芳彦 植野" userId="86ab4e6fb1040a80" providerId="LiveId" clId="{BFBCDECB-9651-4182-BD0E-B931606F27C9}" dt="2024-01-08T08:19:19.004" v="4732"/>
          <ac:spMkLst>
            <pc:docMk/>
            <pc:sldMk cId="771682517" sldId="430"/>
            <ac:spMk id="82949" creationId="{6BA05BE0-29D2-F91E-7968-92762EFCEAC7}"/>
          </ac:spMkLst>
        </pc:spChg>
        <pc:spChg chg="mod">
          <ac:chgData name="芳彦 植野" userId="86ab4e6fb1040a80" providerId="LiveId" clId="{BFBCDECB-9651-4182-BD0E-B931606F27C9}" dt="2024-01-08T19:57:02.887" v="4962" actId="20577"/>
          <ac:spMkLst>
            <pc:docMk/>
            <pc:sldMk cId="771682517" sldId="430"/>
            <ac:spMk id="82950" creationId="{3876EEFF-F427-5BFB-2E42-9F8C3FACAA26}"/>
          </ac:spMkLst>
        </pc:spChg>
        <pc:picChg chg="mod">
          <ac:chgData name="芳彦 植野" userId="86ab4e6fb1040a80" providerId="LiveId" clId="{BFBCDECB-9651-4182-BD0E-B931606F27C9}" dt="2024-01-08T19:56:40.119" v="4960" actId="14100"/>
          <ac:picMkLst>
            <pc:docMk/>
            <pc:sldMk cId="771682517" sldId="430"/>
            <ac:picMk id="82946" creationId="{5957F8BB-4AB7-3682-E221-E318F21884C1}"/>
          </ac:picMkLst>
        </pc:picChg>
        <pc:picChg chg="mod">
          <ac:chgData name="芳彦 植野" userId="86ab4e6fb1040a80" providerId="LiveId" clId="{BFBCDECB-9651-4182-BD0E-B931606F27C9}" dt="2024-01-08T19:56:33.757" v="4958" actId="1076"/>
          <ac:picMkLst>
            <pc:docMk/>
            <pc:sldMk cId="771682517" sldId="430"/>
            <ac:picMk id="82947" creationId="{EC6031CB-141F-48C6-3A40-1A2829C215CB}"/>
          </ac:picMkLst>
        </pc:picChg>
        <pc:picChg chg="mod">
          <ac:chgData name="芳彦 植野" userId="86ab4e6fb1040a80" providerId="LiveId" clId="{BFBCDECB-9651-4182-BD0E-B931606F27C9}" dt="2024-01-08T19:56:23.248" v="4955" actId="14100"/>
          <ac:picMkLst>
            <pc:docMk/>
            <pc:sldMk cId="771682517" sldId="430"/>
            <ac:picMk id="82951" creationId="{C82D6608-E128-0BAA-3E43-2EF76350CCE7}"/>
          </ac:picMkLst>
        </pc:picChg>
      </pc:sldChg>
      <pc:sldChg chg="del">
        <pc:chgData name="芳彦 植野" userId="86ab4e6fb1040a80" providerId="LiveId" clId="{BFBCDECB-9651-4182-BD0E-B931606F27C9}" dt="2023-09-23T20:57:07.820" v="27" actId="2696"/>
        <pc:sldMkLst>
          <pc:docMk/>
          <pc:sldMk cId="872061318" sldId="443"/>
        </pc:sldMkLst>
      </pc:sldChg>
      <pc:sldChg chg="modSp add del">
        <pc:chgData name="芳彦 植野" userId="86ab4e6fb1040a80" providerId="LiveId" clId="{BFBCDECB-9651-4182-BD0E-B931606F27C9}" dt="2024-03-13T11:06:19.390" v="6120" actId="2696"/>
        <pc:sldMkLst>
          <pc:docMk/>
          <pc:sldMk cId="0" sldId="540"/>
        </pc:sldMkLst>
        <pc:spChg chg="mod">
          <ac:chgData name="芳彦 植野" userId="86ab4e6fb1040a80" providerId="LiveId" clId="{BFBCDECB-9651-4182-BD0E-B931606F27C9}" dt="2024-01-08T08:19:19.004" v="4732"/>
          <ac:spMkLst>
            <pc:docMk/>
            <pc:sldMk cId="0" sldId="540"/>
            <ac:spMk id="2" creationId="{FFA8C8A6-5281-756A-6528-C5FEEC7BF21D}"/>
          </ac:spMkLst>
        </pc:spChg>
        <pc:spChg chg="mod">
          <ac:chgData name="芳彦 植野" userId="86ab4e6fb1040a80" providerId="LiveId" clId="{BFBCDECB-9651-4182-BD0E-B931606F27C9}" dt="2024-01-08T08:19:19.004" v="4732"/>
          <ac:spMkLst>
            <pc:docMk/>
            <pc:sldMk cId="0" sldId="540"/>
            <ac:spMk id="7" creationId="{F251A27F-A19C-A67B-E04E-948A86AD11D3}"/>
          </ac:spMkLst>
        </pc:spChg>
        <pc:spChg chg="mod">
          <ac:chgData name="芳彦 植野" userId="86ab4e6fb1040a80" providerId="LiveId" clId="{BFBCDECB-9651-4182-BD0E-B931606F27C9}" dt="2024-01-08T08:19:19.004" v="4732"/>
          <ac:spMkLst>
            <pc:docMk/>
            <pc:sldMk cId="0" sldId="540"/>
            <ac:spMk id="47107" creationId="{88D483CF-96E3-1D92-96BF-20FCFA38103A}"/>
          </ac:spMkLst>
        </pc:spChg>
        <pc:picChg chg="mod">
          <ac:chgData name="芳彦 植野" userId="86ab4e6fb1040a80" providerId="LiveId" clId="{BFBCDECB-9651-4182-BD0E-B931606F27C9}" dt="2024-01-08T08:19:19.004" v="4732"/>
          <ac:picMkLst>
            <pc:docMk/>
            <pc:sldMk cId="0" sldId="540"/>
            <ac:picMk id="47106" creationId="{73296A70-2CC3-8308-785F-35F21BF0F88E}"/>
          </ac:picMkLst>
        </pc:picChg>
      </pc:sldChg>
      <pc:sldChg chg="modSp add del">
        <pc:chgData name="芳彦 植野" userId="86ab4e6fb1040a80" providerId="LiveId" clId="{BFBCDECB-9651-4182-BD0E-B931606F27C9}" dt="2024-03-17T23:52:29.073" v="6320" actId="2696"/>
        <pc:sldMkLst>
          <pc:docMk/>
          <pc:sldMk cId="0" sldId="667"/>
        </pc:sldMkLst>
        <pc:spChg chg="mod">
          <ac:chgData name="芳彦 植野" userId="86ab4e6fb1040a80" providerId="LiveId" clId="{BFBCDECB-9651-4182-BD0E-B931606F27C9}" dt="2024-01-08T08:19:19.004" v="4732"/>
          <ac:spMkLst>
            <pc:docMk/>
            <pc:sldMk cId="0" sldId="667"/>
            <ac:spMk id="8198" creationId="{28A78296-D690-CC50-2E64-B86074623B29}"/>
          </ac:spMkLst>
        </pc:spChg>
        <pc:spChg chg="mod">
          <ac:chgData name="芳彦 植野" userId="86ab4e6fb1040a80" providerId="LiveId" clId="{BFBCDECB-9651-4182-BD0E-B931606F27C9}" dt="2024-01-08T08:19:19.004" v="4732"/>
          <ac:spMkLst>
            <pc:docMk/>
            <pc:sldMk cId="0" sldId="667"/>
            <ac:spMk id="99330" creationId="{42524CFC-2502-6425-3424-F552648CCBF7}"/>
          </ac:spMkLst>
        </pc:spChg>
        <pc:spChg chg="mod">
          <ac:chgData name="芳彦 植野" userId="86ab4e6fb1040a80" providerId="LiveId" clId="{BFBCDECB-9651-4182-BD0E-B931606F27C9}" dt="2024-01-08T08:19:19.004" v="4732"/>
          <ac:spMkLst>
            <pc:docMk/>
            <pc:sldMk cId="0" sldId="667"/>
            <ac:spMk id="99331" creationId="{1D8A57E5-DD49-242B-2CBA-B6BEE0843EFA}"/>
          </ac:spMkLst>
        </pc:spChg>
        <pc:picChg chg="mod">
          <ac:chgData name="芳彦 植野" userId="86ab4e6fb1040a80" providerId="LiveId" clId="{BFBCDECB-9651-4182-BD0E-B931606F27C9}" dt="2024-01-08T08:19:19.004" v="4732"/>
          <ac:picMkLst>
            <pc:docMk/>
            <pc:sldMk cId="0" sldId="667"/>
            <ac:picMk id="99332" creationId="{AFD2DA12-0707-7211-FEAA-3FA5EDDB5018}"/>
          </ac:picMkLst>
        </pc:picChg>
        <pc:picChg chg="mod">
          <ac:chgData name="芳彦 植野" userId="86ab4e6fb1040a80" providerId="LiveId" clId="{BFBCDECB-9651-4182-BD0E-B931606F27C9}" dt="2024-01-08T08:19:19.004" v="4732"/>
          <ac:picMkLst>
            <pc:docMk/>
            <pc:sldMk cId="0" sldId="667"/>
            <ac:picMk id="99333" creationId="{35AAE8C1-801A-908E-875C-DD8D21F97EC0}"/>
          </ac:picMkLst>
        </pc:picChg>
        <pc:picChg chg="mod">
          <ac:chgData name="芳彦 植野" userId="86ab4e6fb1040a80" providerId="LiveId" clId="{BFBCDECB-9651-4182-BD0E-B931606F27C9}" dt="2024-01-08T08:19:19.004" v="4732"/>
          <ac:picMkLst>
            <pc:docMk/>
            <pc:sldMk cId="0" sldId="667"/>
            <ac:picMk id="99335" creationId="{6EF8535D-18DB-E445-4E1C-F873FB15E0A4}"/>
          </ac:picMkLst>
        </pc:picChg>
      </pc:sldChg>
      <pc:sldChg chg="add del">
        <pc:chgData name="芳彦 植野" userId="86ab4e6fb1040a80" providerId="LiveId" clId="{BFBCDECB-9651-4182-BD0E-B931606F27C9}" dt="2024-01-08T20:07:39.997" v="4976" actId="2696"/>
        <pc:sldMkLst>
          <pc:docMk/>
          <pc:sldMk cId="1217630155" sldId="667"/>
        </pc:sldMkLst>
      </pc:sldChg>
      <pc:sldChg chg="modSp del mod modNotes">
        <pc:chgData name="芳彦 植野" userId="86ab4e6fb1040a80" providerId="LiveId" clId="{BFBCDECB-9651-4182-BD0E-B931606F27C9}" dt="2024-03-09T22:24:15.727" v="5667" actId="2696"/>
        <pc:sldMkLst>
          <pc:docMk/>
          <pc:sldMk cId="0" sldId="685"/>
        </pc:sldMkLst>
        <pc:spChg chg="mod">
          <ac:chgData name="芳彦 植野" userId="86ab4e6fb1040a80" providerId="LiveId" clId="{BFBCDECB-9651-4182-BD0E-B931606F27C9}" dt="2024-01-08T08:19:19.004" v="4732"/>
          <ac:spMkLst>
            <pc:docMk/>
            <pc:sldMk cId="0" sldId="685"/>
            <ac:spMk id="26626" creationId="{3DFE4A8F-EEF0-1A61-FC40-4B4281F14D3D}"/>
          </ac:spMkLst>
        </pc:spChg>
        <pc:spChg chg="mod">
          <ac:chgData name="芳彦 植野" userId="86ab4e6fb1040a80" providerId="LiveId" clId="{BFBCDECB-9651-4182-BD0E-B931606F27C9}" dt="2024-01-08T08:19:19.004" v="4732"/>
          <ac:spMkLst>
            <pc:docMk/>
            <pc:sldMk cId="0" sldId="685"/>
            <ac:spMk id="26627" creationId="{F6A36184-DBC9-E0BB-EAC4-34225B16A20D}"/>
          </ac:spMkLst>
        </pc:spChg>
        <pc:spChg chg="mod">
          <ac:chgData name="芳彦 植野" userId="86ab4e6fb1040a80" providerId="LiveId" clId="{BFBCDECB-9651-4182-BD0E-B931606F27C9}" dt="2024-01-08T08:19:19.004" v="4732"/>
          <ac:spMkLst>
            <pc:docMk/>
            <pc:sldMk cId="0" sldId="685"/>
            <ac:spMk id="26629" creationId="{D1743A69-6FE7-9CFD-317B-4B5F319DCF2C}"/>
          </ac:spMkLst>
        </pc:spChg>
        <pc:spChg chg="mod">
          <ac:chgData name="芳彦 植野" userId="86ab4e6fb1040a80" providerId="LiveId" clId="{BFBCDECB-9651-4182-BD0E-B931606F27C9}" dt="2024-01-08T08:19:19.004" v="4732"/>
          <ac:spMkLst>
            <pc:docMk/>
            <pc:sldMk cId="0" sldId="685"/>
            <ac:spMk id="26630" creationId="{4F0E5A42-AADE-7BDD-A00D-CBC9ACDBE848}"/>
          </ac:spMkLst>
        </pc:spChg>
        <pc:spChg chg="mod">
          <ac:chgData name="芳彦 植野" userId="86ab4e6fb1040a80" providerId="LiveId" clId="{BFBCDECB-9651-4182-BD0E-B931606F27C9}" dt="2024-01-08T08:19:19.004" v="4732"/>
          <ac:spMkLst>
            <pc:docMk/>
            <pc:sldMk cId="0" sldId="685"/>
            <ac:spMk id="26631" creationId="{30258906-DD08-6802-CA87-ACAB016DC5A7}"/>
          </ac:spMkLst>
        </pc:spChg>
        <pc:spChg chg="mod">
          <ac:chgData name="芳彦 植野" userId="86ab4e6fb1040a80" providerId="LiveId" clId="{BFBCDECB-9651-4182-BD0E-B931606F27C9}" dt="2024-01-08T08:19:19.004" v="4732"/>
          <ac:spMkLst>
            <pc:docMk/>
            <pc:sldMk cId="0" sldId="685"/>
            <ac:spMk id="26632" creationId="{922DB471-05F7-C014-6FA4-2DA431FBA9BA}"/>
          </ac:spMkLst>
        </pc:spChg>
        <pc:spChg chg="mod">
          <ac:chgData name="芳彦 植野" userId="86ab4e6fb1040a80" providerId="LiveId" clId="{BFBCDECB-9651-4182-BD0E-B931606F27C9}" dt="2024-01-08T08:19:19.004" v="4732"/>
          <ac:spMkLst>
            <pc:docMk/>
            <pc:sldMk cId="0" sldId="685"/>
            <ac:spMk id="26633" creationId="{79993117-F2C2-40AE-9ECD-71860CFE4327}"/>
          </ac:spMkLst>
        </pc:spChg>
        <pc:spChg chg="mod">
          <ac:chgData name="芳彦 植野" userId="86ab4e6fb1040a80" providerId="LiveId" clId="{BFBCDECB-9651-4182-BD0E-B931606F27C9}" dt="2024-01-08T08:19:19.004" v="4732"/>
          <ac:spMkLst>
            <pc:docMk/>
            <pc:sldMk cId="0" sldId="685"/>
            <ac:spMk id="26637" creationId="{DF8BE285-17BA-9B4E-6273-AD8DE5BBA993}"/>
          </ac:spMkLst>
        </pc:spChg>
        <pc:picChg chg="mod">
          <ac:chgData name="芳彦 植野" userId="86ab4e6fb1040a80" providerId="LiveId" clId="{BFBCDECB-9651-4182-BD0E-B931606F27C9}" dt="2024-01-21T10:05:44.425" v="5484" actId="14100"/>
          <ac:picMkLst>
            <pc:docMk/>
            <pc:sldMk cId="0" sldId="685"/>
            <ac:picMk id="2" creationId="{EB2BF3A2-A2F8-414A-65E2-7F3F6337E6D8}"/>
          </ac:picMkLst>
        </pc:picChg>
        <pc:picChg chg="mod">
          <ac:chgData name="芳彦 植野" userId="86ab4e6fb1040a80" providerId="LiveId" clId="{BFBCDECB-9651-4182-BD0E-B931606F27C9}" dt="2024-01-21T10:06:00.601" v="5488" actId="1076"/>
          <ac:picMkLst>
            <pc:docMk/>
            <pc:sldMk cId="0" sldId="685"/>
            <ac:picMk id="26628" creationId="{D0D6FCCF-0B80-7686-A551-799DB11387D5}"/>
          </ac:picMkLst>
        </pc:picChg>
        <pc:picChg chg="mod">
          <ac:chgData name="芳彦 植野" userId="86ab4e6fb1040a80" providerId="LiveId" clId="{BFBCDECB-9651-4182-BD0E-B931606F27C9}" dt="2024-01-21T10:05:52.633" v="5486" actId="14100"/>
          <ac:picMkLst>
            <pc:docMk/>
            <pc:sldMk cId="0" sldId="685"/>
            <ac:picMk id="26634" creationId="{E608B4D8-5050-22FB-5024-50DB03D4E297}"/>
          </ac:picMkLst>
        </pc:picChg>
        <pc:picChg chg="mod">
          <ac:chgData name="芳彦 植野" userId="86ab4e6fb1040a80" providerId="LiveId" clId="{BFBCDECB-9651-4182-BD0E-B931606F27C9}" dt="2024-01-21T10:05:48.643" v="5485" actId="14100"/>
          <ac:picMkLst>
            <pc:docMk/>
            <pc:sldMk cId="0" sldId="685"/>
            <ac:picMk id="26636" creationId="{45A9B060-AC98-ACF2-31D7-E70D12ACE670}"/>
          </ac:picMkLst>
        </pc:picChg>
      </pc:sldChg>
      <pc:sldChg chg="modSp del">
        <pc:chgData name="芳彦 植野" userId="86ab4e6fb1040a80" providerId="LiveId" clId="{BFBCDECB-9651-4182-BD0E-B931606F27C9}" dt="2024-03-09T20:33:25.885" v="5628" actId="2696"/>
        <pc:sldMkLst>
          <pc:docMk/>
          <pc:sldMk cId="3957059409" sldId="689"/>
        </pc:sldMkLst>
        <pc:spChg chg="mod">
          <ac:chgData name="芳彦 植野" userId="86ab4e6fb1040a80" providerId="LiveId" clId="{BFBCDECB-9651-4182-BD0E-B931606F27C9}" dt="2024-01-08T08:19:19.004" v="4732"/>
          <ac:spMkLst>
            <pc:docMk/>
            <pc:sldMk cId="3957059409" sldId="689"/>
            <ac:spMk id="2" creationId="{773D8F98-54E0-28D4-CA98-7DAB6033489C}"/>
          </ac:spMkLst>
        </pc:spChg>
        <pc:spChg chg="mod">
          <ac:chgData name="芳彦 植野" userId="86ab4e6fb1040a80" providerId="LiveId" clId="{BFBCDECB-9651-4182-BD0E-B931606F27C9}" dt="2024-01-08T08:19:19.004" v="4732"/>
          <ac:spMkLst>
            <pc:docMk/>
            <pc:sldMk cId="3957059409" sldId="689"/>
            <ac:spMk id="3" creationId="{70D40441-1A99-02D1-A192-DCB37E879CFA}"/>
          </ac:spMkLst>
        </pc:spChg>
        <pc:spChg chg="mod">
          <ac:chgData name="芳彦 植野" userId="86ab4e6fb1040a80" providerId="LiveId" clId="{BFBCDECB-9651-4182-BD0E-B931606F27C9}" dt="2024-01-08T08:19:19.004" v="4732"/>
          <ac:spMkLst>
            <pc:docMk/>
            <pc:sldMk cId="3957059409" sldId="689"/>
            <ac:spMk id="4" creationId="{21F45C90-E535-4F44-FF67-01427C0B3536}"/>
          </ac:spMkLst>
        </pc:spChg>
        <pc:spChg chg="mod">
          <ac:chgData name="芳彦 植野" userId="86ab4e6fb1040a80" providerId="LiveId" clId="{BFBCDECB-9651-4182-BD0E-B931606F27C9}" dt="2024-01-08T08:19:19.004" v="4732"/>
          <ac:spMkLst>
            <pc:docMk/>
            <pc:sldMk cId="3957059409" sldId="689"/>
            <ac:spMk id="39939" creationId="{2A965FE7-8D1B-2BE9-7237-B137E86BBDB4}"/>
          </ac:spMkLst>
        </pc:spChg>
        <pc:spChg chg="mod">
          <ac:chgData name="芳彦 植野" userId="86ab4e6fb1040a80" providerId="LiveId" clId="{BFBCDECB-9651-4182-BD0E-B931606F27C9}" dt="2024-01-08T08:19:19.004" v="4732"/>
          <ac:spMkLst>
            <pc:docMk/>
            <pc:sldMk cId="3957059409" sldId="689"/>
            <ac:spMk id="39940" creationId="{BDBBAB6F-BF73-76B0-2F7A-8EAE5031EEEE}"/>
          </ac:spMkLst>
        </pc:spChg>
        <pc:spChg chg="mod">
          <ac:chgData name="芳彦 植野" userId="86ab4e6fb1040a80" providerId="LiveId" clId="{BFBCDECB-9651-4182-BD0E-B931606F27C9}" dt="2024-01-08T08:19:19.004" v="4732"/>
          <ac:spMkLst>
            <pc:docMk/>
            <pc:sldMk cId="3957059409" sldId="689"/>
            <ac:spMk id="39942" creationId="{74A06C08-6411-EFBD-BC05-DE7428253E29}"/>
          </ac:spMkLst>
        </pc:spChg>
        <pc:spChg chg="mod">
          <ac:chgData name="芳彦 植野" userId="86ab4e6fb1040a80" providerId="LiveId" clId="{BFBCDECB-9651-4182-BD0E-B931606F27C9}" dt="2024-01-08T08:19:19.004" v="4732"/>
          <ac:spMkLst>
            <pc:docMk/>
            <pc:sldMk cId="3957059409" sldId="689"/>
            <ac:spMk id="39943" creationId="{605EA94D-5753-9B07-CF87-2D555F8C28B4}"/>
          </ac:spMkLst>
        </pc:spChg>
        <pc:spChg chg="mod">
          <ac:chgData name="芳彦 植野" userId="86ab4e6fb1040a80" providerId="LiveId" clId="{BFBCDECB-9651-4182-BD0E-B931606F27C9}" dt="2024-01-08T08:19:19.004" v="4732"/>
          <ac:spMkLst>
            <pc:docMk/>
            <pc:sldMk cId="3957059409" sldId="689"/>
            <ac:spMk id="39944" creationId="{52CD0DA9-E152-117B-440D-D2D25B99188C}"/>
          </ac:spMkLst>
        </pc:spChg>
        <pc:picChg chg="mod">
          <ac:chgData name="芳彦 植野" userId="86ab4e6fb1040a80" providerId="LiveId" clId="{BFBCDECB-9651-4182-BD0E-B931606F27C9}" dt="2024-01-08T08:19:19.004" v="4732"/>
          <ac:picMkLst>
            <pc:docMk/>
            <pc:sldMk cId="3957059409" sldId="689"/>
            <ac:picMk id="39938" creationId="{A8BAA17F-02DC-1D32-DB06-E98373F8AE95}"/>
          </ac:picMkLst>
        </pc:picChg>
      </pc:sldChg>
      <pc:sldChg chg="modSp add del mod modTransition">
        <pc:chgData name="芳彦 植野" userId="86ab4e6fb1040a80" providerId="LiveId" clId="{BFBCDECB-9651-4182-BD0E-B931606F27C9}" dt="2024-01-08T20:57:00.081" v="5184" actId="2696"/>
        <pc:sldMkLst>
          <pc:docMk/>
          <pc:sldMk cId="0" sldId="751"/>
        </pc:sldMkLst>
        <pc:spChg chg="mod">
          <ac:chgData name="芳彦 植野" userId="86ab4e6fb1040a80" providerId="LiveId" clId="{BFBCDECB-9651-4182-BD0E-B931606F27C9}" dt="2024-01-08T20:53:09.576" v="5114" actId="6549"/>
          <ac:spMkLst>
            <pc:docMk/>
            <pc:sldMk cId="0" sldId="751"/>
            <ac:spMk id="19" creationId="{889DDE9C-83E3-4F57-BC34-75DE5041C053}"/>
          </ac:spMkLst>
        </pc:spChg>
      </pc:sldChg>
      <pc:sldChg chg="del">
        <pc:chgData name="芳彦 植野" userId="86ab4e6fb1040a80" providerId="LiveId" clId="{BFBCDECB-9651-4182-BD0E-B931606F27C9}" dt="2023-09-23T20:56:53.618" v="22" actId="2696"/>
        <pc:sldMkLst>
          <pc:docMk/>
          <pc:sldMk cId="1246725364" sldId="769"/>
        </pc:sldMkLst>
      </pc:sldChg>
      <pc:sldChg chg="modSp del">
        <pc:chgData name="芳彦 植野" userId="86ab4e6fb1040a80" providerId="LiveId" clId="{BFBCDECB-9651-4182-BD0E-B931606F27C9}" dt="2024-01-08T20:58:30.049" v="5188" actId="2696"/>
        <pc:sldMkLst>
          <pc:docMk/>
          <pc:sldMk cId="3009222324" sldId="789"/>
        </pc:sldMkLst>
        <pc:spChg chg="mod">
          <ac:chgData name="芳彦 植野" userId="86ab4e6fb1040a80" providerId="LiveId" clId="{BFBCDECB-9651-4182-BD0E-B931606F27C9}" dt="2024-01-08T08:19:19.004" v="4732"/>
          <ac:spMkLst>
            <pc:docMk/>
            <pc:sldMk cId="3009222324" sldId="789"/>
            <ac:spMk id="3" creationId="{00000000-0000-0000-0000-000000000000}"/>
          </ac:spMkLst>
        </pc:spChg>
        <pc:spChg chg="mod">
          <ac:chgData name="芳彦 植野" userId="86ab4e6fb1040a80" providerId="LiveId" clId="{BFBCDECB-9651-4182-BD0E-B931606F27C9}" dt="2024-01-08T08:19:19.004" v="4732"/>
          <ac:spMkLst>
            <pc:docMk/>
            <pc:sldMk cId="3009222324" sldId="789"/>
            <ac:spMk id="5" creationId="{3F9DE34C-7F54-2004-F5CF-62AD029C9586}"/>
          </ac:spMkLst>
        </pc:spChg>
        <pc:spChg chg="mod">
          <ac:chgData name="芳彦 植野" userId="86ab4e6fb1040a80" providerId="LiveId" clId="{BFBCDECB-9651-4182-BD0E-B931606F27C9}" dt="2024-01-08T08:19:19.004" v="4732"/>
          <ac:spMkLst>
            <pc:docMk/>
            <pc:sldMk cId="3009222324" sldId="789"/>
            <ac:spMk id="9" creationId="{00000000-0000-0000-0000-000000000000}"/>
          </ac:spMkLst>
        </pc:spChg>
        <pc:spChg chg="mod">
          <ac:chgData name="芳彦 植野" userId="86ab4e6fb1040a80" providerId="LiveId" clId="{BFBCDECB-9651-4182-BD0E-B931606F27C9}" dt="2024-01-08T08:19:19.004" v="4732"/>
          <ac:spMkLst>
            <pc:docMk/>
            <pc:sldMk cId="3009222324" sldId="789"/>
            <ac:spMk id="26" creationId="{00000000-0000-0000-0000-000000000000}"/>
          </ac:spMkLst>
        </pc:spChg>
        <pc:spChg chg="mod">
          <ac:chgData name="芳彦 植野" userId="86ab4e6fb1040a80" providerId="LiveId" clId="{BFBCDECB-9651-4182-BD0E-B931606F27C9}" dt="2024-01-08T08:19:19.004" v="4732"/>
          <ac:spMkLst>
            <pc:docMk/>
            <pc:sldMk cId="3009222324" sldId="789"/>
            <ac:spMk id="27" creationId="{00000000-0000-0000-0000-000000000000}"/>
          </ac:spMkLst>
        </pc:spChg>
        <pc:spChg chg="mod">
          <ac:chgData name="芳彦 植野" userId="86ab4e6fb1040a80" providerId="LiveId" clId="{BFBCDECB-9651-4182-BD0E-B931606F27C9}" dt="2024-01-08T08:19:19.004" v="4732"/>
          <ac:spMkLst>
            <pc:docMk/>
            <pc:sldMk cId="3009222324" sldId="789"/>
            <ac:spMk id="28" creationId="{00000000-0000-0000-0000-000000000000}"/>
          </ac:spMkLst>
        </pc:spChg>
        <pc:spChg chg="mod">
          <ac:chgData name="芳彦 植野" userId="86ab4e6fb1040a80" providerId="LiveId" clId="{BFBCDECB-9651-4182-BD0E-B931606F27C9}" dt="2024-01-08T08:19:19.004" v="4732"/>
          <ac:spMkLst>
            <pc:docMk/>
            <pc:sldMk cId="3009222324" sldId="789"/>
            <ac:spMk id="29" creationId="{00000000-0000-0000-0000-000000000000}"/>
          </ac:spMkLst>
        </pc:spChg>
        <pc:spChg chg="mod">
          <ac:chgData name="芳彦 植野" userId="86ab4e6fb1040a80" providerId="LiveId" clId="{BFBCDECB-9651-4182-BD0E-B931606F27C9}" dt="2024-01-08T08:19:19.004" v="4732"/>
          <ac:spMkLst>
            <pc:docMk/>
            <pc:sldMk cId="3009222324" sldId="789"/>
            <ac:spMk id="30" creationId="{00000000-0000-0000-0000-000000000000}"/>
          </ac:spMkLst>
        </pc:spChg>
        <pc:spChg chg="mod">
          <ac:chgData name="芳彦 植野" userId="86ab4e6fb1040a80" providerId="LiveId" clId="{BFBCDECB-9651-4182-BD0E-B931606F27C9}" dt="2024-01-08T08:19:19.004" v="4732"/>
          <ac:spMkLst>
            <pc:docMk/>
            <pc:sldMk cId="3009222324" sldId="789"/>
            <ac:spMk id="31" creationId="{00000000-0000-0000-0000-000000000000}"/>
          </ac:spMkLst>
        </pc:spChg>
        <pc:picChg chg="mod">
          <ac:chgData name="芳彦 植野" userId="86ab4e6fb1040a80" providerId="LiveId" clId="{BFBCDECB-9651-4182-BD0E-B931606F27C9}" dt="2024-01-08T08:19:19.004" v="4732"/>
          <ac:picMkLst>
            <pc:docMk/>
            <pc:sldMk cId="3009222324" sldId="789"/>
            <ac:picMk id="2" creationId="{413168E6-6A3C-4308-A7FB-F33D827B6C35}"/>
          </ac:picMkLst>
        </pc:picChg>
        <pc:picChg chg="mod">
          <ac:chgData name="芳彦 植野" userId="86ab4e6fb1040a80" providerId="LiveId" clId="{BFBCDECB-9651-4182-BD0E-B931606F27C9}" dt="2024-01-08T08:19:19.004" v="4732"/>
          <ac:picMkLst>
            <pc:docMk/>
            <pc:sldMk cId="3009222324" sldId="789"/>
            <ac:picMk id="4" creationId="{B38E1A83-9D31-4281-A39C-B99D084AF2E9}"/>
          </ac:picMkLst>
        </pc:picChg>
      </pc:sldChg>
      <pc:sldChg chg="modSp del mod">
        <pc:chgData name="芳彦 植野" userId="86ab4e6fb1040a80" providerId="LiveId" clId="{BFBCDECB-9651-4182-BD0E-B931606F27C9}" dt="2024-03-17T23:52:12.786" v="6319" actId="2696"/>
        <pc:sldMkLst>
          <pc:docMk/>
          <pc:sldMk cId="2278124977" sldId="798"/>
        </pc:sldMkLst>
        <pc:spChg chg="mod">
          <ac:chgData name="芳彦 植野" userId="86ab4e6fb1040a80" providerId="LiveId" clId="{BFBCDECB-9651-4182-BD0E-B931606F27C9}" dt="2024-01-08T08:19:19.004" v="4732"/>
          <ac:spMkLst>
            <pc:docMk/>
            <pc:sldMk cId="2278124977" sldId="798"/>
            <ac:spMk id="2" creationId="{00000000-0000-0000-0000-000000000000}"/>
          </ac:spMkLst>
        </pc:spChg>
        <pc:spChg chg="mod">
          <ac:chgData name="芳彦 植野" userId="86ab4e6fb1040a80" providerId="LiveId" clId="{BFBCDECB-9651-4182-BD0E-B931606F27C9}" dt="2024-01-08T19:57:54.816" v="4964" actId="255"/>
          <ac:spMkLst>
            <pc:docMk/>
            <pc:sldMk cId="2278124977" sldId="798"/>
            <ac:spMk id="3" creationId="{00000000-0000-0000-0000-000000000000}"/>
          </ac:spMkLst>
        </pc:spChg>
        <pc:picChg chg="mod">
          <ac:chgData name="芳彦 植野" userId="86ab4e6fb1040a80" providerId="LiveId" clId="{BFBCDECB-9651-4182-BD0E-B931606F27C9}" dt="2024-01-08T19:58:10.245" v="4968" actId="14100"/>
          <ac:picMkLst>
            <pc:docMk/>
            <pc:sldMk cId="2278124977" sldId="798"/>
            <ac:picMk id="1026" creationId="{00000000-0000-0000-0000-000000000000}"/>
          </ac:picMkLst>
        </pc:picChg>
        <pc:picChg chg="mod">
          <ac:chgData name="芳彦 植野" userId="86ab4e6fb1040a80" providerId="LiveId" clId="{BFBCDECB-9651-4182-BD0E-B931606F27C9}" dt="2024-01-08T19:58:12.662" v="4969" actId="14100"/>
          <ac:picMkLst>
            <pc:docMk/>
            <pc:sldMk cId="2278124977" sldId="798"/>
            <ac:picMk id="1028" creationId="{00000000-0000-0000-0000-000000000000}"/>
          </ac:picMkLst>
        </pc:picChg>
        <pc:picChg chg="mod">
          <ac:chgData name="芳彦 植野" userId="86ab4e6fb1040a80" providerId="LiveId" clId="{BFBCDECB-9651-4182-BD0E-B931606F27C9}" dt="2024-01-08T19:58:02.713" v="4965" actId="1076"/>
          <ac:picMkLst>
            <pc:docMk/>
            <pc:sldMk cId="2278124977" sldId="798"/>
            <ac:picMk id="1029" creationId="{00000000-0000-0000-0000-000000000000}"/>
          </ac:picMkLst>
        </pc:picChg>
      </pc:sldChg>
      <pc:sldChg chg="add">
        <pc:chgData name="芳彦 植野" userId="86ab4e6fb1040a80" providerId="LiveId" clId="{BFBCDECB-9651-4182-BD0E-B931606F27C9}" dt="2024-03-18T05:15:51.004" v="6694"/>
        <pc:sldMkLst>
          <pc:docMk/>
          <pc:sldMk cId="438234037" sldId="817"/>
        </pc:sldMkLst>
      </pc:sldChg>
      <pc:sldChg chg="add del">
        <pc:chgData name="芳彦 植野" userId="86ab4e6fb1040a80" providerId="LiveId" clId="{BFBCDECB-9651-4182-BD0E-B931606F27C9}" dt="2024-03-18T05:15:44.714" v="6693" actId="2696"/>
        <pc:sldMkLst>
          <pc:docMk/>
          <pc:sldMk cId="3785664088" sldId="817"/>
        </pc:sldMkLst>
      </pc:sldChg>
      <pc:sldChg chg="modSp del mod">
        <pc:chgData name="芳彦 植野" userId="86ab4e6fb1040a80" providerId="LiveId" clId="{BFBCDECB-9651-4182-BD0E-B931606F27C9}" dt="2024-03-09T20:32:30.331" v="5581" actId="2696"/>
        <pc:sldMkLst>
          <pc:docMk/>
          <pc:sldMk cId="2292470653" sldId="819"/>
        </pc:sldMkLst>
        <pc:spChg chg="mod">
          <ac:chgData name="芳彦 植野" userId="86ab4e6fb1040a80" providerId="LiveId" clId="{BFBCDECB-9651-4182-BD0E-B931606F27C9}" dt="2024-01-08T08:21:58.247" v="4751" actId="20577"/>
          <ac:spMkLst>
            <pc:docMk/>
            <pc:sldMk cId="2292470653" sldId="819"/>
            <ac:spMk id="2" creationId="{B69FB8FB-245C-3AEC-CE78-6151EAA81C57}"/>
          </ac:spMkLst>
        </pc:spChg>
        <pc:spChg chg="mod">
          <ac:chgData name="芳彦 植野" userId="86ab4e6fb1040a80" providerId="LiveId" clId="{BFBCDECB-9651-4182-BD0E-B931606F27C9}" dt="2024-01-08T08:19:19.004" v="4732"/>
          <ac:spMkLst>
            <pc:docMk/>
            <pc:sldMk cId="2292470653" sldId="819"/>
            <ac:spMk id="65538" creationId="{485805C9-0DE9-9D8A-A5DE-F2EC1F1226DB}"/>
          </ac:spMkLst>
        </pc:spChg>
      </pc:sldChg>
      <pc:sldChg chg="add del">
        <pc:chgData name="芳彦 植野" userId="86ab4e6fb1040a80" providerId="LiveId" clId="{BFBCDECB-9651-4182-BD0E-B931606F27C9}" dt="2024-03-17T23:55:21.354" v="6327" actId="2696"/>
        <pc:sldMkLst>
          <pc:docMk/>
          <pc:sldMk cId="0" sldId="987"/>
        </pc:sldMkLst>
      </pc:sldChg>
      <pc:sldChg chg="modSp del mod">
        <pc:chgData name="芳彦 植野" userId="86ab4e6fb1040a80" providerId="LiveId" clId="{BFBCDECB-9651-4182-BD0E-B931606F27C9}" dt="2024-03-09T20:33:17.798" v="5626" actId="2696"/>
        <pc:sldMkLst>
          <pc:docMk/>
          <pc:sldMk cId="0" sldId="1029"/>
        </pc:sldMkLst>
        <pc:spChg chg="mod">
          <ac:chgData name="芳彦 植野" userId="86ab4e6fb1040a80" providerId="LiveId" clId="{BFBCDECB-9651-4182-BD0E-B931606F27C9}" dt="2024-01-09T08:39:04.179" v="5231" actId="14100"/>
          <ac:spMkLst>
            <pc:docMk/>
            <pc:sldMk cId="0" sldId="1029"/>
            <ac:spMk id="2" creationId="{90B1694A-D1B6-9AA8-DE9D-357422CA9879}"/>
          </ac:spMkLst>
        </pc:spChg>
        <pc:spChg chg="mod">
          <ac:chgData name="芳彦 植野" userId="86ab4e6fb1040a80" providerId="LiveId" clId="{BFBCDECB-9651-4182-BD0E-B931606F27C9}" dt="2024-01-08T08:19:19.004" v="4732"/>
          <ac:spMkLst>
            <pc:docMk/>
            <pc:sldMk cId="0" sldId="1029"/>
            <ac:spMk id="3" creationId="{F4C247DB-4753-DC57-CC25-8506F04BC357}"/>
          </ac:spMkLst>
        </pc:spChg>
        <pc:spChg chg="mod">
          <ac:chgData name="芳彦 植野" userId="86ab4e6fb1040a80" providerId="LiveId" clId="{BFBCDECB-9651-4182-BD0E-B931606F27C9}" dt="2024-01-08T08:19:19.004" v="4732"/>
          <ac:spMkLst>
            <pc:docMk/>
            <pc:sldMk cId="0" sldId="1029"/>
            <ac:spMk id="66562" creationId="{B4AF6B03-0A84-4ACC-4854-D9A3BC79D2BD}"/>
          </ac:spMkLst>
        </pc:spChg>
        <pc:spChg chg="mod">
          <ac:chgData name="芳彦 植野" userId="86ab4e6fb1040a80" providerId="LiveId" clId="{BFBCDECB-9651-4182-BD0E-B931606F27C9}" dt="2024-01-09T08:41:21.632" v="5352" actId="6549"/>
          <ac:spMkLst>
            <pc:docMk/>
            <pc:sldMk cId="0" sldId="1029"/>
            <ac:spMk id="66563" creationId="{0E20EB7E-1FD7-61E4-54E0-50C14582555A}"/>
          </ac:spMkLst>
        </pc:spChg>
        <pc:spChg chg="mod">
          <ac:chgData name="芳彦 植野" userId="86ab4e6fb1040a80" providerId="LiveId" clId="{BFBCDECB-9651-4182-BD0E-B931606F27C9}" dt="2024-03-09T20:33:05.885" v="5625" actId="6549"/>
          <ac:spMkLst>
            <pc:docMk/>
            <pc:sldMk cId="0" sldId="1029"/>
            <ac:spMk id="66564" creationId="{31B4CD4C-8CB9-DB13-DF02-A3558663E7A6}"/>
          </ac:spMkLst>
        </pc:spChg>
      </pc:sldChg>
      <pc:sldChg chg="modSp add del">
        <pc:chgData name="芳彦 植野" userId="86ab4e6fb1040a80" providerId="LiveId" clId="{BFBCDECB-9651-4182-BD0E-B931606F27C9}" dt="2024-03-12T23:28:57.221" v="5760" actId="2696"/>
        <pc:sldMkLst>
          <pc:docMk/>
          <pc:sldMk cId="0" sldId="1032"/>
        </pc:sldMkLst>
        <pc:spChg chg="mod">
          <ac:chgData name="芳彦 植野" userId="86ab4e6fb1040a80" providerId="LiveId" clId="{BFBCDECB-9651-4182-BD0E-B931606F27C9}" dt="2024-01-08T08:19:19.004" v="4732"/>
          <ac:spMkLst>
            <pc:docMk/>
            <pc:sldMk cId="0" sldId="1032"/>
            <ac:spMk id="14338" creationId="{E51199D9-0436-1885-16F3-3570C0B41C44}"/>
          </ac:spMkLst>
        </pc:spChg>
        <pc:spChg chg="mod">
          <ac:chgData name="芳彦 植野" userId="86ab4e6fb1040a80" providerId="LiveId" clId="{BFBCDECB-9651-4182-BD0E-B931606F27C9}" dt="2024-01-08T08:19:19.004" v="4732"/>
          <ac:spMkLst>
            <pc:docMk/>
            <pc:sldMk cId="0" sldId="1032"/>
            <ac:spMk id="14340" creationId="{4E9C4E28-E4E2-6B52-4645-247F0FAD9609}"/>
          </ac:spMkLst>
        </pc:spChg>
        <pc:picChg chg="mod">
          <ac:chgData name="芳彦 植野" userId="86ab4e6fb1040a80" providerId="LiveId" clId="{BFBCDECB-9651-4182-BD0E-B931606F27C9}" dt="2024-01-08T08:19:19.004" v="4732"/>
          <ac:picMkLst>
            <pc:docMk/>
            <pc:sldMk cId="0" sldId="1032"/>
            <ac:picMk id="14339" creationId="{8A3DD9FE-DBC6-248F-2C4C-69A20D13F6B4}"/>
          </ac:picMkLst>
        </pc:picChg>
      </pc:sldChg>
      <pc:sldChg chg="modSp add del">
        <pc:chgData name="芳彦 植野" userId="86ab4e6fb1040a80" providerId="LiveId" clId="{BFBCDECB-9651-4182-BD0E-B931606F27C9}" dt="2024-03-12T23:28:11.895" v="5756" actId="2696"/>
        <pc:sldMkLst>
          <pc:docMk/>
          <pc:sldMk cId="0" sldId="1053"/>
        </pc:sldMkLst>
        <pc:spChg chg="mod">
          <ac:chgData name="芳彦 植野" userId="86ab4e6fb1040a80" providerId="LiveId" clId="{BFBCDECB-9651-4182-BD0E-B931606F27C9}" dt="2024-01-08T08:19:19.004" v="4732"/>
          <ac:spMkLst>
            <pc:docMk/>
            <pc:sldMk cId="0" sldId="1053"/>
            <ac:spMk id="3" creationId="{69C22A28-62E4-3F52-5849-F53ED0C1FCA4}"/>
          </ac:spMkLst>
        </pc:spChg>
        <pc:spChg chg="mod">
          <ac:chgData name="芳彦 植野" userId="86ab4e6fb1040a80" providerId="LiveId" clId="{BFBCDECB-9651-4182-BD0E-B931606F27C9}" dt="2024-01-08T08:19:19.004" v="4732"/>
          <ac:spMkLst>
            <pc:docMk/>
            <pc:sldMk cId="0" sldId="1053"/>
            <ac:spMk id="7" creationId="{1B29B78D-1D62-B37C-7FA8-CC591B124AC4}"/>
          </ac:spMkLst>
        </pc:spChg>
        <pc:spChg chg="mod">
          <ac:chgData name="芳彦 植野" userId="86ab4e6fb1040a80" providerId="LiveId" clId="{BFBCDECB-9651-4182-BD0E-B931606F27C9}" dt="2024-01-08T08:19:19.004" v="4732"/>
          <ac:spMkLst>
            <pc:docMk/>
            <pc:sldMk cId="0" sldId="1053"/>
            <ac:spMk id="16386" creationId="{E0CE8333-5164-B2F7-C5CF-74F4C5E5DDB3}"/>
          </ac:spMkLst>
        </pc:spChg>
        <pc:spChg chg="mod">
          <ac:chgData name="芳彦 植野" userId="86ab4e6fb1040a80" providerId="LiveId" clId="{BFBCDECB-9651-4182-BD0E-B931606F27C9}" dt="2024-01-08T08:19:19.004" v="4732"/>
          <ac:spMkLst>
            <pc:docMk/>
            <pc:sldMk cId="0" sldId="1053"/>
            <ac:spMk id="16389" creationId="{B45CBF73-79BA-E712-BCC8-D4950F2226AF}"/>
          </ac:spMkLst>
        </pc:spChg>
        <pc:picChg chg="mod">
          <ac:chgData name="芳彦 植野" userId="86ab4e6fb1040a80" providerId="LiveId" clId="{BFBCDECB-9651-4182-BD0E-B931606F27C9}" dt="2024-01-13T23:42:10.160" v="5405" actId="1076"/>
          <ac:picMkLst>
            <pc:docMk/>
            <pc:sldMk cId="0" sldId="1053"/>
            <ac:picMk id="16387" creationId="{78966322-B9EF-2D35-2FA0-839DBF53959B}"/>
          </ac:picMkLst>
        </pc:picChg>
        <pc:picChg chg="mod">
          <ac:chgData name="芳彦 植野" userId="86ab4e6fb1040a80" providerId="LiveId" clId="{BFBCDECB-9651-4182-BD0E-B931606F27C9}" dt="2024-01-08T08:19:19.004" v="4732"/>
          <ac:picMkLst>
            <pc:docMk/>
            <pc:sldMk cId="0" sldId="1053"/>
            <ac:picMk id="16388" creationId="{56DD68AE-DD34-EF11-911A-586C918753A8}"/>
          </ac:picMkLst>
        </pc:picChg>
      </pc:sldChg>
      <pc:sldChg chg="modSp add del">
        <pc:chgData name="芳彦 植野" userId="86ab4e6fb1040a80" providerId="LiveId" clId="{BFBCDECB-9651-4182-BD0E-B931606F27C9}" dt="2024-03-18T05:16:49.984" v="6699" actId="2696"/>
        <pc:sldMkLst>
          <pc:docMk/>
          <pc:sldMk cId="0" sldId="1059"/>
        </pc:sldMkLst>
        <pc:spChg chg="mod">
          <ac:chgData name="芳彦 植野" userId="86ab4e6fb1040a80" providerId="LiveId" clId="{BFBCDECB-9651-4182-BD0E-B931606F27C9}" dt="2024-01-08T08:19:19.004" v="4732"/>
          <ac:spMkLst>
            <pc:docMk/>
            <pc:sldMk cId="0" sldId="1059"/>
            <ac:spMk id="20484" creationId="{37FD4A09-D07A-E88E-A976-54BCDA454035}"/>
          </ac:spMkLst>
        </pc:spChg>
        <pc:picChg chg="mod">
          <ac:chgData name="芳彦 植野" userId="86ab4e6fb1040a80" providerId="LiveId" clId="{BFBCDECB-9651-4182-BD0E-B931606F27C9}" dt="2024-01-08T08:19:19.004" v="4732"/>
          <ac:picMkLst>
            <pc:docMk/>
            <pc:sldMk cId="0" sldId="1059"/>
            <ac:picMk id="20482" creationId="{F2611C87-A195-F548-9E41-131436038166}"/>
          </ac:picMkLst>
        </pc:picChg>
        <pc:picChg chg="mod">
          <ac:chgData name="芳彦 植野" userId="86ab4e6fb1040a80" providerId="LiveId" clId="{BFBCDECB-9651-4182-BD0E-B931606F27C9}" dt="2024-01-08T08:19:19.004" v="4732"/>
          <ac:picMkLst>
            <pc:docMk/>
            <pc:sldMk cId="0" sldId="1059"/>
            <ac:picMk id="20483" creationId="{A19A01BC-A694-668C-E417-69BB0CFE0584}"/>
          </ac:picMkLst>
        </pc:picChg>
      </pc:sldChg>
      <pc:sldChg chg="add del">
        <pc:chgData name="芳彦 植野" userId="86ab4e6fb1040a80" providerId="LiveId" clId="{BFBCDECB-9651-4182-BD0E-B931606F27C9}" dt="2024-03-17T23:52:38.472" v="6321" actId="2696"/>
        <pc:sldMkLst>
          <pc:docMk/>
          <pc:sldMk cId="0" sldId="1081"/>
        </pc:sldMkLst>
      </pc:sldChg>
      <pc:sldChg chg="modSp add del">
        <pc:chgData name="芳彦 植野" userId="86ab4e6fb1040a80" providerId="LiveId" clId="{BFBCDECB-9651-4182-BD0E-B931606F27C9}" dt="2024-03-12T23:28:11.954" v="5757" actId="2696"/>
        <pc:sldMkLst>
          <pc:docMk/>
          <pc:sldMk cId="0" sldId="1082"/>
        </pc:sldMkLst>
        <pc:spChg chg="mod">
          <ac:chgData name="芳彦 植野" userId="86ab4e6fb1040a80" providerId="LiveId" clId="{BFBCDECB-9651-4182-BD0E-B931606F27C9}" dt="2024-01-08T08:19:19.004" v="4732"/>
          <ac:spMkLst>
            <pc:docMk/>
            <pc:sldMk cId="0" sldId="1082"/>
            <ac:spMk id="8" creationId="{626E55DC-1628-EFF8-3792-CBDDCDFBCE2B}"/>
          </ac:spMkLst>
        </pc:spChg>
        <pc:spChg chg="mod">
          <ac:chgData name="芳彦 植野" userId="86ab4e6fb1040a80" providerId="LiveId" clId="{BFBCDECB-9651-4182-BD0E-B931606F27C9}" dt="2024-01-08T08:19:19.004" v="4732"/>
          <ac:spMkLst>
            <pc:docMk/>
            <pc:sldMk cId="0" sldId="1082"/>
            <ac:spMk id="17410" creationId="{62D68BFA-E2EF-1E6F-0367-68332E8D36CD}"/>
          </ac:spMkLst>
        </pc:spChg>
        <pc:spChg chg="mod">
          <ac:chgData name="芳彦 植野" userId="86ab4e6fb1040a80" providerId="LiveId" clId="{BFBCDECB-9651-4182-BD0E-B931606F27C9}" dt="2024-01-08T08:19:19.004" v="4732"/>
          <ac:spMkLst>
            <pc:docMk/>
            <pc:sldMk cId="0" sldId="1082"/>
            <ac:spMk id="17412" creationId="{53173757-0DF9-D7B6-4D73-E2382D84668F}"/>
          </ac:spMkLst>
        </pc:spChg>
        <pc:picChg chg="mod">
          <ac:chgData name="芳彦 植野" userId="86ab4e6fb1040a80" providerId="LiveId" clId="{BFBCDECB-9651-4182-BD0E-B931606F27C9}" dt="2024-01-08T08:19:19.004" v="4732"/>
          <ac:picMkLst>
            <pc:docMk/>
            <pc:sldMk cId="0" sldId="1082"/>
            <ac:picMk id="17411" creationId="{3F532CA3-B3CF-C3A5-D855-FEABFA5C2B08}"/>
          </ac:picMkLst>
        </pc:picChg>
        <pc:picChg chg="mod">
          <ac:chgData name="芳彦 植野" userId="86ab4e6fb1040a80" providerId="LiveId" clId="{BFBCDECB-9651-4182-BD0E-B931606F27C9}" dt="2024-01-08T08:19:19.004" v="4732"/>
          <ac:picMkLst>
            <pc:docMk/>
            <pc:sldMk cId="0" sldId="1082"/>
            <ac:picMk id="17413" creationId="{F70AD5CE-A13D-AF34-BBE5-47BDA20E1A77}"/>
          </ac:picMkLst>
        </pc:picChg>
        <pc:picChg chg="mod">
          <ac:chgData name="芳彦 植野" userId="86ab4e6fb1040a80" providerId="LiveId" clId="{BFBCDECB-9651-4182-BD0E-B931606F27C9}" dt="2024-01-08T08:19:19.004" v="4732"/>
          <ac:picMkLst>
            <pc:docMk/>
            <pc:sldMk cId="0" sldId="1082"/>
            <ac:picMk id="17415" creationId="{0E9ABBFE-F75C-7FF3-6D1C-F4E52038699C}"/>
          </ac:picMkLst>
        </pc:picChg>
      </pc:sldChg>
      <pc:sldChg chg="modSp add del mod">
        <pc:chgData name="芳彦 植野" userId="86ab4e6fb1040a80" providerId="LiveId" clId="{BFBCDECB-9651-4182-BD0E-B931606F27C9}" dt="2024-03-17T23:55:25.068" v="6328" actId="2696"/>
        <pc:sldMkLst>
          <pc:docMk/>
          <pc:sldMk cId="0" sldId="1127"/>
        </pc:sldMkLst>
        <pc:spChg chg="mod">
          <ac:chgData name="芳彦 植野" userId="86ab4e6fb1040a80" providerId="LiveId" clId="{BFBCDECB-9651-4182-BD0E-B931606F27C9}" dt="2024-01-08T22:37:48.537" v="5215" actId="20577"/>
          <ac:spMkLst>
            <pc:docMk/>
            <pc:sldMk cId="0" sldId="1127"/>
            <ac:spMk id="25603" creationId="{FA5C3DDD-53DA-4D81-9329-BC2C22A6385C}"/>
          </ac:spMkLst>
        </pc:spChg>
      </pc:sldChg>
      <pc:sldChg chg="modSp del mod">
        <pc:chgData name="芳彦 植野" userId="86ab4e6fb1040a80" providerId="LiveId" clId="{BFBCDECB-9651-4182-BD0E-B931606F27C9}" dt="2024-03-09T22:24:18.311" v="5668" actId="2696"/>
        <pc:sldMkLst>
          <pc:docMk/>
          <pc:sldMk cId="0" sldId="1139"/>
        </pc:sldMkLst>
        <pc:spChg chg="mod">
          <ac:chgData name="芳彦 植野" userId="86ab4e6fb1040a80" providerId="LiveId" clId="{BFBCDECB-9651-4182-BD0E-B931606F27C9}" dt="2024-01-08T08:19:19.004" v="4732"/>
          <ac:spMkLst>
            <pc:docMk/>
            <pc:sldMk cId="0" sldId="1139"/>
            <ac:spMk id="104450" creationId="{E37B6A89-2467-F252-CB94-6996492909E8}"/>
          </ac:spMkLst>
        </pc:spChg>
        <pc:spChg chg="mod">
          <ac:chgData name="芳彦 植野" userId="86ab4e6fb1040a80" providerId="LiveId" clId="{BFBCDECB-9651-4182-BD0E-B931606F27C9}" dt="2024-01-09T08:41:49.314" v="5355" actId="20577"/>
          <ac:spMkLst>
            <pc:docMk/>
            <pc:sldMk cId="0" sldId="1139"/>
            <ac:spMk id="104454" creationId="{82D5BB29-F509-3729-7195-FD89FD26B4D9}"/>
          </ac:spMkLst>
        </pc:spChg>
        <pc:spChg chg="mod">
          <ac:chgData name="芳彦 植野" userId="86ab4e6fb1040a80" providerId="LiveId" clId="{BFBCDECB-9651-4182-BD0E-B931606F27C9}" dt="2024-01-08T08:19:19.004" v="4732"/>
          <ac:spMkLst>
            <pc:docMk/>
            <pc:sldMk cId="0" sldId="1139"/>
            <ac:spMk id="104455" creationId="{4DF531DE-4409-089E-B7C7-4DCC3EE09272}"/>
          </ac:spMkLst>
        </pc:spChg>
        <pc:picChg chg="mod">
          <ac:chgData name="芳彦 植野" userId="86ab4e6fb1040a80" providerId="LiveId" clId="{BFBCDECB-9651-4182-BD0E-B931606F27C9}" dt="2024-01-08T08:19:19.004" v="4732"/>
          <ac:picMkLst>
            <pc:docMk/>
            <pc:sldMk cId="0" sldId="1139"/>
            <ac:picMk id="3" creationId="{AB380AF9-8157-F13A-5003-75F210AA8551}"/>
          </ac:picMkLst>
        </pc:picChg>
        <pc:picChg chg="mod">
          <ac:chgData name="芳彦 植野" userId="86ab4e6fb1040a80" providerId="LiveId" clId="{BFBCDECB-9651-4182-BD0E-B931606F27C9}" dt="2024-01-08T08:19:19.004" v="4732"/>
          <ac:picMkLst>
            <pc:docMk/>
            <pc:sldMk cId="0" sldId="1139"/>
            <ac:picMk id="104452" creationId="{3502533E-759D-E1A9-59A8-4427695CC6FC}"/>
          </ac:picMkLst>
        </pc:picChg>
      </pc:sldChg>
      <pc:sldChg chg="modSp del">
        <pc:chgData name="芳彦 植野" userId="86ab4e6fb1040a80" providerId="LiveId" clId="{BFBCDECB-9651-4182-BD0E-B931606F27C9}" dt="2024-03-18T20:10:44.449" v="6729" actId="2696"/>
        <pc:sldMkLst>
          <pc:docMk/>
          <pc:sldMk cId="2609688110" sldId="1149"/>
        </pc:sldMkLst>
        <pc:spChg chg="mod">
          <ac:chgData name="芳彦 植野" userId="86ab4e6fb1040a80" providerId="LiveId" clId="{BFBCDECB-9651-4182-BD0E-B931606F27C9}" dt="2024-01-08T08:19:19.004" v="4732"/>
          <ac:spMkLst>
            <pc:docMk/>
            <pc:sldMk cId="2609688110" sldId="1149"/>
            <ac:spMk id="2" creationId="{230B6B78-CF87-4ACD-9198-2018B6B945C1}"/>
          </ac:spMkLst>
        </pc:spChg>
        <pc:spChg chg="mod">
          <ac:chgData name="芳彦 植野" userId="86ab4e6fb1040a80" providerId="LiveId" clId="{BFBCDECB-9651-4182-BD0E-B931606F27C9}" dt="2024-01-08T08:19:19.004" v="4732"/>
          <ac:spMkLst>
            <pc:docMk/>
            <pc:sldMk cId="2609688110" sldId="1149"/>
            <ac:spMk id="3" creationId="{1A75390C-303E-4385-9312-9DAA287260F8}"/>
          </ac:spMkLst>
        </pc:spChg>
        <pc:spChg chg="mod">
          <ac:chgData name="芳彦 植野" userId="86ab4e6fb1040a80" providerId="LiveId" clId="{BFBCDECB-9651-4182-BD0E-B931606F27C9}" dt="2024-01-08T08:19:19.004" v="4732"/>
          <ac:spMkLst>
            <pc:docMk/>
            <pc:sldMk cId="2609688110" sldId="1149"/>
            <ac:spMk id="4" creationId="{48FC8551-6DA0-4EE0-9262-4FDBE54372EA}"/>
          </ac:spMkLst>
        </pc:spChg>
        <pc:spChg chg="mod">
          <ac:chgData name="芳彦 植野" userId="86ab4e6fb1040a80" providerId="LiveId" clId="{BFBCDECB-9651-4182-BD0E-B931606F27C9}" dt="2024-01-08T08:19:19.004" v="4732"/>
          <ac:spMkLst>
            <pc:docMk/>
            <pc:sldMk cId="2609688110" sldId="1149"/>
            <ac:spMk id="6" creationId="{79247EEF-2675-462B-ADAB-0B4ADDFB9150}"/>
          </ac:spMkLst>
        </pc:spChg>
        <pc:spChg chg="mod">
          <ac:chgData name="芳彦 植野" userId="86ab4e6fb1040a80" providerId="LiveId" clId="{BFBCDECB-9651-4182-BD0E-B931606F27C9}" dt="2024-01-08T08:19:19.004" v="4732"/>
          <ac:spMkLst>
            <pc:docMk/>
            <pc:sldMk cId="2609688110" sldId="1149"/>
            <ac:spMk id="7" creationId="{A9CB35A1-0D1E-4199-BF62-1E0F19F301F9}"/>
          </ac:spMkLst>
        </pc:spChg>
        <pc:spChg chg="mod">
          <ac:chgData name="芳彦 植野" userId="86ab4e6fb1040a80" providerId="LiveId" clId="{BFBCDECB-9651-4182-BD0E-B931606F27C9}" dt="2024-01-08T08:19:19.004" v="4732"/>
          <ac:spMkLst>
            <pc:docMk/>
            <pc:sldMk cId="2609688110" sldId="1149"/>
            <ac:spMk id="8" creationId="{904A46A0-E2A6-408D-B698-77553DB34673}"/>
          </ac:spMkLst>
        </pc:spChg>
        <pc:spChg chg="mod">
          <ac:chgData name="芳彦 植野" userId="86ab4e6fb1040a80" providerId="LiveId" clId="{BFBCDECB-9651-4182-BD0E-B931606F27C9}" dt="2024-01-08T08:19:19.004" v="4732"/>
          <ac:spMkLst>
            <pc:docMk/>
            <pc:sldMk cId="2609688110" sldId="1149"/>
            <ac:spMk id="9" creationId="{5283D245-67E4-4F91-B7A4-3C8980F5236D}"/>
          </ac:spMkLst>
        </pc:spChg>
        <pc:spChg chg="mod">
          <ac:chgData name="芳彦 植野" userId="86ab4e6fb1040a80" providerId="LiveId" clId="{BFBCDECB-9651-4182-BD0E-B931606F27C9}" dt="2024-01-08T08:19:19.004" v="4732"/>
          <ac:spMkLst>
            <pc:docMk/>
            <pc:sldMk cId="2609688110" sldId="1149"/>
            <ac:spMk id="10" creationId="{34E4AF9E-9781-4340-84D0-90A3E0F7AADB}"/>
          </ac:spMkLst>
        </pc:spChg>
        <pc:spChg chg="mod">
          <ac:chgData name="芳彦 植野" userId="86ab4e6fb1040a80" providerId="LiveId" clId="{BFBCDECB-9651-4182-BD0E-B931606F27C9}" dt="2024-01-08T08:19:19.004" v="4732"/>
          <ac:spMkLst>
            <pc:docMk/>
            <pc:sldMk cId="2609688110" sldId="1149"/>
            <ac:spMk id="11" creationId="{2819E3A6-DCCC-462B-A1B9-F8DF5B5E99A6}"/>
          </ac:spMkLst>
        </pc:spChg>
        <pc:spChg chg="mod">
          <ac:chgData name="芳彦 植野" userId="86ab4e6fb1040a80" providerId="LiveId" clId="{BFBCDECB-9651-4182-BD0E-B931606F27C9}" dt="2024-01-08T08:19:19.004" v="4732"/>
          <ac:spMkLst>
            <pc:docMk/>
            <pc:sldMk cId="2609688110" sldId="1149"/>
            <ac:spMk id="12" creationId="{7A07F033-E55D-4FD3-8FB3-91F9C289B862}"/>
          </ac:spMkLst>
        </pc:spChg>
        <pc:spChg chg="mod">
          <ac:chgData name="芳彦 植野" userId="86ab4e6fb1040a80" providerId="LiveId" clId="{BFBCDECB-9651-4182-BD0E-B931606F27C9}" dt="2024-01-08T08:19:19.004" v="4732"/>
          <ac:spMkLst>
            <pc:docMk/>
            <pc:sldMk cId="2609688110" sldId="1149"/>
            <ac:spMk id="13" creationId="{0118116F-52D5-4ED3-925D-2ED36506C4CE}"/>
          </ac:spMkLst>
        </pc:spChg>
        <pc:spChg chg="mod">
          <ac:chgData name="芳彦 植野" userId="86ab4e6fb1040a80" providerId="LiveId" clId="{BFBCDECB-9651-4182-BD0E-B931606F27C9}" dt="2024-01-08T08:19:19.004" v="4732"/>
          <ac:spMkLst>
            <pc:docMk/>
            <pc:sldMk cId="2609688110" sldId="1149"/>
            <ac:spMk id="14" creationId="{AA037EF6-9D72-4936-9313-9D12717ADBB3}"/>
          </ac:spMkLst>
        </pc:spChg>
        <pc:spChg chg="mod">
          <ac:chgData name="芳彦 植野" userId="86ab4e6fb1040a80" providerId="LiveId" clId="{BFBCDECB-9651-4182-BD0E-B931606F27C9}" dt="2024-01-08T08:19:19.004" v="4732"/>
          <ac:spMkLst>
            <pc:docMk/>
            <pc:sldMk cId="2609688110" sldId="1149"/>
            <ac:spMk id="24" creationId="{9B7D47C7-6231-4D4B-B2EE-82215DCCF621}"/>
          </ac:spMkLst>
        </pc:spChg>
        <pc:spChg chg="mod">
          <ac:chgData name="芳彦 植野" userId="86ab4e6fb1040a80" providerId="LiveId" clId="{BFBCDECB-9651-4182-BD0E-B931606F27C9}" dt="2024-01-08T08:19:19.004" v="4732"/>
          <ac:spMkLst>
            <pc:docMk/>
            <pc:sldMk cId="2609688110" sldId="1149"/>
            <ac:spMk id="27" creationId="{549CF4B6-6F78-4E82-BFAE-5231850EF016}"/>
          </ac:spMkLst>
        </pc:spChg>
        <pc:spChg chg="mod">
          <ac:chgData name="芳彦 植野" userId="86ab4e6fb1040a80" providerId="LiveId" clId="{BFBCDECB-9651-4182-BD0E-B931606F27C9}" dt="2024-01-08T08:19:19.004" v="4732"/>
          <ac:spMkLst>
            <pc:docMk/>
            <pc:sldMk cId="2609688110" sldId="1149"/>
            <ac:spMk id="31" creationId="{AF8E0B1B-3F0C-4B90-95FA-FD6289FD42DC}"/>
          </ac:spMkLst>
        </pc:spChg>
        <pc:spChg chg="mod">
          <ac:chgData name="芳彦 植野" userId="86ab4e6fb1040a80" providerId="LiveId" clId="{BFBCDECB-9651-4182-BD0E-B931606F27C9}" dt="2024-01-08T08:19:19.004" v="4732"/>
          <ac:spMkLst>
            <pc:docMk/>
            <pc:sldMk cId="2609688110" sldId="1149"/>
            <ac:spMk id="12290" creationId="{2701C82D-3D1C-4BD4-B915-040DC10855FD}"/>
          </ac:spMkLst>
        </pc:spChg>
        <pc:spChg chg="mod">
          <ac:chgData name="芳彦 植野" userId="86ab4e6fb1040a80" providerId="LiveId" clId="{BFBCDECB-9651-4182-BD0E-B931606F27C9}" dt="2024-01-08T08:19:19.004" v="4732"/>
          <ac:spMkLst>
            <pc:docMk/>
            <pc:sldMk cId="2609688110" sldId="1149"/>
            <ac:spMk id="12300" creationId="{D3C89C84-EFB6-4B9E-BABF-410E59219817}"/>
          </ac:spMkLst>
        </pc:spChg>
      </pc:sldChg>
      <pc:sldChg chg="modSp add del mod">
        <pc:chgData name="芳彦 植野" userId="86ab4e6fb1040a80" providerId="LiveId" clId="{BFBCDECB-9651-4182-BD0E-B931606F27C9}" dt="2024-01-09T00:39:36.207" v="5226" actId="2696"/>
        <pc:sldMkLst>
          <pc:docMk/>
          <pc:sldMk cId="1724887067" sldId="1154"/>
        </pc:sldMkLst>
        <pc:spChg chg="mod">
          <ac:chgData name="芳彦 植野" userId="86ab4e6fb1040a80" providerId="LiveId" clId="{BFBCDECB-9651-4182-BD0E-B931606F27C9}" dt="2024-01-08T08:24:11.408" v="4776" actId="1076"/>
          <ac:spMkLst>
            <pc:docMk/>
            <pc:sldMk cId="1724887067" sldId="1154"/>
            <ac:spMk id="19458" creationId="{F3FD6BE4-2429-55E2-A5E9-F24DFCF5387D}"/>
          </ac:spMkLst>
        </pc:spChg>
        <pc:spChg chg="mod">
          <ac:chgData name="芳彦 植野" userId="86ab4e6fb1040a80" providerId="LiveId" clId="{BFBCDECB-9651-4182-BD0E-B931606F27C9}" dt="2024-01-08T08:19:19.004" v="4732"/>
          <ac:spMkLst>
            <pc:docMk/>
            <pc:sldMk cId="1724887067" sldId="1154"/>
            <ac:spMk id="19461" creationId="{53777D5A-2F3B-37B5-2F15-573775769A41}"/>
          </ac:spMkLst>
        </pc:spChg>
        <pc:picChg chg="mod">
          <ac:chgData name="芳彦 植野" userId="86ab4e6fb1040a80" providerId="LiveId" clId="{BFBCDECB-9651-4182-BD0E-B931606F27C9}" dt="2024-01-08T08:19:19.004" v="4732"/>
          <ac:picMkLst>
            <pc:docMk/>
            <pc:sldMk cId="1724887067" sldId="1154"/>
            <ac:picMk id="19459" creationId="{2FE2553D-FDE2-5CBA-4E6B-DEB9F669F5B2}"/>
          </ac:picMkLst>
        </pc:picChg>
        <pc:picChg chg="mod">
          <ac:chgData name="芳彦 植野" userId="86ab4e6fb1040a80" providerId="LiveId" clId="{BFBCDECB-9651-4182-BD0E-B931606F27C9}" dt="2024-01-08T08:19:19.004" v="4732"/>
          <ac:picMkLst>
            <pc:docMk/>
            <pc:sldMk cId="1724887067" sldId="1154"/>
            <ac:picMk id="19460" creationId="{798E43F4-ADCA-6ABD-1DFF-2586B6937445}"/>
          </ac:picMkLst>
        </pc:picChg>
        <pc:picChg chg="mod">
          <ac:chgData name="芳彦 植野" userId="86ab4e6fb1040a80" providerId="LiveId" clId="{BFBCDECB-9651-4182-BD0E-B931606F27C9}" dt="2024-01-08T08:19:19.004" v="4732"/>
          <ac:picMkLst>
            <pc:docMk/>
            <pc:sldMk cId="1724887067" sldId="1154"/>
            <ac:picMk id="19462" creationId="{D7FC7188-14A2-88CA-D099-6F72D6B9AB49}"/>
          </ac:picMkLst>
        </pc:picChg>
      </pc:sldChg>
      <pc:sldChg chg="modSp add del">
        <pc:chgData name="芳彦 植野" userId="86ab4e6fb1040a80" providerId="LiveId" clId="{BFBCDECB-9651-4182-BD0E-B931606F27C9}" dt="2024-03-10T05:47:34.075" v="5755" actId="2696"/>
        <pc:sldMkLst>
          <pc:docMk/>
          <pc:sldMk cId="0" sldId="1188"/>
        </pc:sldMkLst>
        <pc:spChg chg="mod">
          <ac:chgData name="芳彦 植野" userId="86ab4e6fb1040a80" providerId="LiveId" clId="{BFBCDECB-9651-4182-BD0E-B931606F27C9}" dt="2024-01-08T08:19:19.004" v="4732"/>
          <ac:spMkLst>
            <pc:docMk/>
            <pc:sldMk cId="0" sldId="1188"/>
            <ac:spMk id="9218" creationId="{3D828E6F-034B-6C27-39F4-703AA45E6529}"/>
          </ac:spMkLst>
        </pc:spChg>
        <pc:spChg chg="mod">
          <ac:chgData name="芳彦 植野" userId="86ab4e6fb1040a80" providerId="LiveId" clId="{BFBCDECB-9651-4182-BD0E-B931606F27C9}" dt="2024-01-08T08:19:19.004" v="4732"/>
          <ac:spMkLst>
            <pc:docMk/>
            <pc:sldMk cId="0" sldId="1188"/>
            <ac:spMk id="9221" creationId="{9D4B5F52-5F77-EFD9-88C7-66603D4E11CC}"/>
          </ac:spMkLst>
        </pc:spChg>
        <pc:picChg chg="mod">
          <ac:chgData name="芳彦 植野" userId="86ab4e6fb1040a80" providerId="LiveId" clId="{BFBCDECB-9651-4182-BD0E-B931606F27C9}" dt="2024-01-08T08:19:19.004" v="4732"/>
          <ac:picMkLst>
            <pc:docMk/>
            <pc:sldMk cId="0" sldId="1188"/>
            <ac:picMk id="9219" creationId="{B50F744C-270A-3380-34A4-E461249B3B3E}"/>
          </ac:picMkLst>
        </pc:picChg>
        <pc:picChg chg="mod">
          <ac:chgData name="芳彦 植野" userId="86ab4e6fb1040a80" providerId="LiveId" clId="{BFBCDECB-9651-4182-BD0E-B931606F27C9}" dt="2024-01-08T08:19:19.004" v="4732"/>
          <ac:picMkLst>
            <pc:docMk/>
            <pc:sldMk cId="0" sldId="1188"/>
            <ac:picMk id="9220" creationId="{C5889138-E21B-3E34-B01A-A906AFB8D6B1}"/>
          </ac:picMkLst>
        </pc:picChg>
        <pc:picChg chg="mod">
          <ac:chgData name="芳彦 植野" userId="86ab4e6fb1040a80" providerId="LiveId" clId="{BFBCDECB-9651-4182-BD0E-B931606F27C9}" dt="2024-01-08T08:19:19.004" v="4732"/>
          <ac:picMkLst>
            <pc:docMk/>
            <pc:sldMk cId="0" sldId="1188"/>
            <ac:picMk id="9222" creationId="{824EBC5F-F940-C6AA-B870-8584EF5CE75F}"/>
          </ac:picMkLst>
        </pc:picChg>
        <pc:picChg chg="mod">
          <ac:chgData name="芳彦 植野" userId="86ab4e6fb1040a80" providerId="LiveId" clId="{BFBCDECB-9651-4182-BD0E-B931606F27C9}" dt="2024-01-08T08:19:19.004" v="4732"/>
          <ac:picMkLst>
            <pc:docMk/>
            <pc:sldMk cId="0" sldId="1188"/>
            <ac:picMk id="9223" creationId="{300772BD-F9F7-9B78-A2C9-E44345291A7F}"/>
          </ac:picMkLst>
        </pc:picChg>
      </pc:sldChg>
      <pc:sldChg chg="modSp add mod">
        <pc:chgData name="芳彦 植野" userId="86ab4e6fb1040a80" providerId="LiveId" clId="{BFBCDECB-9651-4182-BD0E-B931606F27C9}" dt="2024-03-17T07:36:36.847" v="6230" actId="20577"/>
        <pc:sldMkLst>
          <pc:docMk/>
          <pc:sldMk cId="2746051640" sldId="1207"/>
        </pc:sldMkLst>
        <pc:spChg chg="mod">
          <ac:chgData name="芳彦 植野" userId="86ab4e6fb1040a80" providerId="LiveId" clId="{BFBCDECB-9651-4182-BD0E-B931606F27C9}" dt="2024-03-17T07:36:36.847" v="6230" actId="20577"/>
          <ac:spMkLst>
            <pc:docMk/>
            <pc:sldMk cId="2746051640" sldId="1207"/>
            <ac:spMk id="3" creationId="{00000000-0000-0000-0000-000000000000}"/>
          </ac:spMkLst>
        </pc:spChg>
      </pc:sldChg>
      <pc:sldChg chg="del">
        <pc:chgData name="芳彦 植野" userId="86ab4e6fb1040a80" providerId="LiveId" clId="{BFBCDECB-9651-4182-BD0E-B931606F27C9}" dt="2024-01-03T22:32:39.806" v="4599" actId="2696"/>
        <pc:sldMkLst>
          <pc:docMk/>
          <pc:sldMk cId="0" sldId="1233"/>
        </pc:sldMkLst>
      </pc:sldChg>
      <pc:sldChg chg="modSp del mod">
        <pc:chgData name="芳彦 植野" userId="86ab4e6fb1040a80" providerId="LiveId" clId="{BFBCDECB-9651-4182-BD0E-B931606F27C9}" dt="2024-01-08T20:54:32.516" v="5119" actId="2696"/>
        <pc:sldMkLst>
          <pc:docMk/>
          <pc:sldMk cId="1546463324" sldId="1249"/>
        </pc:sldMkLst>
        <pc:spChg chg="mod">
          <ac:chgData name="芳彦 植野" userId="86ab4e6fb1040a80" providerId="LiveId" clId="{BFBCDECB-9651-4182-BD0E-B931606F27C9}" dt="2024-01-08T08:19:19.004" v="4732"/>
          <ac:spMkLst>
            <pc:docMk/>
            <pc:sldMk cId="1546463324" sldId="1249"/>
            <ac:spMk id="2" creationId="{60581524-2E69-4F9B-896A-9F59CB093495}"/>
          </ac:spMkLst>
        </pc:spChg>
        <pc:spChg chg="mod">
          <ac:chgData name="芳彦 植野" userId="86ab4e6fb1040a80" providerId="LiveId" clId="{BFBCDECB-9651-4182-BD0E-B931606F27C9}" dt="2024-01-08T19:52:58.263" v="4903" actId="1076"/>
          <ac:spMkLst>
            <pc:docMk/>
            <pc:sldMk cId="1546463324" sldId="1249"/>
            <ac:spMk id="5" creationId="{EFEF4B88-D688-413C-8EE7-FA0F1A13B210}"/>
          </ac:spMkLst>
        </pc:spChg>
        <pc:picChg chg="mod">
          <ac:chgData name="芳彦 植野" userId="86ab4e6fb1040a80" providerId="LiveId" clId="{BFBCDECB-9651-4182-BD0E-B931606F27C9}" dt="2024-01-08T19:52:55.239" v="4902" actId="14100"/>
          <ac:picMkLst>
            <pc:docMk/>
            <pc:sldMk cId="1546463324" sldId="1249"/>
            <ac:picMk id="3" creationId="{2FF34695-3F15-4284-89B9-CB6E90AED09F}"/>
          </ac:picMkLst>
        </pc:picChg>
      </pc:sldChg>
      <pc:sldChg chg="add">
        <pc:chgData name="芳彦 植野" userId="86ab4e6fb1040a80" providerId="LiveId" clId="{BFBCDECB-9651-4182-BD0E-B931606F27C9}" dt="2024-03-18T19:43:37.013" v="6713"/>
        <pc:sldMkLst>
          <pc:docMk/>
          <pc:sldMk cId="1551379747" sldId="1249"/>
        </pc:sldMkLst>
      </pc:sldChg>
      <pc:sldChg chg="add del">
        <pc:chgData name="芳彦 植野" userId="86ab4e6fb1040a80" providerId="LiveId" clId="{BFBCDECB-9651-4182-BD0E-B931606F27C9}" dt="2024-03-18T04:53:11.705" v="6649" actId="2696"/>
        <pc:sldMkLst>
          <pc:docMk/>
          <pc:sldMk cId="702464498" sldId="1252"/>
        </pc:sldMkLst>
      </pc:sldChg>
      <pc:sldChg chg="add del modTransition">
        <pc:chgData name="芳彦 植野" userId="86ab4e6fb1040a80" providerId="LiveId" clId="{BFBCDECB-9651-4182-BD0E-B931606F27C9}" dt="2024-03-18T00:04:29.210" v="6334" actId="2696"/>
        <pc:sldMkLst>
          <pc:docMk/>
          <pc:sldMk cId="341748213" sldId="1255"/>
        </pc:sldMkLst>
      </pc:sldChg>
      <pc:sldChg chg="add del">
        <pc:chgData name="芳彦 植野" userId="86ab4e6fb1040a80" providerId="LiveId" clId="{BFBCDECB-9651-4182-BD0E-B931606F27C9}" dt="2024-03-18T20:10:51.934" v="6730" actId="2696"/>
        <pc:sldMkLst>
          <pc:docMk/>
          <pc:sldMk cId="410473717" sldId="1255"/>
        </pc:sldMkLst>
      </pc:sldChg>
      <pc:sldChg chg="add del modTransition">
        <pc:chgData name="芳彦 植野" userId="86ab4e6fb1040a80" providerId="LiveId" clId="{BFBCDECB-9651-4182-BD0E-B931606F27C9}" dt="2024-03-09T20:34:47.705" v="5631" actId="2696"/>
        <pc:sldMkLst>
          <pc:docMk/>
          <pc:sldMk cId="738112100" sldId="1256"/>
        </pc:sldMkLst>
      </pc:sldChg>
      <pc:sldChg chg="delSp modSp add del mod">
        <pc:chgData name="芳彦 植野" userId="86ab4e6fb1040a80" providerId="LiveId" clId="{BFBCDECB-9651-4182-BD0E-B931606F27C9}" dt="2023-09-24T22:10:47.352" v="2698" actId="2696"/>
        <pc:sldMkLst>
          <pc:docMk/>
          <pc:sldMk cId="4053322642" sldId="1257"/>
        </pc:sldMkLst>
        <pc:graphicFrameChg chg="del mod">
          <ac:chgData name="芳彦 植野" userId="86ab4e6fb1040a80" providerId="LiveId" clId="{BFBCDECB-9651-4182-BD0E-B931606F27C9}" dt="2023-09-24T22:10:43.045" v="2697" actId="21"/>
          <ac:graphicFrameMkLst>
            <pc:docMk/>
            <pc:sldMk cId="4053322642" sldId="1257"/>
            <ac:graphicFrameMk id="2" creationId="{6E089910-E741-4754-B2B2-69274BD754DD}"/>
          </ac:graphicFrameMkLst>
        </pc:graphicFrameChg>
      </pc:sldChg>
      <pc:sldChg chg="addSp delSp modSp add mod setBg">
        <pc:chgData name="芳彦 植野" userId="86ab4e6fb1040a80" providerId="LiveId" clId="{BFBCDECB-9651-4182-BD0E-B931606F27C9}" dt="2024-03-18T20:10:11.188" v="6727" actId="26606"/>
        <pc:sldMkLst>
          <pc:docMk/>
          <pc:sldMk cId="3462856745" sldId="1280"/>
        </pc:sldMkLst>
        <pc:spChg chg="mod">
          <ac:chgData name="芳彦 植野" userId="86ab4e6fb1040a80" providerId="LiveId" clId="{BFBCDECB-9651-4182-BD0E-B931606F27C9}" dt="2024-03-18T20:10:11.188" v="6727" actId="26606"/>
          <ac:spMkLst>
            <pc:docMk/>
            <pc:sldMk cId="3462856745" sldId="1280"/>
            <ac:spMk id="2" creationId="{56BF684E-7CE0-4890-9F99-9AF12F387B6B}"/>
          </ac:spMkLst>
        </pc:spChg>
        <pc:spChg chg="add del mod">
          <ac:chgData name="芳彦 植野" userId="86ab4e6fb1040a80" providerId="LiveId" clId="{BFBCDECB-9651-4182-BD0E-B931606F27C9}" dt="2024-03-18T20:10:11.188" v="6727" actId="26606"/>
          <ac:spMkLst>
            <pc:docMk/>
            <pc:sldMk cId="3462856745" sldId="1280"/>
            <ac:spMk id="3" creationId="{5947CF7B-6D11-4F5C-860D-FB2C59F3029A}"/>
          </ac:spMkLst>
        </pc:spChg>
        <pc:spChg chg="add del">
          <ac:chgData name="芳彦 植野" userId="86ab4e6fb1040a80" providerId="LiveId" clId="{BFBCDECB-9651-4182-BD0E-B931606F27C9}" dt="2024-03-18T20:10:03.271" v="6725" actId="26606"/>
          <ac:spMkLst>
            <pc:docMk/>
            <pc:sldMk cId="3462856745" sldId="1280"/>
            <ac:spMk id="9" creationId="{F13C74B1-5B17-4795-BED0-7140497B445A}"/>
          </ac:spMkLst>
        </pc:spChg>
        <pc:spChg chg="add del">
          <ac:chgData name="芳彦 植野" userId="86ab4e6fb1040a80" providerId="LiveId" clId="{BFBCDECB-9651-4182-BD0E-B931606F27C9}" dt="2024-03-18T20:10:11.188" v="6727" actId="26606"/>
          <ac:spMkLst>
            <pc:docMk/>
            <pc:sldMk cId="3462856745" sldId="1280"/>
            <ac:spMk id="10" creationId="{B50AB553-2A96-4A92-96F2-93548E096954}"/>
          </ac:spMkLst>
        </pc:spChg>
        <pc:spChg chg="add del">
          <ac:chgData name="芳彦 植野" userId="86ab4e6fb1040a80" providerId="LiveId" clId="{BFBCDECB-9651-4182-BD0E-B931606F27C9}" dt="2024-03-18T20:10:03.271" v="6725" actId="26606"/>
          <ac:spMkLst>
            <pc:docMk/>
            <pc:sldMk cId="3462856745" sldId="1280"/>
            <ac:spMk id="11" creationId="{D4974D33-8DC5-464E-8C6D-BE58F0669C17}"/>
          </ac:spMkLst>
        </pc:spChg>
        <pc:graphicFrameChg chg="add del">
          <ac:chgData name="芳彦 植野" userId="86ab4e6fb1040a80" providerId="LiveId" clId="{BFBCDECB-9651-4182-BD0E-B931606F27C9}" dt="2024-03-18T20:10:11.188" v="6727" actId="26606"/>
          <ac:graphicFrameMkLst>
            <pc:docMk/>
            <pc:sldMk cId="3462856745" sldId="1280"/>
            <ac:graphicFrameMk id="13" creationId="{056EEDD1-99F5-1EA6-AA58-731F2AAFBC74}"/>
          </ac:graphicFrameMkLst>
        </pc:graphicFrameChg>
        <pc:picChg chg="add del">
          <ac:chgData name="芳彦 植野" userId="86ab4e6fb1040a80" providerId="LiveId" clId="{BFBCDECB-9651-4182-BD0E-B931606F27C9}" dt="2024-03-18T20:10:03.271" v="6725" actId="26606"/>
          <ac:picMkLst>
            <pc:docMk/>
            <pc:sldMk cId="3462856745" sldId="1280"/>
            <ac:picMk id="5" creationId="{4EB79AA2-372C-FE2D-285F-371B43C80951}"/>
          </ac:picMkLst>
        </pc:picChg>
        <pc:picChg chg="add del">
          <ac:chgData name="芳彦 植野" userId="86ab4e6fb1040a80" providerId="LiveId" clId="{BFBCDECB-9651-4182-BD0E-B931606F27C9}" dt="2024-03-18T20:10:11.188" v="6727" actId="26606"/>
          <ac:picMkLst>
            <pc:docMk/>
            <pc:sldMk cId="3462856745" sldId="1280"/>
            <ac:picMk id="6" creationId="{B45E4F6B-73DE-1C0F-5AAE-2CDFF627C492}"/>
          </ac:picMkLst>
        </pc:picChg>
      </pc:sldChg>
      <pc:sldChg chg="del">
        <pc:chgData name="芳彦 植野" userId="86ab4e6fb1040a80" providerId="LiveId" clId="{BFBCDECB-9651-4182-BD0E-B931606F27C9}" dt="2023-09-23T20:56:48.365" v="20" actId="2696"/>
        <pc:sldMkLst>
          <pc:docMk/>
          <pc:sldMk cId="27318033" sldId="1287"/>
        </pc:sldMkLst>
      </pc:sldChg>
      <pc:sldChg chg="modSp add del mod">
        <pc:chgData name="芳彦 植野" userId="86ab4e6fb1040a80" providerId="LiveId" clId="{BFBCDECB-9651-4182-BD0E-B931606F27C9}" dt="2024-01-03T22:32:30.622" v="4598" actId="2696"/>
        <pc:sldMkLst>
          <pc:docMk/>
          <pc:sldMk cId="3011497487" sldId="1288"/>
        </pc:sldMkLst>
        <pc:spChg chg="mod">
          <ac:chgData name="芳彦 植野" userId="86ab4e6fb1040a80" providerId="LiveId" clId="{BFBCDECB-9651-4182-BD0E-B931606F27C9}" dt="2023-09-25T02:59:00.317" v="3718" actId="20577"/>
          <ac:spMkLst>
            <pc:docMk/>
            <pc:sldMk cId="3011497487" sldId="1288"/>
            <ac:spMk id="6" creationId="{00000000-0000-0000-0000-000000000000}"/>
          </ac:spMkLst>
        </pc:spChg>
        <pc:spChg chg="mod">
          <ac:chgData name="芳彦 植野" userId="86ab4e6fb1040a80" providerId="LiveId" clId="{BFBCDECB-9651-4182-BD0E-B931606F27C9}" dt="2023-09-25T02:58:02.607" v="3664" actId="2085"/>
          <ac:spMkLst>
            <pc:docMk/>
            <pc:sldMk cId="3011497487" sldId="1288"/>
            <ac:spMk id="7171" creationId="{00000000-0000-0000-0000-000000000000}"/>
          </ac:spMkLst>
        </pc:spChg>
      </pc:sldChg>
      <pc:sldChg chg="add">
        <pc:chgData name="芳彦 植野" userId="86ab4e6fb1040a80" providerId="LiveId" clId="{BFBCDECB-9651-4182-BD0E-B931606F27C9}" dt="2024-03-18T05:16:02.139" v="6696"/>
        <pc:sldMkLst>
          <pc:docMk/>
          <pc:sldMk cId="383622516" sldId="1290"/>
        </pc:sldMkLst>
      </pc:sldChg>
      <pc:sldChg chg="add del">
        <pc:chgData name="芳彦 植野" userId="86ab4e6fb1040a80" providerId="LiveId" clId="{BFBCDECB-9651-4182-BD0E-B931606F27C9}" dt="2024-03-18T05:15:55.904" v="6695" actId="2696"/>
        <pc:sldMkLst>
          <pc:docMk/>
          <pc:sldMk cId="938959858" sldId="1290"/>
        </pc:sldMkLst>
      </pc:sldChg>
      <pc:sldChg chg="addSp delSp modSp add mod">
        <pc:chgData name="芳彦 植野" userId="86ab4e6fb1040a80" providerId="LiveId" clId="{BFBCDECB-9651-4182-BD0E-B931606F27C9}" dt="2024-03-17T07:37:36.139" v="6239" actId="6549"/>
        <pc:sldMkLst>
          <pc:docMk/>
          <pc:sldMk cId="2043361911" sldId="1293"/>
        </pc:sldMkLst>
        <pc:spChg chg="del">
          <ac:chgData name="芳彦 植野" userId="86ab4e6fb1040a80" providerId="LiveId" clId="{BFBCDECB-9651-4182-BD0E-B931606F27C9}" dt="2023-09-24T22:17:51.723" v="3082" actId="21"/>
          <ac:spMkLst>
            <pc:docMk/>
            <pc:sldMk cId="2043361911" sldId="1293"/>
            <ac:spMk id="2" creationId="{CE050E89-3477-4F14-AD1C-684C5C06C412}"/>
          </ac:spMkLst>
        </pc:spChg>
        <pc:spChg chg="mod">
          <ac:chgData name="芳彦 植野" userId="86ab4e6fb1040a80" providerId="LiveId" clId="{BFBCDECB-9651-4182-BD0E-B931606F27C9}" dt="2024-03-17T07:37:36.139" v="6239" actId="6549"/>
          <ac:spMkLst>
            <pc:docMk/>
            <pc:sldMk cId="2043361911" sldId="1293"/>
            <ac:spMk id="6148" creationId="{00000000-0000-0000-0000-000000000000}"/>
          </ac:spMkLst>
        </pc:spChg>
        <pc:spChg chg="mod">
          <ac:chgData name="芳彦 植野" userId="86ab4e6fb1040a80" providerId="LiveId" clId="{BFBCDECB-9651-4182-BD0E-B931606F27C9}" dt="2024-01-08T19:53:21.388" v="4904" actId="1076"/>
          <ac:spMkLst>
            <pc:docMk/>
            <pc:sldMk cId="2043361911" sldId="1293"/>
            <ac:spMk id="7171" creationId="{00000000-0000-0000-0000-000000000000}"/>
          </ac:spMkLst>
        </pc:spChg>
        <pc:spChg chg="mod">
          <ac:chgData name="芳彦 植野" userId="86ab4e6fb1040a80" providerId="LiveId" clId="{BFBCDECB-9651-4182-BD0E-B931606F27C9}" dt="2024-01-08T08:19:19.004" v="4732"/>
          <ac:spMkLst>
            <pc:docMk/>
            <pc:sldMk cId="2043361911" sldId="1293"/>
            <ac:spMk id="28675" creationId="{00000000-0000-0000-0000-000000000000}"/>
          </ac:spMkLst>
        </pc:spChg>
        <pc:picChg chg="add del">
          <ac:chgData name="芳彦 植野" userId="86ab4e6fb1040a80" providerId="LiveId" clId="{BFBCDECB-9651-4182-BD0E-B931606F27C9}" dt="2024-01-08T21:01:06.312" v="5195" actId="21"/>
          <ac:picMkLst>
            <pc:docMk/>
            <pc:sldMk cId="2043361911" sldId="1293"/>
            <ac:picMk id="2" creationId="{9E03F9EF-EFDF-D7CB-C88B-211DBAA97E60}"/>
          </ac:picMkLst>
        </pc:picChg>
        <pc:picChg chg="del">
          <ac:chgData name="芳彦 植野" userId="86ab4e6fb1040a80" providerId="LiveId" clId="{BFBCDECB-9651-4182-BD0E-B931606F27C9}" dt="2023-09-24T22:17:06.796" v="3043" actId="21"/>
          <ac:picMkLst>
            <pc:docMk/>
            <pc:sldMk cId="2043361911" sldId="1293"/>
            <ac:picMk id="5" creationId="{7FA4CB88-BD0E-486F-963B-60EABBB5660A}"/>
          </ac:picMkLst>
        </pc:picChg>
      </pc:sldChg>
      <pc:sldChg chg="add">
        <pc:chgData name="芳彦 植野" userId="86ab4e6fb1040a80" providerId="LiveId" clId="{BFBCDECB-9651-4182-BD0E-B931606F27C9}" dt="2024-03-18T20:00:31.642" v="6714"/>
        <pc:sldMkLst>
          <pc:docMk/>
          <pc:sldMk cId="0" sldId="1296"/>
        </pc:sldMkLst>
      </pc:sldChg>
      <pc:sldChg chg="add">
        <pc:chgData name="芳彦 植野" userId="86ab4e6fb1040a80" providerId="LiveId" clId="{BFBCDECB-9651-4182-BD0E-B931606F27C9}" dt="2024-03-18T20:00:51.271" v="6715"/>
        <pc:sldMkLst>
          <pc:docMk/>
          <pc:sldMk cId="0" sldId="1297"/>
        </pc:sldMkLst>
      </pc:sldChg>
      <pc:sldChg chg="del">
        <pc:chgData name="芳彦 植野" userId="86ab4e6fb1040a80" providerId="LiveId" clId="{BFBCDECB-9651-4182-BD0E-B931606F27C9}" dt="2023-09-25T02:57:25.896" v="3661" actId="2696"/>
        <pc:sldMkLst>
          <pc:docMk/>
          <pc:sldMk cId="0" sldId="1304"/>
        </pc:sldMkLst>
      </pc:sldChg>
      <pc:sldChg chg="add del">
        <pc:chgData name="芳彦 植野" userId="86ab4e6fb1040a80" providerId="LiveId" clId="{BFBCDECB-9651-4182-BD0E-B931606F27C9}" dt="2024-03-18T04:53:08.827" v="6648" actId="2696"/>
        <pc:sldMkLst>
          <pc:docMk/>
          <pc:sldMk cId="2194413261" sldId="1676"/>
        </pc:sldMkLst>
      </pc:sldChg>
      <pc:sldChg chg="del">
        <pc:chgData name="芳彦 植野" userId="86ab4e6fb1040a80" providerId="LiveId" clId="{BFBCDECB-9651-4182-BD0E-B931606F27C9}" dt="2023-09-23T20:56:49.383" v="21" actId="2696"/>
        <pc:sldMkLst>
          <pc:docMk/>
          <pc:sldMk cId="4289121561" sldId="1676"/>
        </pc:sldMkLst>
      </pc:sldChg>
      <pc:sldChg chg="modSp add del mod modNotes">
        <pc:chgData name="芳彦 植野" userId="86ab4e6fb1040a80" providerId="LiveId" clId="{BFBCDECB-9651-4182-BD0E-B931606F27C9}" dt="2024-01-08T21:02:10.123" v="5198" actId="2696"/>
        <pc:sldMkLst>
          <pc:docMk/>
          <pc:sldMk cId="3696117353" sldId="1677"/>
        </pc:sldMkLst>
        <pc:spChg chg="mod">
          <ac:chgData name="芳彦 植野" userId="86ab4e6fb1040a80" providerId="LiveId" clId="{BFBCDECB-9651-4182-BD0E-B931606F27C9}" dt="2024-01-08T19:55:00.328" v="4944" actId="1076"/>
          <ac:spMkLst>
            <pc:docMk/>
            <pc:sldMk cId="3696117353" sldId="1677"/>
            <ac:spMk id="2" creationId="{00000000-0000-0000-0000-000000000000}"/>
          </ac:spMkLst>
        </pc:spChg>
        <pc:spChg chg="mod">
          <ac:chgData name="芳彦 植野" userId="86ab4e6fb1040a80" providerId="LiveId" clId="{BFBCDECB-9651-4182-BD0E-B931606F27C9}" dt="2024-01-08T19:55:16.106" v="4947" actId="255"/>
          <ac:spMkLst>
            <pc:docMk/>
            <pc:sldMk cId="3696117353" sldId="1677"/>
            <ac:spMk id="3" creationId="{00000000-0000-0000-0000-000000000000}"/>
          </ac:spMkLst>
        </pc:spChg>
        <pc:spChg chg="mod">
          <ac:chgData name="芳彦 植野" userId="86ab4e6fb1040a80" providerId="LiveId" clId="{BFBCDECB-9651-4182-BD0E-B931606F27C9}" dt="2024-01-08T08:19:19.004" v="4732"/>
          <ac:spMkLst>
            <pc:docMk/>
            <pc:sldMk cId="3696117353" sldId="1677"/>
            <ac:spMk id="5" creationId="{00000000-0000-0000-0000-000000000000}"/>
          </ac:spMkLst>
        </pc:spChg>
        <pc:cxnChg chg="mod">
          <ac:chgData name="芳彦 植野" userId="86ab4e6fb1040a80" providerId="LiveId" clId="{BFBCDECB-9651-4182-BD0E-B931606F27C9}" dt="2024-01-08T08:19:19.004" v="4732"/>
          <ac:cxnSpMkLst>
            <pc:docMk/>
            <pc:sldMk cId="3696117353" sldId="1677"/>
            <ac:cxnSpMk id="6" creationId="{00000000-0000-0000-0000-000000000000}"/>
          </ac:cxnSpMkLst>
        </pc:cxnChg>
      </pc:sldChg>
      <pc:sldChg chg="modSp add del mod">
        <pc:chgData name="芳彦 植野" userId="86ab4e6fb1040a80" providerId="LiveId" clId="{BFBCDECB-9651-4182-BD0E-B931606F27C9}" dt="2024-03-18T04:53:41.408" v="6650" actId="2696"/>
        <pc:sldMkLst>
          <pc:docMk/>
          <pc:sldMk cId="4000471629" sldId="1677"/>
        </pc:sldMkLst>
        <pc:spChg chg="mod">
          <ac:chgData name="芳彦 植野" userId="86ab4e6fb1040a80" providerId="LiveId" clId="{BFBCDECB-9651-4182-BD0E-B931606F27C9}" dt="2024-01-14T21:22:23.009" v="5483" actId="1076"/>
          <ac:spMkLst>
            <pc:docMk/>
            <pc:sldMk cId="4000471629" sldId="1677"/>
            <ac:spMk id="2" creationId="{00000000-0000-0000-0000-000000000000}"/>
          </ac:spMkLst>
        </pc:spChg>
      </pc:sldChg>
      <pc:sldChg chg="modSp">
        <pc:chgData name="芳彦 植野" userId="86ab4e6fb1040a80" providerId="LiveId" clId="{BFBCDECB-9651-4182-BD0E-B931606F27C9}" dt="2024-01-08T08:19:19.004" v="4732"/>
        <pc:sldMkLst>
          <pc:docMk/>
          <pc:sldMk cId="1967929060" sldId="1679"/>
        </pc:sldMkLst>
        <pc:spChg chg="mod">
          <ac:chgData name="芳彦 植野" userId="86ab4e6fb1040a80" providerId="LiveId" clId="{BFBCDECB-9651-4182-BD0E-B931606F27C9}" dt="2024-01-08T08:19:19.004" v="4732"/>
          <ac:spMkLst>
            <pc:docMk/>
            <pc:sldMk cId="1967929060" sldId="1679"/>
            <ac:spMk id="2" creationId="{B9C1C1A2-B179-1AFB-FFF9-15F40CEB568C}"/>
          </ac:spMkLst>
        </pc:spChg>
        <pc:spChg chg="mod">
          <ac:chgData name="芳彦 植野" userId="86ab4e6fb1040a80" providerId="LiveId" clId="{BFBCDECB-9651-4182-BD0E-B931606F27C9}" dt="2024-01-08T08:19:19.004" v="4732"/>
          <ac:spMkLst>
            <pc:docMk/>
            <pc:sldMk cId="1967929060" sldId="1679"/>
            <ac:spMk id="3" creationId="{2B148B76-3076-3A32-25BE-54BE2E83332C}"/>
          </ac:spMkLst>
        </pc:spChg>
        <pc:spChg chg="mod">
          <ac:chgData name="芳彦 植野" userId="86ab4e6fb1040a80" providerId="LiveId" clId="{BFBCDECB-9651-4182-BD0E-B931606F27C9}" dt="2024-01-08T08:19:19.004" v="4732"/>
          <ac:spMkLst>
            <pc:docMk/>
            <pc:sldMk cId="1967929060" sldId="1679"/>
            <ac:spMk id="5" creationId="{396F2CAC-E9AA-D2A1-6D4B-CF6E3FC2B104}"/>
          </ac:spMkLst>
        </pc:spChg>
        <pc:spChg chg="mod">
          <ac:chgData name="芳彦 植野" userId="86ab4e6fb1040a80" providerId="LiveId" clId="{BFBCDECB-9651-4182-BD0E-B931606F27C9}" dt="2024-01-08T08:19:19.004" v="4732"/>
          <ac:spMkLst>
            <pc:docMk/>
            <pc:sldMk cId="1967929060" sldId="1679"/>
            <ac:spMk id="6" creationId="{ADEC941E-3EB9-8495-9A2D-85DA93FFEA0C}"/>
          </ac:spMkLst>
        </pc:spChg>
        <pc:spChg chg="mod">
          <ac:chgData name="芳彦 植野" userId="86ab4e6fb1040a80" providerId="LiveId" clId="{BFBCDECB-9651-4182-BD0E-B931606F27C9}" dt="2024-01-08T08:19:19.004" v="4732"/>
          <ac:spMkLst>
            <pc:docMk/>
            <pc:sldMk cId="1967929060" sldId="1679"/>
            <ac:spMk id="7" creationId="{A41DFA23-D7A3-A495-A0AE-B3B23FF46AC5}"/>
          </ac:spMkLst>
        </pc:spChg>
        <pc:picChg chg="mod">
          <ac:chgData name="芳彦 植野" userId="86ab4e6fb1040a80" providerId="LiveId" clId="{BFBCDECB-9651-4182-BD0E-B931606F27C9}" dt="2024-01-08T08:19:19.004" v="4732"/>
          <ac:picMkLst>
            <pc:docMk/>
            <pc:sldMk cId="1967929060" sldId="1679"/>
            <ac:picMk id="4" creationId="{5754D0E8-6FC1-9E2C-1522-D458919D38EC}"/>
          </ac:picMkLst>
        </pc:picChg>
      </pc:sldChg>
      <pc:sldChg chg="add del">
        <pc:chgData name="芳彦 植野" userId="86ab4e6fb1040a80" providerId="LiveId" clId="{BFBCDECB-9651-4182-BD0E-B931606F27C9}" dt="2023-09-24T22:08:42.358" v="2691" actId="2696"/>
        <pc:sldMkLst>
          <pc:docMk/>
          <pc:sldMk cId="217751594" sldId="1687"/>
        </pc:sldMkLst>
      </pc:sldChg>
      <pc:sldChg chg="add del">
        <pc:chgData name="芳彦 植野" userId="86ab4e6fb1040a80" providerId="LiveId" clId="{BFBCDECB-9651-4182-BD0E-B931606F27C9}" dt="2023-09-24T22:08:44.759" v="2692" actId="2696"/>
        <pc:sldMkLst>
          <pc:docMk/>
          <pc:sldMk cId="3209306284" sldId="1697"/>
        </pc:sldMkLst>
      </pc:sldChg>
      <pc:sldChg chg="modSp add del mod">
        <pc:chgData name="芳彦 植野" userId="86ab4e6fb1040a80" providerId="LiveId" clId="{BFBCDECB-9651-4182-BD0E-B931606F27C9}" dt="2024-03-09T20:33:22.084" v="5627" actId="2696"/>
        <pc:sldMkLst>
          <pc:docMk/>
          <pc:sldMk cId="0" sldId="1702"/>
        </pc:sldMkLst>
        <pc:spChg chg="mod">
          <ac:chgData name="芳彦 植野" userId="86ab4e6fb1040a80" providerId="LiveId" clId="{BFBCDECB-9651-4182-BD0E-B931606F27C9}" dt="2024-01-08T08:23:39.438" v="4773" actId="20577"/>
          <ac:spMkLst>
            <pc:docMk/>
            <pc:sldMk cId="0" sldId="1702"/>
            <ac:spMk id="4" creationId="{1E3BFDC7-568F-38D8-C173-6BAA42F3865B}"/>
          </ac:spMkLst>
        </pc:spChg>
      </pc:sldChg>
      <pc:sldChg chg="modSp add del">
        <pc:chgData name="芳彦 植野" userId="86ab4e6fb1040a80" providerId="LiveId" clId="{BFBCDECB-9651-4182-BD0E-B931606F27C9}" dt="2024-03-13T11:06:21.507" v="6122" actId="2696"/>
        <pc:sldMkLst>
          <pc:docMk/>
          <pc:sldMk cId="0" sldId="1705"/>
        </pc:sldMkLst>
        <pc:spChg chg="mod">
          <ac:chgData name="芳彦 植野" userId="86ab4e6fb1040a80" providerId="LiveId" clId="{BFBCDECB-9651-4182-BD0E-B931606F27C9}" dt="2024-01-08T08:19:19.004" v="4732"/>
          <ac:spMkLst>
            <pc:docMk/>
            <pc:sldMk cId="0" sldId="1705"/>
            <ac:spMk id="2" creationId="{FB67F807-C8F9-BEF1-AE96-34A33D684567}"/>
          </ac:spMkLst>
        </pc:spChg>
        <pc:spChg chg="mod">
          <ac:chgData name="芳彦 植野" userId="86ab4e6fb1040a80" providerId="LiveId" clId="{BFBCDECB-9651-4182-BD0E-B931606F27C9}" dt="2024-01-08T08:19:19.004" v="4732"/>
          <ac:spMkLst>
            <pc:docMk/>
            <pc:sldMk cId="0" sldId="1705"/>
            <ac:spMk id="82948" creationId="{3A0815E7-555D-97D9-D6BA-D8635CC79F73}"/>
          </ac:spMkLst>
        </pc:spChg>
        <pc:spChg chg="mod">
          <ac:chgData name="芳彦 植野" userId="86ab4e6fb1040a80" providerId="LiveId" clId="{BFBCDECB-9651-4182-BD0E-B931606F27C9}" dt="2024-01-08T08:19:19.004" v="4732"/>
          <ac:spMkLst>
            <pc:docMk/>
            <pc:sldMk cId="0" sldId="1705"/>
            <ac:spMk id="82949" creationId="{1DEE4CE4-BA5D-3D06-CDAF-9113816E7971}"/>
          </ac:spMkLst>
        </pc:spChg>
        <pc:picChg chg="mod">
          <ac:chgData name="芳彦 植野" userId="86ab4e6fb1040a80" providerId="LiveId" clId="{BFBCDECB-9651-4182-BD0E-B931606F27C9}" dt="2024-01-08T08:19:19.004" v="4732"/>
          <ac:picMkLst>
            <pc:docMk/>
            <pc:sldMk cId="0" sldId="1705"/>
            <ac:picMk id="82946" creationId="{1018B76F-0C3C-3123-5F00-B7E4067473BA}"/>
          </ac:picMkLst>
        </pc:picChg>
        <pc:picChg chg="mod">
          <ac:chgData name="芳彦 植野" userId="86ab4e6fb1040a80" providerId="LiveId" clId="{BFBCDECB-9651-4182-BD0E-B931606F27C9}" dt="2024-01-08T08:19:19.004" v="4732"/>
          <ac:picMkLst>
            <pc:docMk/>
            <pc:sldMk cId="0" sldId="1705"/>
            <ac:picMk id="82947" creationId="{5FD4E1BF-22D0-E912-FEC2-05F6B95D6A15}"/>
          </ac:picMkLst>
        </pc:picChg>
      </pc:sldChg>
      <pc:sldChg chg="modSp add del">
        <pc:chgData name="芳彦 植野" userId="86ab4e6fb1040a80" providerId="LiveId" clId="{BFBCDECB-9651-4182-BD0E-B931606F27C9}" dt="2024-01-08T08:24:01.662" v="4774" actId="2696"/>
        <pc:sldMkLst>
          <pc:docMk/>
          <pc:sldMk cId="0" sldId="1706"/>
        </pc:sldMkLst>
        <pc:spChg chg="mod">
          <ac:chgData name="芳彦 植野" userId="86ab4e6fb1040a80" providerId="LiveId" clId="{BFBCDECB-9651-4182-BD0E-B931606F27C9}" dt="2024-01-08T08:19:19.004" v="4732"/>
          <ac:spMkLst>
            <pc:docMk/>
            <pc:sldMk cId="0" sldId="1706"/>
            <ac:spMk id="83972" creationId="{37166F29-730C-7825-EBC5-A391ABF1E03E}"/>
          </ac:spMkLst>
        </pc:spChg>
        <pc:picChg chg="mod">
          <ac:chgData name="芳彦 植野" userId="86ab4e6fb1040a80" providerId="LiveId" clId="{BFBCDECB-9651-4182-BD0E-B931606F27C9}" dt="2024-01-08T08:19:19.004" v="4732"/>
          <ac:picMkLst>
            <pc:docMk/>
            <pc:sldMk cId="0" sldId="1706"/>
            <ac:picMk id="83970" creationId="{AEF1E286-A61D-2A08-739E-6B0178EADEB5}"/>
          </ac:picMkLst>
        </pc:picChg>
        <pc:picChg chg="mod">
          <ac:chgData name="芳彦 植野" userId="86ab4e6fb1040a80" providerId="LiveId" clId="{BFBCDECB-9651-4182-BD0E-B931606F27C9}" dt="2024-01-08T08:19:19.004" v="4732"/>
          <ac:picMkLst>
            <pc:docMk/>
            <pc:sldMk cId="0" sldId="1706"/>
            <ac:picMk id="83971" creationId="{819685B4-6DF1-179C-B0BF-D5ABAD99EA93}"/>
          </ac:picMkLst>
        </pc:picChg>
      </pc:sldChg>
      <pc:sldChg chg="modSp add del">
        <pc:chgData name="芳彦 植野" userId="86ab4e6fb1040a80" providerId="LiveId" clId="{BFBCDECB-9651-4182-BD0E-B931606F27C9}" dt="2024-03-13T11:06:20.644" v="6121" actId="2696"/>
        <pc:sldMkLst>
          <pc:docMk/>
          <pc:sldMk cId="0" sldId="1708"/>
        </pc:sldMkLst>
        <pc:spChg chg="mod">
          <ac:chgData name="芳彦 植野" userId="86ab4e6fb1040a80" providerId="LiveId" clId="{BFBCDECB-9651-4182-BD0E-B931606F27C9}" dt="2024-01-08T08:19:19.004" v="4732"/>
          <ac:spMkLst>
            <pc:docMk/>
            <pc:sldMk cId="0" sldId="1708"/>
            <ac:spMk id="81924" creationId="{68B23F1C-1416-786A-F926-554417D2FAE7}"/>
          </ac:spMkLst>
        </pc:spChg>
        <pc:spChg chg="mod">
          <ac:chgData name="芳彦 植野" userId="86ab4e6fb1040a80" providerId="LiveId" clId="{BFBCDECB-9651-4182-BD0E-B931606F27C9}" dt="2024-01-08T08:19:19.004" v="4732"/>
          <ac:spMkLst>
            <pc:docMk/>
            <pc:sldMk cId="0" sldId="1708"/>
            <ac:spMk id="81925" creationId="{E4E413F7-5D9C-54AE-7EFC-C5E6AEBCD8FF}"/>
          </ac:spMkLst>
        </pc:spChg>
        <pc:picChg chg="mod">
          <ac:chgData name="芳彦 植野" userId="86ab4e6fb1040a80" providerId="LiveId" clId="{BFBCDECB-9651-4182-BD0E-B931606F27C9}" dt="2024-01-08T08:19:19.004" v="4732"/>
          <ac:picMkLst>
            <pc:docMk/>
            <pc:sldMk cId="0" sldId="1708"/>
            <ac:picMk id="81922" creationId="{7B4F7C68-FE5B-C68C-1F97-38D9F29E07E7}"/>
          </ac:picMkLst>
        </pc:picChg>
        <pc:picChg chg="mod">
          <ac:chgData name="芳彦 植野" userId="86ab4e6fb1040a80" providerId="LiveId" clId="{BFBCDECB-9651-4182-BD0E-B931606F27C9}" dt="2024-01-08T08:19:19.004" v="4732"/>
          <ac:picMkLst>
            <pc:docMk/>
            <pc:sldMk cId="0" sldId="1708"/>
            <ac:picMk id="81923" creationId="{F618BC96-C055-DF68-BAEA-D457BAE3B238}"/>
          </ac:picMkLst>
        </pc:picChg>
      </pc:sldChg>
      <pc:sldChg chg="del">
        <pc:chgData name="芳彦 植野" userId="86ab4e6fb1040a80" providerId="LiveId" clId="{BFBCDECB-9651-4182-BD0E-B931606F27C9}" dt="2023-09-23T20:56:33.788" v="19" actId="2696"/>
        <pc:sldMkLst>
          <pc:docMk/>
          <pc:sldMk cId="4185912097" sldId="1711"/>
        </pc:sldMkLst>
      </pc:sldChg>
      <pc:sldChg chg="modSp">
        <pc:chgData name="芳彦 植野" userId="86ab4e6fb1040a80" providerId="LiveId" clId="{BFBCDECB-9651-4182-BD0E-B931606F27C9}" dt="2024-01-08T08:19:19.004" v="4732"/>
        <pc:sldMkLst>
          <pc:docMk/>
          <pc:sldMk cId="3271951612" sldId="1716"/>
        </pc:sldMkLst>
        <pc:spChg chg="mod">
          <ac:chgData name="芳彦 植野" userId="86ab4e6fb1040a80" providerId="LiveId" clId="{BFBCDECB-9651-4182-BD0E-B931606F27C9}" dt="2024-01-08T08:19:19.004" v="4732"/>
          <ac:spMkLst>
            <pc:docMk/>
            <pc:sldMk cId="3271951612" sldId="1716"/>
            <ac:spMk id="3" creationId="{E9593CCB-6B7B-4C29-9B5F-4A9561041831}"/>
          </ac:spMkLst>
        </pc:spChg>
        <pc:spChg chg="mod">
          <ac:chgData name="芳彦 植野" userId="86ab4e6fb1040a80" providerId="LiveId" clId="{BFBCDECB-9651-4182-BD0E-B931606F27C9}" dt="2024-01-08T08:19:19.004" v="4732"/>
          <ac:spMkLst>
            <pc:docMk/>
            <pc:sldMk cId="3271951612" sldId="1716"/>
            <ac:spMk id="4" creationId="{AD6CC02C-64FD-4F03-A4B3-BD7375C89E64}"/>
          </ac:spMkLst>
        </pc:spChg>
        <pc:spChg chg="mod">
          <ac:chgData name="芳彦 植野" userId="86ab4e6fb1040a80" providerId="LiveId" clId="{BFBCDECB-9651-4182-BD0E-B931606F27C9}" dt="2024-01-08T08:19:19.004" v="4732"/>
          <ac:spMkLst>
            <pc:docMk/>
            <pc:sldMk cId="3271951612" sldId="1716"/>
            <ac:spMk id="5" creationId="{66E0264D-AA86-43B8-ADD7-E9FD07DADE7F}"/>
          </ac:spMkLst>
        </pc:spChg>
        <pc:spChg chg="mod">
          <ac:chgData name="芳彦 植野" userId="86ab4e6fb1040a80" providerId="LiveId" clId="{BFBCDECB-9651-4182-BD0E-B931606F27C9}" dt="2024-01-08T08:19:19.004" v="4732"/>
          <ac:spMkLst>
            <pc:docMk/>
            <pc:sldMk cId="3271951612" sldId="1716"/>
            <ac:spMk id="6" creationId="{DBFC9C6E-BD25-48F3-84C4-CCAAC6D3E0AE}"/>
          </ac:spMkLst>
        </pc:spChg>
        <pc:spChg chg="mod">
          <ac:chgData name="芳彦 植野" userId="86ab4e6fb1040a80" providerId="LiveId" clId="{BFBCDECB-9651-4182-BD0E-B931606F27C9}" dt="2024-01-08T08:19:19.004" v="4732"/>
          <ac:spMkLst>
            <pc:docMk/>
            <pc:sldMk cId="3271951612" sldId="1716"/>
            <ac:spMk id="7" creationId="{DEACA7E9-E34B-44B8-8539-04E5CC4FF5A5}"/>
          </ac:spMkLst>
        </pc:spChg>
        <pc:spChg chg="mod">
          <ac:chgData name="芳彦 植野" userId="86ab4e6fb1040a80" providerId="LiveId" clId="{BFBCDECB-9651-4182-BD0E-B931606F27C9}" dt="2024-01-08T08:19:19.004" v="4732"/>
          <ac:spMkLst>
            <pc:docMk/>
            <pc:sldMk cId="3271951612" sldId="1716"/>
            <ac:spMk id="8" creationId="{3893FF06-6102-47D1-BA57-DBD7D29432C3}"/>
          </ac:spMkLst>
        </pc:spChg>
        <pc:spChg chg="mod">
          <ac:chgData name="芳彦 植野" userId="86ab4e6fb1040a80" providerId="LiveId" clId="{BFBCDECB-9651-4182-BD0E-B931606F27C9}" dt="2024-01-08T08:19:19.004" v="4732"/>
          <ac:spMkLst>
            <pc:docMk/>
            <pc:sldMk cId="3271951612" sldId="1716"/>
            <ac:spMk id="9" creationId="{7388B294-A7E7-431D-8535-C91C20DD2721}"/>
          </ac:spMkLst>
        </pc:spChg>
        <pc:spChg chg="mod">
          <ac:chgData name="芳彦 植野" userId="86ab4e6fb1040a80" providerId="LiveId" clId="{BFBCDECB-9651-4182-BD0E-B931606F27C9}" dt="2024-01-08T08:19:19.004" v="4732"/>
          <ac:spMkLst>
            <pc:docMk/>
            <pc:sldMk cId="3271951612" sldId="1716"/>
            <ac:spMk id="10" creationId="{23EB4D02-1394-4F5A-9E23-2C6510FAC102}"/>
          </ac:spMkLst>
        </pc:spChg>
        <pc:spChg chg="mod">
          <ac:chgData name="芳彦 植野" userId="86ab4e6fb1040a80" providerId="LiveId" clId="{BFBCDECB-9651-4182-BD0E-B931606F27C9}" dt="2024-01-08T08:19:19.004" v="4732"/>
          <ac:spMkLst>
            <pc:docMk/>
            <pc:sldMk cId="3271951612" sldId="1716"/>
            <ac:spMk id="11" creationId="{8976A085-9108-4E24-9550-431ADADE8CB2}"/>
          </ac:spMkLst>
        </pc:spChg>
        <pc:spChg chg="mod">
          <ac:chgData name="芳彦 植野" userId="86ab4e6fb1040a80" providerId="LiveId" clId="{BFBCDECB-9651-4182-BD0E-B931606F27C9}" dt="2024-01-08T08:19:19.004" v="4732"/>
          <ac:spMkLst>
            <pc:docMk/>
            <pc:sldMk cId="3271951612" sldId="1716"/>
            <ac:spMk id="12" creationId="{6F2C0411-963C-4462-9D35-AEDBE98CAF0D}"/>
          </ac:spMkLst>
        </pc:spChg>
        <pc:spChg chg="mod">
          <ac:chgData name="芳彦 植野" userId="86ab4e6fb1040a80" providerId="LiveId" clId="{BFBCDECB-9651-4182-BD0E-B931606F27C9}" dt="2024-01-08T08:19:19.004" v="4732"/>
          <ac:spMkLst>
            <pc:docMk/>
            <pc:sldMk cId="3271951612" sldId="1716"/>
            <ac:spMk id="13" creationId="{FF821336-D676-450A-A975-EFC94547C213}"/>
          </ac:spMkLst>
        </pc:spChg>
        <pc:spChg chg="mod">
          <ac:chgData name="芳彦 植野" userId="86ab4e6fb1040a80" providerId="LiveId" clId="{BFBCDECB-9651-4182-BD0E-B931606F27C9}" dt="2024-01-08T08:19:19.004" v="4732"/>
          <ac:spMkLst>
            <pc:docMk/>
            <pc:sldMk cId="3271951612" sldId="1716"/>
            <ac:spMk id="14" creationId="{546F71AC-A7A9-4811-98FA-CBF641405A04}"/>
          </ac:spMkLst>
        </pc:spChg>
        <pc:spChg chg="mod">
          <ac:chgData name="芳彦 植野" userId="86ab4e6fb1040a80" providerId="LiveId" clId="{BFBCDECB-9651-4182-BD0E-B931606F27C9}" dt="2024-01-08T08:19:19.004" v="4732"/>
          <ac:spMkLst>
            <pc:docMk/>
            <pc:sldMk cId="3271951612" sldId="1716"/>
            <ac:spMk id="15" creationId="{48432204-48EF-4FE8-8398-8B8BE48E5D85}"/>
          </ac:spMkLst>
        </pc:spChg>
        <pc:spChg chg="mod">
          <ac:chgData name="芳彦 植野" userId="86ab4e6fb1040a80" providerId="LiveId" clId="{BFBCDECB-9651-4182-BD0E-B931606F27C9}" dt="2024-01-08T08:19:19.004" v="4732"/>
          <ac:spMkLst>
            <pc:docMk/>
            <pc:sldMk cId="3271951612" sldId="1716"/>
            <ac:spMk id="16" creationId="{D9A4DEE0-16CC-48FD-B48E-49F9E946A531}"/>
          </ac:spMkLst>
        </pc:spChg>
        <pc:spChg chg="mod">
          <ac:chgData name="芳彦 植野" userId="86ab4e6fb1040a80" providerId="LiveId" clId="{BFBCDECB-9651-4182-BD0E-B931606F27C9}" dt="2024-01-08T08:19:19.004" v="4732"/>
          <ac:spMkLst>
            <pc:docMk/>
            <pc:sldMk cId="3271951612" sldId="1716"/>
            <ac:spMk id="17" creationId="{2E717C04-94A5-C784-3E7A-95FF4E6F43DA}"/>
          </ac:spMkLst>
        </pc:spChg>
        <pc:spChg chg="mod">
          <ac:chgData name="芳彦 植野" userId="86ab4e6fb1040a80" providerId="LiveId" clId="{BFBCDECB-9651-4182-BD0E-B931606F27C9}" dt="2024-01-08T08:19:19.004" v="4732"/>
          <ac:spMkLst>
            <pc:docMk/>
            <pc:sldMk cId="3271951612" sldId="1716"/>
            <ac:spMk id="27" creationId="{B4628F62-211F-49FD-A65B-9685294602B5}"/>
          </ac:spMkLst>
        </pc:spChg>
        <pc:spChg chg="mod">
          <ac:chgData name="芳彦 植野" userId="86ab4e6fb1040a80" providerId="LiveId" clId="{BFBCDECB-9651-4182-BD0E-B931606F27C9}" dt="2024-01-08T08:19:19.004" v="4732"/>
          <ac:spMkLst>
            <pc:docMk/>
            <pc:sldMk cId="3271951612" sldId="1716"/>
            <ac:spMk id="29" creationId="{205EB7C3-2801-4EDF-AC0D-E4AB9109CBC9}"/>
          </ac:spMkLst>
        </pc:spChg>
        <pc:spChg chg="mod">
          <ac:chgData name="芳彦 植野" userId="86ab4e6fb1040a80" providerId="LiveId" clId="{BFBCDECB-9651-4182-BD0E-B931606F27C9}" dt="2024-01-08T08:19:19.004" v="4732"/>
          <ac:spMkLst>
            <pc:docMk/>
            <pc:sldMk cId="3271951612" sldId="1716"/>
            <ac:spMk id="31" creationId="{4A81ECCA-21FA-4A5E-BF53-A2BB61E18885}"/>
          </ac:spMkLst>
        </pc:spChg>
        <pc:spChg chg="mod">
          <ac:chgData name="芳彦 植野" userId="86ab4e6fb1040a80" providerId="LiveId" clId="{BFBCDECB-9651-4182-BD0E-B931606F27C9}" dt="2024-01-08T08:19:19.004" v="4732"/>
          <ac:spMkLst>
            <pc:docMk/>
            <pc:sldMk cId="3271951612" sldId="1716"/>
            <ac:spMk id="36" creationId="{18B4FE06-27AB-47D0-A924-D8B830372EBB}"/>
          </ac:spMkLst>
        </pc:spChg>
        <pc:spChg chg="mod">
          <ac:chgData name="芳彦 植野" userId="86ab4e6fb1040a80" providerId="LiveId" clId="{BFBCDECB-9651-4182-BD0E-B931606F27C9}" dt="2024-01-08T08:19:19.004" v="4732"/>
          <ac:spMkLst>
            <pc:docMk/>
            <pc:sldMk cId="3271951612" sldId="1716"/>
            <ac:spMk id="38" creationId="{6FF7A7DB-B845-47A0-9AEC-A69EAD018FA5}"/>
          </ac:spMkLst>
        </pc:spChg>
        <pc:spChg chg="mod">
          <ac:chgData name="芳彦 植野" userId="86ab4e6fb1040a80" providerId="LiveId" clId="{BFBCDECB-9651-4182-BD0E-B931606F27C9}" dt="2024-01-08T08:19:19.004" v="4732"/>
          <ac:spMkLst>
            <pc:docMk/>
            <pc:sldMk cId="3271951612" sldId="1716"/>
            <ac:spMk id="39" creationId="{45733AEB-B9DB-42E8-8FC2-9E71B311D231}"/>
          </ac:spMkLst>
        </pc:spChg>
        <pc:spChg chg="mod">
          <ac:chgData name="芳彦 植野" userId="86ab4e6fb1040a80" providerId="LiveId" clId="{BFBCDECB-9651-4182-BD0E-B931606F27C9}" dt="2024-01-08T08:19:19.004" v="4732"/>
          <ac:spMkLst>
            <pc:docMk/>
            <pc:sldMk cId="3271951612" sldId="1716"/>
            <ac:spMk id="88070" creationId="{2E5D7F80-E348-421E-B0C9-D13435DC1C24}"/>
          </ac:spMkLst>
        </pc:spChg>
        <pc:spChg chg="mod">
          <ac:chgData name="芳彦 植野" userId="86ab4e6fb1040a80" providerId="LiveId" clId="{BFBCDECB-9651-4182-BD0E-B931606F27C9}" dt="2024-01-08T08:19:19.004" v="4732"/>
          <ac:spMkLst>
            <pc:docMk/>
            <pc:sldMk cId="3271951612" sldId="1716"/>
            <ac:spMk id="88072" creationId="{802F3513-83A1-4CBC-8ED7-52BBB18450D9}"/>
          </ac:spMkLst>
        </pc:spChg>
        <pc:spChg chg="mod">
          <ac:chgData name="芳彦 植野" userId="86ab4e6fb1040a80" providerId="LiveId" clId="{BFBCDECB-9651-4182-BD0E-B931606F27C9}" dt="2024-01-08T08:19:19.004" v="4732"/>
          <ac:spMkLst>
            <pc:docMk/>
            <pc:sldMk cId="3271951612" sldId="1716"/>
            <ac:spMk id="88074" creationId="{EBFE816D-33E8-4C03-9805-451A11D1D621}"/>
          </ac:spMkLst>
        </pc:spChg>
        <pc:spChg chg="mod">
          <ac:chgData name="芳彦 植野" userId="86ab4e6fb1040a80" providerId="LiveId" clId="{BFBCDECB-9651-4182-BD0E-B931606F27C9}" dt="2024-01-08T08:19:19.004" v="4732"/>
          <ac:spMkLst>
            <pc:docMk/>
            <pc:sldMk cId="3271951612" sldId="1716"/>
            <ac:spMk id="88076" creationId="{9DBC825B-C9AD-47FC-B44A-8A3FFAACB3CD}"/>
          </ac:spMkLst>
        </pc:spChg>
        <pc:spChg chg="mod">
          <ac:chgData name="芳彦 植野" userId="86ab4e6fb1040a80" providerId="LiveId" clId="{BFBCDECB-9651-4182-BD0E-B931606F27C9}" dt="2024-01-08T08:19:19.004" v="4732"/>
          <ac:spMkLst>
            <pc:docMk/>
            <pc:sldMk cId="3271951612" sldId="1716"/>
            <ac:spMk id="88083" creationId="{C85D83AC-E1E8-48BC-9616-30271B8D4F01}"/>
          </ac:spMkLst>
        </pc:spChg>
        <pc:spChg chg="mod">
          <ac:chgData name="芳彦 植野" userId="86ab4e6fb1040a80" providerId="LiveId" clId="{BFBCDECB-9651-4182-BD0E-B931606F27C9}" dt="2024-01-08T08:19:19.004" v="4732"/>
          <ac:spMkLst>
            <pc:docMk/>
            <pc:sldMk cId="3271951612" sldId="1716"/>
            <ac:spMk id="88084" creationId="{5891D2D6-BA31-4415-B02B-6775B93ECEA7}"/>
          </ac:spMkLst>
        </pc:spChg>
        <pc:spChg chg="mod">
          <ac:chgData name="芳彦 植野" userId="86ab4e6fb1040a80" providerId="LiveId" clId="{BFBCDECB-9651-4182-BD0E-B931606F27C9}" dt="2024-01-08T08:19:19.004" v="4732"/>
          <ac:spMkLst>
            <pc:docMk/>
            <pc:sldMk cId="3271951612" sldId="1716"/>
            <ac:spMk id="88085" creationId="{85EA8C5B-73A4-41CC-8AF5-0DBFF208C244}"/>
          </ac:spMkLst>
        </pc:spChg>
        <pc:spChg chg="mod">
          <ac:chgData name="芳彦 植野" userId="86ab4e6fb1040a80" providerId="LiveId" clId="{BFBCDECB-9651-4182-BD0E-B931606F27C9}" dt="2024-01-08T08:19:19.004" v="4732"/>
          <ac:spMkLst>
            <pc:docMk/>
            <pc:sldMk cId="3271951612" sldId="1716"/>
            <ac:spMk id="88086" creationId="{F23766F0-DC0F-4475-886F-573B3BDCEC26}"/>
          </ac:spMkLst>
        </pc:spChg>
        <pc:spChg chg="mod">
          <ac:chgData name="芳彦 植野" userId="86ab4e6fb1040a80" providerId="LiveId" clId="{BFBCDECB-9651-4182-BD0E-B931606F27C9}" dt="2024-01-08T08:19:19.004" v="4732"/>
          <ac:spMkLst>
            <pc:docMk/>
            <pc:sldMk cId="3271951612" sldId="1716"/>
            <ac:spMk id="88087" creationId="{7093BC4C-6E9D-412C-A008-1205847FA0F4}"/>
          </ac:spMkLst>
        </pc:spChg>
        <pc:grpChg chg="mod">
          <ac:chgData name="芳彦 植野" userId="86ab4e6fb1040a80" providerId="LiveId" clId="{BFBCDECB-9651-4182-BD0E-B931606F27C9}" dt="2024-01-08T08:19:19.004" v="4732"/>
          <ac:grpSpMkLst>
            <pc:docMk/>
            <pc:sldMk cId="3271951612" sldId="1716"/>
            <ac:grpSpMk id="2" creationId="{0D15E348-911B-4FFE-95BC-FC8EAF7C3FD1}"/>
          </ac:grpSpMkLst>
        </pc:grpChg>
        <pc:grpChg chg="mod">
          <ac:chgData name="芳彦 植野" userId="86ab4e6fb1040a80" providerId="LiveId" clId="{BFBCDECB-9651-4182-BD0E-B931606F27C9}" dt="2024-01-08T08:19:19.004" v="4732"/>
          <ac:grpSpMkLst>
            <pc:docMk/>
            <pc:sldMk cId="3271951612" sldId="1716"/>
            <ac:grpSpMk id="88068" creationId="{58993584-2C79-4089-9D12-8DEB819D6560}"/>
          </ac:grpSpMkLst>
        </pc:grpChg>
        <pc:graphicFrameChg chg="mod">
          <ac:chgData name="芳彦 植野" userId="86ab4e6fb1040a80" providerId="LiveId" clId="{BFBCDECB-9651-4182-BD0E-B931606F27C9}" dt="2024-01-08T08:19:19.004" v="4732"/>
          <ac:graphicFrameMkLst>
            <pc:docMk/>
            <pc:sldMk cId="3271951612" sldId="1716"/>
            <ac:graphicFrameMk id="34" creationId="{F407DED4-94F6-41A3-A2E4-D10DEC9097A0}"/>
          </ac:graphicFrameMkLst>
        </pc:graphicFrameChg>
        <pc:picChg chg="mod">
          <ac:chgData name="芳彦 植野" userId="86ab4e6fb1040a80" providerId="LiveId" clId="{BFBCDECB-9651-4182-BD0E-B931606F27C9}" dt="2024-01-08T08:19:19.004" v="4732"/>
          <ac:picMkLst>
            <pc:docMk/>
            <pc:sldMk cId="3271951612" sldId="1716"/>
            <ac:picMk id="88067" creationId="{2DA24636-41FF-4002-8FB2-C7023DDBA8D8}"/>
          </ac:picMkLst>
        </pc:picChg>
        <pc:picChg chg="mod">
          <ac:chgData name="芳彦 植野" userId="86ab4e6fb1040a80" providerId="LiveId" clId="{BFBCDECB-9651-4182-BD0E-B931606F27C9}" dt="2024-01-08T08:19:19.004" v="4732"/>
          <ac:picMkLst>
            <pc:docMk/>
            <pc:sldMk cId="3271951612" sldId="1716"/>
            <ac:picMk id="88069" creationId="{AAE560AD-9B20-4944-A6E1-70D1C38F4421}"/>
          </ac:picMkLst>
        </pc:picChg>
        <pc:picChg chg="mod">
          <ac:chgData name="芳彦 植野" userId="86ab4e6fb1040a80" providerId="LiveId" clId="{BFBCDECB-9651-4182-BD0E-B931606F27C9}" dt="2024-01-08T08:19:19.004" v="4732"/>
          <ac:picMkLst>
            <pc:docMk/>
            <pc:sldMk cId="3271951612" sldId="1716"/>
            <ac:picMk id="88077" creationId="{1704CE8F-4063-4901-8762-A12F79421DB2}"/>
          </ac:picMkLst>
        </pc:picChg>
        <pc:picChg chg="mod">
          <ac:chgData name="芳彦 植野" userId="86ab4e6fb1040a80" providerId="LiveId" clId="{BFBCDECB-9651-4182-BD0E-B931606F27C9}" dt="2024-01-08T08:19:19.004" v="4732"/>
          <ac:picMkLst>
            <pc:docMk/>
            <pc:sldMk cId="3271951612" sldId="1716"/>
            <ac:picMk id="88079" creationId="{2DF4CDE0-E6CB-4D8A-8444-394F206B2040}"/>
          </ac:picMkLst>
        </pc:picChg>
      </pc:sldChg>
      <pc:sldChg chg="modSp add del mod">
        <pc:chgData name="芳彦 植野" userId="86ab4e6fb1040a80" providerId="LiveId" clId="{BFBCDECB-9651-4182-BD0E-B931606F27C9}" dt="2024-03-17T07:35:48.629" v="6191" actId="2696"/>
        <pc:sldMkLst>
          <pc:docMk/>
          <pc:sldMk cId="1438062554" sldId="1725"/>
        </pc:sldMkLst>
        <pc:spChg chg="mod">
          <ac:chgData name="芳彦 植野" userId="86ab4e6fb1040a80" providerId="LiveId" clId="{BFBCDECB-9651-4182-BD0E-B931606F27C9}" dt="2024-01-08T08:19:19.004" v="4732"/>
          <ac:spMkLst>
            <pc:docMk/>
            <pc:sldMk cId="1438062554" sldId="1725"/>
            <ac:spMk id="2" creationId="{F652D511-F8C6-862D-A92D-38D88A040697}"/>
          </ac:spMkLst>
        </pc:spChg>
        <pc:spChg chg="mod">
          <ac:chgData name="芳彦 植野" userId="86ab4e6fb1040a80" providerId="LiveId" clId="{BFBCDECB-9651-4182-BD0E-B931606F27C9}" dt="2024-01-08T20:55:48.942" v="5182" actId="20577"/>
          <ac:spMkLst>
            <pc:docMk/>
            <pc:sldMk cId="1438062554" sldId="1725"/>
            <ac:spMk id="3" creationId="{26B6B0B8-DE1A-4B7C-AAC8-E0AB6A360189}"/>
          </ac:spMkLst>
        </pc:spChg>
      </pc:sldChg>
      <pc:sldChg chg="modSp del mod">
        <pc:chgData name="芳彦 植野" userId="86ab4e6fb1040a80" providerId="LiveId" clId="{BFBCDECB-9651-4182-BD0E-B931606F27C9}" dt="2024-01-03T22:27:25.650" v="4560" actId="2696"/>
        <pc:sldMkLst>
          <pc:docMk/>
          <pc:sldMk cId="3254675291" sldId="1725"/>
        </pc:sldMkLst>
        <pc:spChg chg="mod">
          <ac:chgData name="芳彦 植野" userId="86ab4e6fb1040a80" providerId="LiveId" clId="{BFBCDECB-9651-4182-BD0E-B931606F27C9}" dt="2023-09-24T22:01:17.645" v="2229" actId="20577"/>
          <ac:spMkLst>
            <pc:docMk/>
            <pc:sldMk cId="3254675291" sldId="1725"/>
            <ac:spMk id="3" creationId="{26B6B0B8-DE1A-4B7C-AAC8-E0AB6A360189}"/>
          </ac:spMkLst>
        </pc:spChg>
      </pc:sldChg>
      <pc:sldChg chg="del">
        <pc:chgData name="芳彦 植野" userId="86ab4e6fb1040a80" providerId="LiveId" clId="{BFBCDECB-9651-4182-BD0E-B931606F27C9}" dt="2023-09-24T19:55:56.326" v="1920" actId="2696"/>
        <pc:sldMkLst>
          <pc:docMk/>
          <pc:sldMk cId="3462185827" sldId="1737"/>
        </pc:sldMkLst>
      </pc:sldChg>
      <pc:sldChg chg="modSp del mod">
        <pc:chgData name="芳彦 植野" userId="86ab4e6fb1040a80" providerId="LiveId" clId="{BFBCDECB-9651-4182-BD0E-B931606F27C9}" dt="2024-01-08T19:51:05.277" v="4821" actId="2696"/>
        <pc:sldMkLst>
          <pc:docMk/>
          <pc:sldMk cId="2901995845" sldId="1739"/>
        </pc:sldMkLst>
        <pc:spChg chg="mod">
          <ac:chgData name="芳彦 植野" userId="86ab4e6fb1040a80" providerId="LiveId" clId="{BFBCDECB-9651-4182-BD0E-B931606F27C9}" dt="2024-01-08T08:19:19.004" v="4732"/>
          <ac:spMkLst>
            <pc:docMk/>
            <pc:sldMk cId="2901995845" sldId="1739"/>
            <ac:spMk id="2" creationId="{DB4C13CC-A10A-E3F9-1A0A-DC3347A2FE44}"/>
          </ac:spMkLst>
        </pc:spChg>
        <pc:spChg chg="mod">
          <ac:chgData name="芳彦 植野" userId="86ab4e6fb1040a80" providerId="LiveId" clId="{BFBCDECB-9651-4182-BD0E-B931606F27C9}" dt="2024-01-08T08:19:19.004" v="4732"/>
          <ac:spMkLst>
            <pc:docMk/>
            <pc:sldMk cId="2901995845" sldId="1739"/>
            <ac:spMk id="3" creationId="{D504C5EB-4D24-20C4-491E-FA4CF939BB2F}"/>
          </ac:spMkLst>
        </pc:spChg>
      </pc:sldChg>
      <pc:sldChg chg="modSp del mod">
        <pc:chgData name="芳彦 植野" userId="86ab4e6fb1040a80" providerId="LiveId" clId="{BFBCDECB-9651-4182-BD0E-B931606F27C9}" dt="2024-01-08T19:51:03.370" v="4819" actId="2696"/>
        <pc:sldMkLst>
          <pc:docMk/>
          <pc:sldMk cId="2779623546" sldId="1740"/>
        </pc:sldMkLst>
        <pc:spChg chg="mod">
          <ac:chgData name="芳彦 植野" userId="86ab4e6fb1040a80" providerId="LiveId" clId="{BFBCDECB-9651-4182-BD0E-B931606F27C9}" dt="2024-01-08T08:19:19.004" v="4732"/>
          <ac:spMkLst>
            <pc:docMk/>
            <pc:sldMk cId="2779623546" sldId="1740"/>
            <ac:spMk id="2" creationId="{F8813B36-CE73-FA51-36D7-D606B778FB84}"/>
          </ac:spMkLst>
        </pc:spChg>
        <pc:spChg chg="mod">
          <ac:chgData name="芳彦 植野" userId="86ab4e6fb1040a80" providerId="LiveId" clId="{BFBCDECB-9651-4182-BD0E-B931606F27C9}" dt="2024-01-08T08:19:19.004" v="4732"/>
          <ac:spMkLst>
            <pc:docMk/>
            <pc:sldMk cId="2779623546" sldId="1740"/>
            <ac:spMk id="3" creationId="{DECC6718-5F24-BDAA-388D-0A307F230B69}"/>
          </ac:spMkLst>
        </pc:spChg>
      </pc:sldChg>
      <pc:sldChg chg="del">
        <pc:chgData name="芳彦 植野" userId="86ab4e6fb1040a80" providerId="LiveId" clId="{BFBCDECB-9651-4182-BD0E-B931606F27C9}" dt="2023-09-24T10:05:44.492" v="1357" actId="2696"/>
        <pc:sldMkLst>
          <pc:docMk/>
          <pc:sldMk cId="2862374276" sldId="1741"/>
        </pc:sldMkLst>
      </pc:sldChg>
      <pc:sldChg chg="modSp del">
        <pc:chgData name="芳彦 植野" userId="86ab4e6fb1040a80" providerId="LiveId" clId="{BFBCDECB-9651-4182-BD0E-B931606F27C9}" dt="2024-01-08T20:55:00.347" v="5120" actId="2696"/>
        <pc:sldMkLst>
          <pc:docMk/>
          <pc:sldMk cId="352684946" sldId="1742"/>
        </pc:sldMkLst>
        <pc:spChg chg="mod">
          <ac:chgData name="芳彦 植野" userId="86ab4e6fb1040a80" providerId="LiveId" clId="{BFBCDECB-9651-4182-BD0E-B931606F27C9}" dt="2024-01-08T08:19:19.004" v="4732"/>
          <ac:spMkLst>
            <pc:docMk/>
            <pc:sldMk cId="352684946" sldId="1742"/>
            <ac:spMk id="2" creationId="{111D3134-8497-26FA-ED5A-58FD3B8C9ECE}"/>
          </ac:spMkLst>
        </pc:spChg>
        <pc:spChg chg="mod">
          <ac:chgData name="芳彦 植野" userId="86ab4e6fb1040a80" providerId="LiveId" clId="{BFBCDECB-9651-4182-BD0E-B931606F27C9}" dt="2024-01-08T08:19:19.004" v="4732"/>
          <ac:spMkLst>
            <pc:docMk/>
            <pc:sldMk cId="352684946" sldId="1742"/>
            <ac:spMk id="3" creationId="{046E40DD-418B-E1DA-B4D6-5A6E931F5D6C}"/>
          </ac:spMkLst>
        </pc:spChg>
      </pc:sldChg>
      <pc:sldChg chg="add del">
        <pc:chgData name="芳彦 植野" userId="86ab4e6fb1040a80" providerId="LiveId" clId="{BFBCDECB-9651-4182-BD0E-B931606F27C9}" dt="2024-03-12T23:30:51.133" v="5772" actId="2696"/>
        <pc:sldMkLst>
          <pc:docMk/>
          <pc:sldMk cId="3458253352" sldId="2606"/>
        </pc:sldMkLst>
      </pc:sldChg>
      <pc:sldChg chg="add">
        <pc:chgData name="芳彦 植野" userId="86ab4e6fb1040a80" providerId="LiveId" clId="{BFBCDECB-9651-4182-BD0E-B931606F27C9}" dt="2024-03-12T23:31:17.642" v="5773"/>
        <pc:sldMkLst>
          <pc:docMk/>
          <pc:sldMk cId="3508917389" sldId="2606"/>
        </pc:sldMkLst>
      </pc:sldChg>
      <pc:sldChg chg="add">
        <pc:chgData name="芳彦 植野" userId="86ab4e6fb1040a80" providerId="LiveId" clId="{BFBCDECB-9651-4182-BD0E-B931606F27C9}" dt="2024-01-08T21:01:39.231" v="5197"/>
        <pc:sldMkLst>
          <pc:docMk/>
          <pc:sldMk cId="588392011" sldId="2759"/>
        </pc:sldMkLst>
      </pc:sldChg>
      <pc:sldChg chg="add del">
        <pc:chgData name="芳彦 植野" userId="86ab4e6fb1040a80" providerId="LiveId" clId="{BFBCDECB-9651-4182-BD0E-B931606F27C9}" dt="2024-03-17T23:52:39.514" v="6322" actId="2696"/>
        <pc:sldMkLst>
          <pc:docMk/>
          <pc:sldMk cId="2988436274" sldId="2766"/>
        </pc:sldMkLst>
      </pc:sldChg>
      <pc:sldChg chg="addSp modSp mod">
        <pc:chgData name="芳彦 植野" userId="86ab4e6fb1040a80" providerId="LiveId" clId="{BFBCDECB-9651-4182-BD0E-B931606F27C9}" dt="2024-01-08T08:19:19.004" v="4732"/>
        <pc:sldMkLst>
          <pc:docMk/>
          <pc:sldMk cId="2392464876" sldId="2767"/>
        </pc:sldMkLst>
        <pc:spChg chg="mod">
          <ac:chgData name="芳彦 植野" userId="86ab4e6fb1040a80" providerId="LiveId" clId="{BFBCDECB-9651-4182-BD0E-B931606F27C9}" dt="2024-01-08T08:19:19.004" v="4732"/>
          <ac:spMkLst>
            <pc:docMk/>
            <pc:sldMk cId="2392464876" sldId="2767"/>
            <ac:spMk id="2" creationId="{C4D4CDE7-8DCA-7556-BC5B-F4574F2C659A}"/>
          </ac:spMkLst>
        </pc:spChg>
        <pc:spChg chg="mod">
          <ac:chgData name="芳彦 植野" userId="86ab4e6fb1040a80" providerId="LiveId" clId="{BFBCDECB-9651-4182-BD0E-B931606F27C9}" dt="2024-01-08T08:19:19.004" v="4732"/>
          <ac:spMkLst>
            <pc:docMk/>
            <pc:sldMk cId="2392464876" sldId="2767"/>
            <ac:spMk id="3" creationId="{54C334B2-722C-AB76-224F-521606FC08EE}"/>
          </ac:spMkLst>
        </pc:spChg>
        <pc:spChg chg="add mod">
          <ac:chgData name="芳彦 植野" userId="86ab4e6fb1040a80" providerId="LiveId" clId="{BFBCDECB-9651-4182-BD0E-B931606F27C9}" dt="2024-01-08T08:19:19.004" v="4732"/>
          <ac:spMkLst>
            <pc:docMk/>
            <pc:sldMk cId="2392464876" sldId="2767"/>
            <ac:spMk id="4" creationId="{86E0F395-C31D-A019-89DC-66E647A7C6FA}"/>
          </ac:spMkLst>
        </pc:spChg>
      </pc:sldChg>
      <pc:sldChg chg="modSp del">
        <pc:chgData name="芳彦 植野" userId="86ab4e6fb1040a80" providerId="LiveId" clId="{BFBCDECB-9651-4182-BD0E-B931606F27C9}" dt="2024-01-08T20:53:54.529" v="5115" actId="2696"/>
        <pc:sldMkLst>
          <pc:docMk/>
          <pc:sldMk cId="2243404657" sldId="2771"/>
        </pc:sldMkLst>
        <pc:spChg chg="mod">
          <ac:chgData name="芳彦 植野" userId="86ab4e6fb1040a80" providerId="LiveId" clId="{BFBCDECB-9651-4182-BD0E-B931606F27C9}" dt="2024-01-08T08:19:19.004" v="4732"/>
          <ac:spMkLst>
            <pc:docMk/>
            <pc:sldMk cId="2243404657" sldId="2771"/>
            <ac:spMk id="2" creationId="{C1C0658D-C753-9AB5-34F5-8FF25926B3BC}"/>
          </ac:spMkLst>
        </pc:spChg>
        <pc:spChg chg="mod">
          <ac:chgData name="芳彦 植野" userId="86ab4e6fb1040a80" providerId="LiveId" clId="{BFBCDECB-9651-4182-BD0E-B931606F27C9}" dt="2024-01-08T08:19:19.004" v="4732"/>
          <ac:spMkLst>
            <pc:docMk/>
            <pc:sldMk cId="2243404657" sldId="2771"/>
            <ac:spMk id="6" creationId="{DA634812-7B19-FD0F-235C-77C876D62A10}"/>
          </ac:spMkLst>
        </pc:spChg>
        <pc:picChg chg="mod">
          <ac:chgData name="芳彦 植野" userId="86ab4e6fb1040a80" providerId="LiveId" clId="{BFBCDECB-9651-4182-BD0E-B931606F27C9}" dt="2024-01-08T08:19:19.004" v="4732"/>
          <ac:picMkLst>
            <pc:docMk/>
            <pc:sldMk cId="2243404657" sldId="2771"/>
            <ac:picMk id="3" creationId="{3188A919-41B5-4224-FE8C-F33F340875DA}"/>
          </ac:picMkLst>
        </pc:picChg>
        <pc:picChg chg="mod">
          <ac:chgData name="芳彦 植野" userId="86ab4e6fb1040a80" providerId="LiveId" clId="{BFBCDECB-9651-4182-BD0E-B931606F27C9}" dt="2024-01-08T08:19:19.004" v="4732"/>
          <ac:picMkLst>
            <pc:docMk/>
            <pc:sldMk cId="2243404657" sldId="2771"/>
            <ac:picMk id="5" creationId="{7995F4AC-A0C0-F675-5698-914A906A5E1B}"/>
          </ac:picMkLst>
        </pc:picChg>
      </pc:sldChg>
      <pc:sldChg chg="add del">
        <pc:chgData name="芳彦 植野" userId="86ab4e6fb1040a80" providerId="LiveId" clId="{BFBCDECB-9651-4182-BD0E-B931606F27C9}" dt="2024-03-18T05:16:12.137" v="6698" actId="2696"/>
        <pc:sldMkLst>
          <pc:docMk/>
          <pc:sldMk cId="2928765366" sldId="2771"/>
        </pc:sldMkLst>
      </pc:sldChg>
      <pc:sldChg chg="modSp">
        <pc:chgData name="芳彦 植野" userId="86ab4e6fb1040a80" providerId="LiveId" clId="{BFBCDECB-9651-4182-BD0E-B931606F27C9}" dt="2024-01-08T08:19:19.004" v="4732"/>
        <pc:sldMkLst>
          <pc:docMk/>
          <pc:sldMk cId="2563216280" sldId="2778"/>
        </pc:sldMkLst>
        <pc:spChg chg="mod">
          <ac:chgData name="芳彦 植野" userId="86ab4e6fb1040a80" providerId="LiveId" clId="{BFBCDECB-9651-4182-BD0E-B931606F27C9}" dt="2024-01-08T08:19:19.004" v="4732"/>
          <ac:spMkLst>
            <pc:docMk/>
            <pc:sldMk cId="2563216280" sldId="2778"/>
            <ac:spMk id="4" creationId="{5A40F5C0-6815-9F21-D789-8CCD6846478E}"/>
          </ac:spMkLst>
        </pc:spChg>
        <pc:spChg chg="mod">
          <ac:chgData name="芳彦 植野" userId="86ab4e6fb1040a80" providerId="LiveId" clId="{BFBCDECB-9651-4182-BD0E-B931606F27C9}" dt="2024-01-08T08:19:19.004" v="4732"/>
          <ac:spMkLst>
            <pc:docMk/>
            <pc:sldMk cId="2563216280" sldId="2778"/>
            <ac:spMk id="5" creationId="{0CF77AFD-1792-C0D7-F59E-043C23F55F58}"/>
          </ac:spMkLst>
        </pc:spChg>
        <pc:spChg chg="mod">
          <ac:chgData name="芳彦 植野" userId="86ab4e6fb1040a80" providerId="LiveId" clId="{BFBCDECB-9651-4182-BD0E-B931606F27C9}" dt="2024-01-08T08:19:19.004" v="4732"/>
          <ac:spMkLst>
            <pc:docMk/>
            <pc:sldMk cId="2563216280" sldId="2778"/>
            <ac:spMk id="6" creationId="{DD1B6C98-0FC9-3E0B-6AFA-FA363FBCE582}"/>
          </ac:spMkLst>
        </pc:spChg>
        <pc:picChg chg="mod">
          <ac:chgData name="芳彦 植野" userId="86ab4e6fb1040a80" providerId="LiveId" clId="{BFBCDECB-9651-4182-BD0E-B931606F27C9}" dt="2024-01-08T08:19:19.004" v="4732"/>
          <ac:picMkLst>
            <pc:docMk/>
            <pc:sldMk cId="2563216280" sldId="2778"/>
            <ac:picMk id="2" creationId="{A86BE0EF-CCE8-AED8-F857-632E02933F75}"/>
          </ac:picMkLst>
        </pc:picChg>
        <pc:picChg chg="mod">
          <ac:chgData name="芳彦 植野" userId="86ab4e6fb1040a80" providerId="LiveId" clId="{BFBCDECB-9651-4182-BD0E-B931606F27C9}" dt="2024-01-08T08:19:19.004" v="4732"/>
          <ac:picMkLst>
            <pc:docMk/>
            <pc:sldMk cId="2563216280" sldId="2778"/>
            <ac:picMk id="3" creationId="{7D70C8DF-7502-1B9C-E55A-2F4BA48F75EE}"/>
          </ac:picMkLst>
        </pc:picChg>
      </pc:sldChg>
      <pc:sldChg chg="modSp del">
        <pc:chgData name="芳彦 植野" userId="86ab4e6fb1040a80" providerId="LiveId" clId="{BFBCDECB-9651-4182-BD0E-B931606F27C9}" dt="2024-03-18T20:10:26.855" v="6728" actId="2696"/>
        <pc:sldMkLst>
          <pc:docMk/>
          <pc:sldMk cId="3291753045" sldId="2782"/>
        </pc:sldMkLst>
        <pc:spChg chg="mod">
          <ac:chgData name="芳彦 植野" userId="86ab4e6fb1040a80" providerId="LiveId" clId="{BFBCDECB-9651-4182-BD0E-B931606F27C9}" dt="2024-01-08T08:19:19.004" v="4732"/>
          <ac:spMkLst>
            <pc:docMk/>
            <pc:sldMk cId="3291753045" sldId="2782"/>
            <ac:spMk id="3" creationId="{3EEF8F64-1493-43D1-C8DE-BE183C65E839}"/>
          </ac:spMkLst>
        </pc:spChg>
        <pc:spChg chg="mod">
          <ac:chgData name="芳彦 植野" userId="86ab4e6fb1040a80" providerId="LiveId" clId="{BFBCDECB-9651-4182-BD0E-B931606F27C9}" dt="2024-01-08T08:19:19.004" v="4732"/>
          <ac:spMkLst>
            <pc:docMk/>
            <pc:sldMk cId="3291753045" sldId="2782"/>
            <ac:spMk id="4" creationId="{99AB6D1D-CED9-8FBF-3B39-4EADBBD12DBA}"/>
          </ac:spMkLst>
        </pc:spChg>
        <pc:spChg chg="mod">
          <ac:chgData name="芳彦 植野" userId="86ab4e6fb1040a80" providerId="LiveId" clId="{BFBCDECB-9651-4182-BD0E-B931606F27C9}" dt="2024-01-08T08:19:19.004" v="4732"/>
          <ac:spMkLst>
            <pc:docMk/>
            <pc:sldMk cId="3291753045" sldId="2782"/>
            <ac:spMk id="5" creationId="{BC57F35D-079B-6256-5765-9F75D5F7895B}"/>
          </ac:spMkLst>
        </pc:spChg>
        <pc:picChg chg="mod">
          <ac:chgData name="芳彦 植野" userId="86ab4e6fb1040a80" providerId="LiveId" clId="{BFBCDECB-9651-4182-BD0E-B931606F27C9}" dt="2024-01-08T08:19:19.004" v="4732"/>
          <ac:picMkLst>
            <pc:docMk/>
            <pc:sldMk cId="3291753045" sldId="2782"/>
            <ac:picMk id="2" creationId="{FFECD84D-13F4-019A-6839-48E77C4E6F17}"/>
          </ac:picMkLst>
        </pc:picChg>
      </pc:sldChg>
      <pc:sldChg chg="del">
        <pc:chgData name="芳彦 植野" userId="86ab4e6fb1040a80" providerId="LiveId" clId="{BFBCDECB-9651-4182-BD0E-B931606F27C9}" dt="2023-09-24T07:43:31.707" v="823" actId="2696"/>
        <pc:sldMkLst>
          <pc:docMk/>
          <pc:sldMk cId="3635108759" sldId="2797"/>
        </pc:sldMkLst>
      </pc:sldChg>
      <pc:sldChg chg="addSp delSp modSp mod setBg">
        <pc:chgData name="芳彦 植野" userId="86ab4e6fb1040a80" providerId="LiveId" clId="{BFBCDECB-9651-4182-BD0E-B931606F27C9}" dt="2024-03-08T00:43:49.633" v="5573" actId="1076"/>
        <pc:sldMkLst>
          <pc:docMk/>
          <pc:sldMk cId="2459585590" sldId="2819"/>
        </pc:sldMkLst>
        <pc:spChg chg="mod">
          <ac:chgData name="芳彦 植野" userId="86ab4e6fb1040a80" providerId="LiveId" clId="{BFBCDECB-9651-4182-BD0E-B931606F27C9}" dt="2024-01-14T10:00:15.598" v="5482" actId="26606"/>
          <ac:spMkLst>
            <pc:docMk/>
            <pc:sldMk cId="2459585590" sldId="2819"/>
            <ac:spMk id="4099" creationId="{35C882C9-0FF4-ABA5-FB0B-43417D9A8E10}"/>
          </ac:spMkLst>
        </pc:spChg>
        <pc:spChg chg="mod">
          <ac:chgData name="芳彦 植野" userId="86ab4e6fb1040a80" providerId="LiveId" clId="{BFBCDECB-9651-4182-BD0E-B931606F27C9}" dt="2024-03-08T00:43:49.633" v="5573" actId="1076"/>
          <ac:spMkLst>
            <pc:docMk/>
            <pc:sldMk cId="2459585590" sldId="2819"/>
            <ac:spMk id="4100" creationId="{9B9A8C65-54AC-55C9-76E5-843269FC650F}"/>
          </ac:spMkLst>
        </pc:spChg>
        <pc:spChg chg="add del">
          <ac:chgData name="芳彦 植野" userId="86ab4e6fb1040a80" providerId="LiveId" clId="{BFBCDECB-9651-4182-BD0E-B931606F27C9}" dt="2024-01-14T09:59:44.137" v="5476" actId="26606"/>
          <ac:spMkLst>
            <pc:docMk/>
            <pc:sldMk cId="2459585590" sldId="2819"/>
            <ac:spMk id="4106" creationId="{B210AC1D-4063-4C6E-9528-FA9C4C0C18E6}"/>
          </ac:spMkLst>
        </pc:spChg>
        <pc:spChg chg="add del">
          <ac:chgData name="芳彦 植野" userId="86ab4e6fb1040a80" providerId="LiveId" clId="{BFBCDECB-9651-4182-BD0E-B931606F27C9}" dt="2024-01-14T09:59:44.137" v="5476" actId="26606"/>
          <ac:spMkLst>
            <pc:docMk/>
            <pc:sldMk cId="2459585590" sldId="2819"/>
            <ac:spMk id="4108" creationId="{02F8C595-E68C-4306-AED8-DC7826A0A506}"/>
          </ac:spMkLst>
        </pc:spChg>
        <pc:spChg chg="add del">
          <ac:chgData name="芳彦 植野" userId="86ab4e6fb1040a80" providerId="LiveId" clId="{BFBCDECB-9651-4182-BD0E-B931606F27C9}" dt="2024-01-14T09:59:59.950" v="5478" actId="26606"/>
          <ac:spMkLst>
            <pc:docMk/>
            <pc:sldMk cId="2459585590" sldId="2819"/>
            <ac:spMk id="4110" creationId="{9E6671AF-110C-4E4D-BEB4-1323A3136D1B}"/>
          </ac:spMkLst>
        </pc:spChg>
        <pc:spChg chg="add del">
          <ac:chgData name="芳彦 植野" userId="86ab4e6fb1040a80" providerId="LiveId" clId="{BFBCDECB-9651-4182-BD0E-B931606F27C9}" dt="2024-01-14T10:00:15.598" v="5482" actId="26606"/>
          <ac:spMkLst>
            <pc:docMk/>
            <pc:sldMk cId="2459585590" sldId="2819"/>
            <ac:spMk id="4113" creationId="{B210AC1D-4063-4C6E-9528-FA9C4C0C18E6}"/>
          </ac:spMkLst>
        </pc:spChg>
        <pc:spChg chg="add del">
          <ac:chgData name="芳彦 植野" userId="86ab4e6fb1040a80" providerId="LiveId" clId="{BFBCDECB-9651-4182-BD0E-B931606F27C9}" dt="2024-01-14T10:00:15.598" v="5482" actId="26606"/>
          <ac:spMkLst>
            <pc:docMk/>
            <pc:sldMk cId="2459585590" sldId="2819"/>
            <ac:spMk id="4114" creationId="{02F8C595-E68C-4306-AED8-DC7826A0A506}"/>
          </ac:spMkLst>
        </pc:spChg>
        <pc:picChg chg="add del">
          <ac:chgData name="芳彦 植野" userId="86ab4e6fb1040a80" providerId="LiveId" clId="{BFBCDECB-9651-4182-BD0E-B931606F27C9}" dt="2024-01-14T09:59:44.137" v="5476" actId="26606"/>
          <ac:picMkLst>
            <pc:docMk/>
            <pc:sldMk cId="2459585590" sldId="2819"/>
            <ac:picMk id="4102" creationId="{192CF351-2010-B066-8B22-884C60FB5039}"/>
          </ac:picMkLst>
        </pc:picChg>
        <pc:picChg chg="add del">
          <ac:chgData name="芳彦 植野" userId="86ab4e6fb1040a80" providerId="LiveId" clId="{BFBCDECB-9651-4182-BD0E-B931606F27C9}" dt="2024-01-14T09:59:59.950" v="5478" actId="26606"/>
          <ac:picMkLst>
            <pc:docMk/>
            <pc:sldMk cId="2459585590" sldId="2819"/>
            <ac:picMk id="4111" creationId="{04C8C70E-3982-730D-D559-DAA87A1BF830}"/>
          </ac:picMkLst>
        </pc:picChg>
        <pc:picChg chg="add del">
          <ac:chgData name="芳彦 植野" userId="86ab4e6fb1040a80" providerId="LiveId" clId="{BFBCDECB-9651-4182-BD0E-B931606F27C9}" dt="2024-01-14T10:00:15.598" v="5482" actId="26606"/>
          <ac:picMkLst>
            <pc:docMk/>
            <pc:sldMk cId="2459585590" sldId="2819"/>
            <ac:picMk id="4115" creationId="{192CF351-2010-B066-8B22-884C60FB5039}"/>
          </ac:picMkLst>
        </pc:picChg>
      </pc:sldChg>
      <pc:sldChg chg="del">
        <pc:chgData name="芳彦 植野" userId="86ab4e6fb1040a80" providerId="LiveId" clId="{BFBCDECB-9651-4182-BD0E-B931606F27C9}" dt="2023-09-23T20:56:59.297" v="24" actId="2696"/>
        <pc:sldMkLst>
          <pc:docMk/>
          <pc:sldMk cId="386325082" sldId="2825"/>
        </pc:sldMkLst>
      </pc:sldChg>
      <pc:sldChg chg="modSp add del">
        <pc:chgData name="芳彦 植野" userId="86ab4e6fb1040a80" providerId="LiveId" clId="{BFBCDECB-9651-4182-BD0E-B931606F27C9}" dt="2024-01-09T00:39:05.791" v="5223" actId="2696"/>
        <pc:sldMkLst>
          <pc:docMk/>
          <pc:sldMk cId="3988580410" sldId="2835"/>
        </pc:sldMkLst>
        <pc:spChg chg="mod">
          <ac:chgData name="芳彦 植野" userId="86ab4e6fb1040a80" providerId="LiveId" clId="{BFBCDECB-9651-4182-BD0E-B931606F27C9}" dt="2024-01-08T08:19:19.004" v="4732"/>
          <ac:spMkLst>
            <pc:docMk/>
            <pc:sldMk cId="3988580410" sldId="2835"/>
            <ac:spMk id="3" creationId="{D4D06EFD-A788-E1D3-A5D8-0EBFAAE1A559}"/>
          </ac:spMkLst>
        </pc:spChg>
        <pc:picChg chg="mod">
          <ac:chgData name="芳彦 植野" userId="86ab4e6fb1040a80" providerId="LiveId" clId="{BFBCDECB-9651-4182-BD0E-B931606F27C9}" dt="2024-01-08T08:19:19.004" v="4732"/>
          <ac:picMkLst>
            <pc:docMk/>
            <pc:sldMk cId="3988580410" sldId="2835"/>
            <ac:picMk id="2" creationId="{1C5D76F0-7270-F2F5-497D-6887B7039923}"/>
          </ac:picMkLst>
        </pc:picChg>
      </pc:sldChg>
      <pc:sldChg chg="modSp add del">
        <pc:chgData name="芳彦 植野" userId="86ab4e6fb1040a80" providerId="LiveId" clId="{BFBCDECB-9651-4182-BD0E-B931606F27C9}" dt="2024-01-09T00:39:08.350" v="5224" actId="2696"/>
        <pc:sldMkLst>
          <pc:docMk/>
          <pc:sldMk cId="2795812118" sldId="2836"/>
        </pc:sldMkLst>
        <pc:picChg chg="mod">
          <ac:chgData name="芳彦 植野" userId="86ab4e6fb1040a80" providerId="LiveId" clId="{BFBCDECB-9651-4182-BD0E-B931606F27C9}" dt="2024-01-08T08:19:19.004" v="4732"/>
          <ac:picMkLst>
            <pc:docMk/>
            <pc:sldMk cId="2795812118" sldId="2836"/>
            <ac:picMk id="2" creationId="{02957873-FA78-F91E-C38D-F943F0E61677}"/>
          </ac:picMkLst>
        </pc:picChg>
      </pc:sldChg>
      <pc:sldChg chg="modSp add del">
        <pc:chgData name="芳彦 植野" userId="86ab4e6fb1040a80" providerId="LiveId" clId="{BFBCDECB-9651-4182-BD0E-B931606F27C9}" dt="2024-01-08T08:24:31.609" v="4777" actId="2696"/>
        <pc:sldMkLst>
          <pc:docMk/>
          <pc:sldMk cId="682920710" sldId="2841"/>
        </pc:sldMkLst>
        <pc:spChg chg="mod">
          <ac:chgData name="芳彦 植野" userId="86ab4e6fb1040a80" providerId="LiveId" clId="{BFBCDECB-9651-4182-BD0E-B931606F27C9}" dt="2024-01-08T08:19:19.004" v="4732"/>
          <ac:spMkLst>
            <pc:docMk/>
            <pc:sldMk cId="682920710" sldId="2841"/>
            <ac:spMk id="3" creationId="{EF641D3B-ECFB-AAFE-9A7F-46802527F39A}"/>
          </ac:spMkLst>
        </pc:spChg>
        <pc:picChg chg="mod">
          <ac:chgData name="芳彦 植野" userId="86ab4e6fb1040a80" providerId="LiveId" clId="{BFBCDECB-9651-4182-BD0E-B931606F27C9}" dt="2024-01-08T08:19:19.004" v="4732"/>
          <ac:picMkLst>
            <pc:docMk/>
            <pc:sldMk cId="682920710" sldId="2841"/>
            <ac:picMk id="2" creationId="{5FDFC0CD-51D7-485E-BEE3-BDFBF6AEBC6E}"/>
          </ac:picMkLst>
        </pc:picChg>
      </pc:sldChg>
      <pc:sldChg chg="modSp add del">
        <pc:chgData name="芳彦 植野" userId="86ab4e6fb1040a80" providerId="LiveId" clId="{BFBCDECB-9651-4182-BD0E-B931606F27C9}" dt="2024-01-09T00:40:02.388" v="5227" actId="2696"/>
        <pc:sldMkLst>
          <pc:docMk/>
          <pc:sldMk cId="4154862475" sldId="2842"/>
        </pc:sldMkLst>
        <pc:spChg chg="mod">
          <ac:chgData name="芳彦 植野" userId="86ab4e6fb1040a80" providerId="LiveId" clId="{BFBCDECB-9651-4182-BD0E-B931606F27C9}" dt="2024-01-08T08:19:19.004" v="4732"/>
          <ac:spMkLst>
            <pc:docMk/>
            <pc:sldMk cId="4154862475" sldId="2842"/>
            <ac:spMk id="3" creationId="{EAFB6DF2-2F0F-BB6B-90FA-23CCAB459865}"/>
          </ac:spMkLst>
        </pc:spChg>
        <pc:picChg chg="mod">
          <ac:chgData name="芳彦 植野" userId="86ab4e6fb1040a80" providerId="LiveId" clId="{BFBCDECB-9651-4182-BD0E-B931606F27C9}" dt="2024-01-08T08:19:19.004" v="4732"/>
          <ac:picMkLst>
            <pc:docMk/>
            <pc:sldMk cId="4154862475" sldId="2842"/>
            <ac:picMk id="2" creationId="{AE10AAF7-69FB-DBA4-8310-EEC59B556A7B}"/>
          </ac:picMkLst>
        </pc:picChg>
        <pc:picChg chg="mod">
          <ac:chgData name="芳彦 植野" userId="86ab4e6fb1040a80" providerId="LiveId" clId="{BFBCDECB-9651-4182-BD0E-B931606F27C9}" dt="2024-01-08T08:19:19.004" v="4732"/>
          <ac:picMkLst>
            <pc:docMk/>
            <pc:sldMk cId="4154862475" sldId="2842"/>
            <ac:picMk id="5" creationId="{04B0167B-0050-A409-139A-B8A8C9229E49}"/>
          </ac:picMkLst>
        </pc:picChg>
      </pc:sldChg>
      <pc:sldChg chg="modSp add del mod">
        <pc:chgData name="芳彦 植野" userId="86ab4e6fb1040a80" providerId="LiveId" clId="{BFBCDECB-9651-4182-BD0E-B931606F27C9}" dt="2024-03-12T23:29:27.471" v="5766" actId="2696"/>
        <pc:sldMkLst>
          <pc:docMk/>
          <pc:sldMk cId="1399641646" sldId="2844"/>
        </pc:sldMkLst>
        <pc:spChg chg="mod">
          <ac:chgData name="芳彦 植野" userId="86ab4e6fb1040a80" providerId="LiveId" clId="{BFBCDECB-9651-4182-BD0E-B931606F27C9}" dt="2024-01-08T08:24:51.207" v="4779" actId="255"/>
          <ac:spMkLst>
            <pc:docMk/>
            <pc:sldMk cId="1399641646" sldId="2844"/>
            <ac:spMk id="2" creationId="{00000000-0000-0000-0000-000000000000}"/>
          </ac:spMkLst>
        </pc:spChg>
        <pc:picChg chg="mod">
          <ac:chgData name="芳彦 植野" userId="86ab4e6fb1040a80" providerId="LiveId" clId="{BFBCDECB-9651-4182-BD0E-B931606F27C9}" dt="2024-01-08T08:24:59.461" v="4781" actId="1076"/>
          <ac:picMkLst>
            <pc:docMk/>
            <pc:sldMk cId="1399641646" sldId="2844"/>
            <ac:picMk id="5" creationId="{DE9D6DCA-0D6D-981C-E293-BD89EF97BDDB}"/>
          </ac:picMkLst>
        </pc:picChg>
        <pc:picChg chg="mod">
          <ac:chgData name="芳彦 植野" userId="86ab4e6fb1040a80" providerId="LiveId" clId="{BFBCDECB-9651-4182-BD0E-B931606F27C9}" dt="2024-01-08T08:25:06.621" v="4784" actId="14100"/>
          <ac:picMkLst>
            <pc:docMk/>
            <pc:sldMk cId="1399641646" sldId="2844"/>
            <ac:picMk id="6" creationId="{DB8AD7BC-E147-6C26-AD0A-0C307EEA8068}"/>
          </ac:picMkLst>
        </pc:picChg>
        <pc:picChg chg="mod">
          <ac:chgData name="芳彦 植野" userId="86ab4e6fb1040a80" providerId="LiveId" clId="{BFBCDECB-9651-4182-BD0E-B931606F27C9}" dt="2024-01-08T08:25:16.886" v="4786" actId="14100"/>
          <ac:picMkLst>
            <pc:docMk/>
            <pc:sldMk cId="1399641646" sldId="2844"/>
            <ac:picMk id="7" creationId="{EE6E90E0-5CEA-8EFA-DFE3-20656016C984}"/>
          </ac:picMkLst>
        </pc:picChg>
        <pc:picChg chg="mod">
          <ac:chgData name="芳彦 植野" userId="86ab4e6fb1040a80" providerId="LiveId" clId="{BFBCDECB-9651-4182-BD0E-B931606F27C9}" dt="2024-01-08T08:25:23.709" v="4790" actId="14100"/>
          <ac:picMkLst>
            <pc:docMk/>
            <pc:sldMk cId="1399641646" sldId="2844"/>
            <ac:picMk id="8" creationId="{E4403871-D065-7BAF-5EF6-530F478648AB}"/>
          </ac:picMkLst>
        </pc:picChg>
      </pc:sldChg>
      <pc:sldChg chg="add">
        <pc:chgData name="芳彦 植野" userId="86ab4e6fb1040a80" providerId="LiveId" clId="{BFBCDECB-9651-4182-BD0E-B931606F27C9}" dt="2024-03-12T23:29:35.556" v="5767"/>
        <pc:sldMkLst>
          <pc:docMk/>
          <pc:sldMk cId="2557341275" sldId="2844"/>
        </pc:sldMkLst>
      </pc:sldChg>
      <pc:sldChg chg="add del setBg">
        <pc:chgData name="芳彦 植野" userId="86ab4e6fb1040a80" providerId="LiveId" clId="{BFBCDECB-9651-4182-BD0E-B931606F27C9}" dt="2024-03-17T01:05:29.017" v="6162" actId="2696"/>
        <pc:sldMkLst>
          <pc:docMk/>
          <pc:sldMk cId="1562443847" sldId="2849"/>
        </pc:sldMkLst>
      </pc:sldChg>
      <pc:sldChg chg="delSp modSp del mod delDesignElem">
        <pc:chgData name="芳彦 植野" userId="86ab4e6fb1040a80" providerId="LiveId" clId="{BFBCDECB-9651-4182-BD0E-B931606F27C9}" dt="2024-03-12T23:29:58.179" v="5768" actId="2696"/>
        <pc:sldMkLst>
          <pc:docMk/>
          <pc:sldMk cId="1963578631" sldId="2849"/>
        </pc:sldMkLst>
        <pc:spChg chg="mod">
          <ac:chgData name="芳彦 植野" userId="86ab4e6fb1040a80" providerId="LiveId" clId="{BFBCDECB-9651-4182-BD0E-B931606F27C9}" dt="2024-01-08T08:19:19.004" v="4732"/>
          <ac:spMkLst>
            <pc:docMk/>
            <pc:sldMk cId="1963578631" sldId="2849"/>
            <ac:spMk id="92162" creationId="{EEF22499-55FB-641C-9607-BD18192BD347}"/>
          </ac:spMkLst>
        </pc:spChg>
        <pc:spChg chg="mod">
          <ac:chgData name="芳彦 植野" userId="86ab4e6fb1040a80" providerId="LiveId" clId="{BFBCDECB-9651-4182-BD0E-B931606F27C9}" dt="2024-01-08T08:27:22.990" v="4804" actId="255"/>
          <ac:spMkLst>
            <pc:docMk/>
            <pc:sldMk cId="1963578631" sldId="2849"/>
            <ac:spMk id="92165" creationId="{68EACB01-14C3-DC6D-664A-FBB3796D1895}"/>
          </ac:spMkLst>
        </pc:spChg>
        <pc:spChg chg="del mod">
          <ac:chgData name="芳彦 植野" userId="86ab4e6fb1040a80" providerId="LiveId" clId="{BFBCDECB-9651-4182-BD0E-B931606F27C9}" dt="2024-01-08T08:19:19.004" v="4732"/>
          <ac:spMkLst>
            <pc:docMk/>
            <pc:sldMk cId="1963578631" sldId="2849"/>
            <ac:spMk id="92200" creationId="{521C4EA8-6B83-4338-913D-D75D3C4F34D6}"/>
          </ac:spMkLst>
        </pc:spChg>
        <pc:spChg chg="mod">
          <ac:chgData name="芳彦 植野" userId="86ab4e6fb1040a80" providerId="LiveId" clId="{BFBCDECB-9651-4182-BD0E-B931606F27C9}" dt="2024-01-08T08:19:19.004" v="4732"/>
          <ac:spMkLst>
            <pc:docMk/>
            <pc:sldMk cId="1963578631" sldId="2849"/>
            <ac:spMk id="92204" creationId="{99413ED5-9ED4-4772-BCE4-2BCAE6B12E35}"/>
          </ac:spMkLst>
        </pc:spChg>
        <pc:spChg chg="del mod">
          <ac:chgData name="芳彦 植野" userId="86ab4e6fb1040a80" providerId="LiveId" clId="{BFBCDECB-9651-4182-BD0E-B931606F27C9}" dt="2024-01-08T08:19:19.004" v="4732"/>
          <ac:spMkLst>
            <pc:docMk/>
            <pc:sldMk cId="1963578631" sldId="2849"/>
            <ac:spMk id="92206" creationId="{04357C93-F0CB-4A1C-8F77-4E9063789819}"/>
          </ac:spMkLst>
        </pc:spChg>
        <pc:grpChg chg="del mod">
          <ac:chgData name="芳彦 植野" userId="86ab4e6fb1040a80" providerId="LiveId" clId="{BFBCDECB-9651-4182-BD0E-B931606F27C9}" dt="2024-01-08T08:19:19.004" v="4732"/>
          <ac:grpSpMkLst>
            <pc:docMk/>
            <pc:sldMk cId="1963578631" sldId="2849"/>
            <ac:grpSpMk id="92202" creationId="{3AF6A671-C637-4547-85F4-51B6D1881399}"/>
          </ac:grpSpMkLst>
        </pc:grpChg>
        <pc:picChg chg="mod">
          <ac:chgData name="芳彦 植野" userId="86ab4e6fb1040a80" providerId="LiveId" clId="{BFBCDECB-9651-4182-BD0E-B931606F27C9}" dt="2024-01-08T08:27:08.949" v="4803" actId="1076"/>
          <ac:picMkLst>
            <pc:docMk/>
            <pc:sldMk cId="1963578631" sldId="2849"/>
            <ac:picMk id="92163" creationId="{6FC849F4-5C7A-130C-ADF5-92A8808B7847}"/>
          </ac:picMkLst>
        </pc:picChg>
        <pc:picChg chg="mod">
          <ac:chgData name="芳彦 植野" userId="86ab4e6fb1040a80" providerId="LiveId" clId="{BFBCDECB-9651-4182-BD0E-B931606F27C9}" dt="2024-01-08T08:27:05.532" v="4802" actId="1076"/>
          <ac:picMkLst>
            <pc:docMk/>
            <pc:sldMk cId="1963578631" sldId="2849"/>
            <ac:picMk id="92164" creationId="{C69DFC64-A13C-14DA-260C-196A9B1FD711}"/>
          </ac:picMkLst>
        </pc:picChg>
        <pc:cxnChg chg="mod">
          <ac:chgData name="芳彦 植野" userId="86ab4e6fb1040a80" providerId="LiveId" clId="{BFBCDECB-9651-4182-BD0E-B931606F27C9}" dt="2024-01-08T08:19:19.004" v="4732"/>
          <ac:cxnSpMkLst>
            <pc:docMk/>
            <pc:sldMk cId="1963578631" sldId="2849"/>
            <ac:cxnSpMk id="92203" creationId="{C575CF26-3D3C-4C5A-A2B7-00432016EF62}"/>
          </ac:cxnSpMkLst>
        </pc:cxnChg>
      </pc:sldChg>
      <pc:sldChg chg="add">
        <pc:chgData name="芳彦 植野" userId="86ab4e6fb1040a80" providerId="LiveId" clId="{BFBCDECB-9651-4182-BD0E-B931606F27C9}" dt="2024-03-17T01:05:33.818" v="6163"/>
        <pc:sldMkLst>
          <pc:docMk/>
          <pc:sldMk cId="2109395483" sldId="2849"/>
        </pc:sldMkLst>
      </pc:sldChg>
      <pc:sldChg chg="modSp del">
        <pc:chgData name="芳彦 植野" userId="86ab4e6fb1040a80" providerId="LiveId" clId="{BFBCDECB-9651-4182-BD0E-B931606F27C9}" dt="2024-01-08T08:27:31.821" v="4805" actId="2696"/>
        <pc:sldMkLst>
          <pc:docMk/>
          <pc:sldMk cId="625510361" sldId="2854"/>
        </pc:sldMkLst>
        <pc:spChg chg="mod">
          <ac:chgData name="芳彦 植野" userId="86ab4e6fb1040a80" providerId="LiveId" clId="{BFBCDECB-9651-4182-BD0E-B931606F27C9}" dt="2024-01-08T08:19:19.004" v="4732"/>
          <ac:spMkLst>
            <pc:docMk/>
            <pc:sldMk cId="625510361" sldId="2854"/>
            <ac:spMk id="2" creationId="{94F7349A-E4A1-FD67-2555-6C036B62E661}"/>
          </ac:spMkLst>
        </pc:spChg>
        <pc:picChg chg="mod">
          <ac:chgData name="芳彦 植野" userId="86ab4e6fb1040a80" providerId="LiveId" clId="{BFBCDECB-9651-4182-BD0E-B931606F27C9}" dt="2024-01-08T08:19:19.004" v="4732"/>
          <ac:picMkLst>
            <pc:docMk/>
            <pc:sldMk cId="625510361" sldId="2854"/>
            <ac:picMk id="3" creationId="{7C46352E-9EE8-CBC6-0559-EC92564A9298}"/>
          </ac:picMkLst>
        </pc:picChg>
      </pc:sldChg>
      <pc:sldChg chg="add del">
        <pc:chgData name="芳彦 植野" userId="86ab4e6fb1040a80" providerId="LiveId" clId="{BFBCDECB-9651-4182-BD0E-B931606F27C9}" dt="2023-09-24T07:40:37.305" v="767" actId="2696"/>
        <pc:sldMkLst>
          <pc:docMk/>
          <pc:sldMk cId="2015830059" sldId="2855"/>
        </pc:sldMkLst>
      </pc:sldChg>
      <pc:sldChg chg="del">
        <pc:chgData name="芳彦 植野" userId="86ab4e6fb1040a80" providerId="LiveId" clId="{BFBCDECB-9651-4182-BD0E-B931606F27C9}" dt="2023-09-24T07:40:23.839" v="765" actId="2696"/>
        <pc:sldMkLst>
          <pc:docMk/>
          <pc:sldMk cId="3026629182" sldId="2855"/>
        </pc:sldMkLst>
      </pc:sldChg>
      <pc:sldChg chg="modSp del">
        <pc:chgData name="芳彦 植野" userId="86ab4e6fb1040a80" providerId="LiveId" clId="{BFBCDECB-9651-4182-BD0E-B931606F27C9}" dt="2024-01-08T19:51:02.617" v="4818" actId="2696"/>
        <pc:sldMkLst>
          <pc:docMk/>
          <pc:sldMk cId="1019126061" sldId="2856"/>
        </pc:sldMkLst>
        <pc:spChg chg="mod">
          <ac:chgData name="芳彦 植野" userId="86ab4e6fb1040a80" providerId="LiveId" clId="{BFBCDECB-9651-4182-BD0E-B931606F27C9}" dt="2024-01-08T08:19:19.004" v="4732"/>
          <ac:spMkLst>
            <pc:docMk/>
            <pc:sldMk cId="1019126061" sldId="2856"/>
            <ac:spMk id="3" creationId="{98EEF7ED-38D9-626A-BF4C-FE8BA9FE21FC}"/>
          </ac:spMkLst>
        </pc:spChg>
        <pc:spChg chg="mod">
          <ac:chgData name="芳彦 植野" userId="86ab4e6fb1040a80" providerId="LiveId" clId="{BFBCDECB-9651-4182-BD0E-B931606F27C9}" dt="2024-01-08T08:19:19.004" v="4732"/>
          <ac:spMkLst>
            <pc:docMk/>
            <pc:sldMk cId="1019126061" sldId="2856"/>
            <ac:spMk id="76802" creationId="{55224766-D39D-C660-A689-AE766B3D816C}"/>
          </ac:spMkLst>
        </pc:spChg>
        <pc:spChg chg="mod">
          <ac:chgData name="芳彦 植野" userId="86ab4e6fb1040a80" providerId="LiveId" clId="{BFBCDECB-9651-4182-BD0E-B931606F27C9}" dt="2024-01-08T08:19:19.004" v="4732"/>
          <ac:spMkLst>
            <pc:docMk/>
            <pc:sldMk cId="1019126061" sldId="2856"/>
            <ac:spMk id="76804" creationId="{92AAE037-AEF8-40E1-3A4F-8B41612E1526}"/>
          </ac:spMkLst>
        </pc:spChg>
      </pc:sldChg>
      <pc:sldChg chg="del">
        <pc:chgData name="芳彦 植野" userId="86ab4e6fb1040a80" providerId="LiveId" clId="{BFBCDECB-9651-4182-BD0E-B931606F27C9}" dt="2023-09-25T02:57:03.558" v="3660" actId="2696"/>
        <pc:sldMkLst>
          <pc:docMk/>
          <pc:sldMk cId="2414629598" sldId="2857"/>
        </pc:sldMkLst>
      </pc:sldChg>
      <pc:sldChg chg="add">
        <pc:chgData name="芳彦 植野" userId="86ab4e6fb1040a80" providerId="LiveId" clId="{BFBCDECB-9651-4182-BD0E-B931606F27C9}" dt="2024-03-17T01:06:25.028" v="6164"/>
        <pc:sldMkLst>
          <pc:docMk/>
          <pc:sldMk cId="0" sldId="2866"/>
        </pc:sldMkLst>
      </pc:sldChg>
      <pc:sldChg chg="del">
        <pc:chgData name="芳彦 植野" userId="86ab4e6fb1040a80" providerId="LiveId" clId="{BFBCDECB-9651-4182-BD0E-B931606F27C9}" dt="2023-09-24T10:02:22.218" v="1076" actId="2696"/>
        <pc:sldMkLst>
          <pc:docMk/>
          <pc:sldMk cId="1933415543" sldId="2866"/>
        </pc:sldMkLst>
      </pc:sldChg>
      <pc:sldChg chg="add">
        <pc:chgData name="芳彦 植野" userId="86ab4e6fb1040a80" providerId="LiveId" clId="{BFBCDECB-9651-4182-BD0E-B931606F27C9}" dt="2024-03-17T01:06:36.444" v="6165"/>
        <pc:sldMkLst>
          <pc:docMk/>
          <pc:sldMk cId="0" sldId="2867"/>
        </pc:sldMkLst>
      </pc:sldChg>
      <pc:sldChg chg="del">
        <pc:chgData name="芳彦 植野" userId="86ab4e6fb1040a80" providerId="LiveId" clId="{BFBCDECB-9651-4182-BD0E-B931606F27C9}" dt="2023-09-24T10:02:23.153" v="1077" actId="2696"/>
        <pc:sldMkLst>
          <pc:docMk/>
          <pc:sldMk cId="4111805004" sldId="2867"/>
        </pc:sldMkLst>
      </pc:sldChg>
      <pc:sldChg chg="modSp add del mod">
        <pc:chgData name="芳彦 植野" userId="86ab4e6fb1040a80" providerId="LiveId" clId="{BFBCDECB-9651-4182-BD0E-B931606F27C9}" dt="2024-03-12T23:29:20.548" v="5764" actId="2696"/>
        <pc:sldMkLst>
          <pc:docMk/>
          <pc:sldMk cId="0" sldId="2869"/>
        </pc:sldMkLst>
        <pc:spChg chg="mod">
          <ac:chgData name="芳彦 植野" userId="86ab4e6fb1040a80" providerId="LiveId" clId="{BFBCDECB-9651-4182-BD0E-B931606F27C9}" dt="2024-01-08T08:25:57.742" v="4794" actId="14100"/>
          <ac:spMkLst>
            <pc:docMk/>
            <pc:sldMk cId="0" sldId="2869"/>
            <ac:spMk id="41" creationId="{00000000-0000-0000-0000-000000000000}"/>
          </ac:spMkLst>
        </pc:spChg>
        <pc:picChg chg="mod">
          <ac:chgData name="芳彦 植野" userId="86ab4e6fb1040a80" providerId="LiveId" clId="{BFBCDECB-9651-4182-BD0E-B931606F27C9}" dt="2024-01-08T08:19:19.004" v="4732"/>
          <ac:picMkLst>
            <pc:docMk/>
            <pc:sldMk cId="0" sldId="2869"/>
            <ac:picMk id="2" creationId="{00000000-0000-0000-0000-000000000000}"/>
          </ac:picMkLst>
        </pc:picChg>
        <pc:picChg chg="mod">
          <ac:chgData name="芳彦 植野" userId="86ab4e6fb1040a80" providerId="LiveId" clId="{BFBCDECB-9651-4182-BD0E-B931606F27C9}" dt="2024-01-08T08:19:19.004" v="4732"/>
          <ac:picMkLst>
            <pc:docMk/>
            <pc:sldMk cId="0" sldId="2869"/>
            <ac:picMk id="3" creationId="{00000000-0000-0000-0000-000000000000}"/>
          </ac:picMkLst>
        </pc:picChg>
        <pc:picChg chg="mod">
          <ac:chgData name="芳彦 植野" userId="86ab4e6fb1040a80" providerId="LiveId" clId="{BFBCDECB-9651-4182-BD0E-B931606F27C9}" dt="2024-01-08T08:19:19.004" v="4732"/>
          <ac:picMkLst>
            <pc:docMk/>
            <pc:sldMk cId="0" sldId="2869"/>
            <ac:picMk id="42" creationId="{00000000-0000-0000-0000-000000000000}"/>
          </ac:picMkLst>
        </pc:picChg>
      </pc:sldChg>
      <pc:sldChg chg="modSp add del mod">
        <pc:chgData name="芳彦 植野" userId="86ab4e6fb1040a80" providerId="LiveId" clId="{BFBCDECB-9651-4182-BD0E-B931606F27C9}" dt="2024-03-12T23:29:18.669" v="5763" actId="2696"/>
        <pc:sldMkLst>
          <pc:docMk/>
          <pc:sldMk cId="0" sldId="2870"/>
        </pc:sldMkLst>
        <pc:spChg chg="mod">
          <ac:chgData name="芳彦 植野" userId="86ab4e6fb1040a80" providerId="LiveId" clId="{BFBCDECB-9651-4182-BD0E-B931606F27C9}" dt="2024-01-08T08:26:15.831" v="4797" actId="1076"/>
          <ac:spMkLst>
            <pc:docMk/>
            <pc:sldMk cId="0" sldId="2870"/>
            <ac:spMk id="43" creationId="{00000000-0000-0000-0000-000000000000}"/>
          </ac:spMkLst>
        </pc:spChg>
        <pc:picChg chg="mod">
          <ac:chgData name="芳彦 植野" userId="86ab4e6fb1040a80" providerId="LiveId" clId="{BFBCDECB-9651-4182-BD0E-B931606F27C9}" dt="2024-01-08T08:19:19.004" v="4732"/>
          <ac:picMkLst>
            <pc:docMk/>
            <pc:sldMk cId="0" sldId="2870"/>
            <ac:picMk id="2" creationId="{00000000-0000-0000-0000-000000000000}"/>
          </ac:picMkLst>
        </pc:picChg>
        <pc:picChg chg="mod">
          <ac:chgData name="芳彦 植野" userId="86ab4e6fb1040a80" providerId="LiveId" clId="{BFBCDECB-9651-4182-BD0E-B931606F27C9}" dt="2024-01-08T08:19:19.004" v="4732"/>
          <ac:picMkLst>
            <pc:docMk/>
            <pc:sldMk cId="0" sldId="2870"/>
            <ac:picMk id="3" creationId="{00000000-0000-0000-0000-000000000000}"/>
          </ac:picMkLst>
        </pc:picChg>
        <pc:picChg chg="mod">
          <ac:chgData name="芳彦 植野" userId="86ab4e6fb1040a80" providerId="LiveId" clId="{BFBCDECB-9651-4182-BD0E-B931606F27C9}" dt="2024-01-08T08:19:19.004" v="4732"/>
          <ac:picMkLst>
            <pc:docMk/>
            <pc:sldMk cId="0" sldId="2870"/>
            <ac:picMk id="4" creationId="{00000000-0000-0000-0000-000000000000}"/>
          </ac:picMkLst>
        </pc:picChg>
        <pc:picChg chg="mod">
          <ac:chgData name="芳彦 植野" userId="86ab4e6fb1040a80" providerId="LiveId" clId="{BFBCDECB-9651-4182-BD0E-B931606F27C9}" dt="2024-01-08T08:19:19.004" v="4732"/>
          <ac:picMkLst>
            <pc:docMk/>
            <pc:sldMk cId="0" sldId="2870"/>
            <ac:picMk id="5" creationId="{00000000-0000-0000-0000-000000000000}"/>
          </ac:picMkLst>
        </pc:picChg>
        <pc:picChg chg="mod">
          <ac:chgData name="芳彦 植野" userId="86ab4e6fb1040a80" providerId="LiveId" clId="{BFBCDECB-9651-4182-BD0E-B931606F27C9}" dt="2024-01-08T08:19:19.004" v="4732"/>
          <ac:picMkLst>
            <pc:docMk/>
            <pc:sldMk cId="0" sldId="2870"/>
            <ac:picMk id="44" creationId="{00000000-0000-0000-0000-000000000000}"/>
          </ac:picMkLst>
        </pc:picChg>
      </pc:sldChg>
      <pc:sldChg chg="del">
        <pc:chgData name="芳彦 植野" userId="86ab4e6fb1040a80" providerId="LiveId" clId="{BFBCDECB-9651-4182-BD0E-B931606F27C9}" dt="2023-09-23T20:57:03.511" v="25" actId="2696"/>
        <pc:sldMkLst>
          <pc:docMk/>
          <pc:sldMk cId="0" sldId="2874"/>
        </pc:sldMkLst>
      </pc:sldChg>
      <pc:sldChg chg="modSp del">
        <pc:chgData name="芳彦 植野" userId="86ab4e6fb1040a80" providerId="LiveId" clId="{BFBCDECB-9651-4182-BD0E-B931606F27C9}" dt="2024-03-18T00:03:56.071" v="6331" actId="2696"/>
        <pc:sldMkLst>
          <pc:docMk/>
          <pc:sldMk cId="1347679879" sldId="2879"/>
        </pc:sldMkLst>
        <pc:spChg chg="mod">
          <ac:chgData name="芳彦 植野" userId="86ab4e6fb1040a80" providerId="LiveId" clId="{BFBCDECB-9651-4182-BD0E-B931606F27C9}" dt="2024-01-08T08:19:19.004" v="4732"/>
          <ac:spMkLst>
            <pc:docMk/>
            <pc:sldMk cId="1347679879" sldId="2879"/>
            <ac:spMk id="2" creationId="{2CE3BDF3-479D-F0AA-8EE2-7984A71423DD}"/>
          </ac:spMkLst>
        </pc:spChg>
        <pc:spChg chg="mod">
          <ac:chgData name="芳彦 植野" userId="86ab4e6fb1040a80" providerId="LiveId" clId="{BFBCDECB-9651-4182-BD0E-B931606F27C9}" dt="2024-01-08T08:19:19.004" v="4732"/>
          <ac:spMkLst>
            <pc:docMk/>
            <pc:sldMk cId="1347679879" sldId="2879"/>
            <ac:spMk id="5" creationId="{3F3D9843-9092-9148-2EDE-5699545D2842}"/>
          </ac:spMkLst>
        </pc:spChg>
        <pc:spChg chg="mod">
          <ac:chgData name="芳彦 植野" userId="86ab4e6fb1040a80" providerId="LiveId" clId="{BFBCDECB-9651-4182-BD0E-B931606F27C9}" dt="2024-01-08T08:19:19.004" v="4732"/>
          <ac:spMkLst>
            <pc:docMk/>
            <pc:sldMk cId="1347679879" sldId="2879"/>
            <ac:spMk id="6" creationId="{770610F5-7E38-3924-C365-F2CB9BBA7632}"/>
          </ac:spMkLst>
        </pc:spChg>
        <pc:spChg chg="mod">
          <ac:chgData name="芳彦 植野" userId="86ab4e6fb1040a80" providerId="LiveId" clId="{BFBCDECB-9651-4182-BD0E-B931606F27C9}" dt="2024-01-08T08:19:19.004" v="4732"/>
          <ac:spMkLst>
            <pc:docMk/>
            <pc:sldMk cId="1347679879" sldId="2879"/>
            <ac:spMk id="18" creationId="{F2456C3D-C41B-D87E-9680-2B9377ACD1BC}"/>
          </ac:spMkLst>
        </pc:spChg>
        <pc:spChg chg="mod">
          <ac:chgData name="芳彦 植野" userId="86ab4e6fb1040a80" providerId="LiveId" clId="{BFBCDECB-9651-4182-BD0E-B931606F27C9}" dt="2024-01-08T08:19:19.004" v="4732"/>
          <ac:spMkLst>
            <pc:docMk/>
            <pc:sldMk cId="1347679879" sldId="2879"/>
            <ac:spMk id="3077" creationId="{2050CA8D-54BC-E115-64CF-93DA4D07D853}"/>
          </ac:spMkLst>
        </pc:spChg>
        <pc:spChg chg="mod">
          <ac:chgData name="芳彦 植野" userId="86ab4e6fb1040a80" providerId="LiveId" clId="{BFBCDECB-9651-4182-BD0E-B931606F27C9}" dt="2024-01-08T08:19:19.004" v="4732"/>
          <ac:spMkLst>
            <pc:docMk/>
            <pc:sldMk cId="1347679879" sldId="2879"/>
            <ac:spMk id="3078" creationId="{9AE6BBC5-B3E4-C29D-C270-6084EEA5C0D5}"/>
          </ac:spMkLst>
        </pc:spChg>
        <pc:spChg chg="mod">
          <ac:chgData name="芳彦 植野" userId="86ab4e6fb1040a80" providerId="LiveId" clId="{BFBCDECB-9651-4182-BD0E-B931606F27C9}" dt="2024-01-08T08:19:19.004" v="4732"/>
          <ac:spMkLst>
            <pc:docMk/>
            <pc:sldMk cId="1347679879" sldId="2879"/>
            <ac:spMk id="3079" creationId="{9A840153-F974-59A2-D30E-45D224626D14}"/>
          </ac:spMkLst>
        </pc:spChg>
        <pc:spChg chg="mod">
          <ac:chgData name="芳彦 植野" userId="86ab4e6fb1040a80" providerId="LiveId" clId="{BFBCDECB-9651-4182-BD0E-B931606F27C9}" dt="2024-01-08T08:19:19.004" v="4732"/>
          <ac:spMkLst>
            <pc:docMk/>
            <pc:sldMk cId="1347679879" sldId="2879"/>
            <ac:spMk id="3080" creationId="{C3969B52-6080-D5EE-11AB-14CDDCB7459F}"/>
          </ac:spMkLst>
        </pc:spChg>
        <pc:spChg chg="mod">
          <ac:chgData name="芳彦 植野" userId="86ab4e6fb1040a80" providerId="LiveId" clId="{BFBCDECB-9651-4182-BD0E-B931606F27C9}" dt="2024-01-08T08:19:19.004" v="4732"/>
          <ac:spMkLst>
            <pc:docMk/>
            <pc:sldMk cId="1347679879" sldId="2879"/>
            <ac:spMk id="3081" creationId="{FD8247B1-3A9E-E1C3-7B54-91A908B2D101}"/>
          </ac:spMkLst>
        </pc:spChg>
        <pc:spChg chg="mod">
          <ac:chgData name="芳彦 植野" userId="86ab4e6fb1040a80" providerId="LiveId" clId="{BFBCDECB-9651-4182-BD0E-B931606F27C9}" dt="2024-01-08T08:19:19.004" v="4732"/>
          <ac:spMkLst>
            <pc:docMk/>
            <pc:sldMk cId="1347679879" sldId="2879"/>
            <ac:spMk id="3082" creationId="{49C18333-3BAB-CF1C-3F78-1930510A35E0}"/>
          </ac:spMkLst>
        </pc:spChg>
        <pc:spChg chg="mod">
          <ac:chgData name="芳彦 植野" userId="86ab4e6fb1040a80" providerId="LiveId" clId="{BFBCDECB-9651-4182-BD0E-B931606F27C9}" dt="2024-01-08T08:19:19.004" v="4732"/>
          <ac:spMkLst>
            <pc:docMk/>
            <pc:sldMk cId="1347679879" sldId="2879"/>
            <ac:spMk id="3083" creationId="{5065A7D8-7D9B-0AB4-F27B-9C1810D10F40}"/>
          </ac:spMkLst>
        </pc:spChg>
        <pc:spChg chg="mod">
          <ac:chgData name="芳彦 植野" userId="86ab4e6fb1040a80" providerId="LiveId" clId="{BFBCDECB-9651-4182-BD0E-B931606F27C9}" dt="2024-01-08T08:19:19.004" v="4732"/>
          <ac:spMkLst>
            <pc:docMk/>
            <pc:sldMk cId="1347679879" sldId="2879"/>
            <ac:spMk id="3084" creationId="{7173B6D3-23D6-B1BA-69BD-4FEC293B37F3}"/>
          </ac:spMkLst>
        </pc:spChg>
        <pc:spChg chg="mod">
          <ac:chgData name="芳彦 植野" userId="86ab4e6fb1040a80" providerId="LiveId" clId="{BFBCDECB-9651-4182-BD0E-B931606F27C9}" dt="2024-01-08T08:19:19.004" v="4732"/>
          <ac:spMkLst>
            <pc:docMk/>
            <pc:sldMk cId="1347679879" sldId="2879"/>
            <ac:spMk id="68621" creationId="{DE288203-66B4-EEBA-98FC-0EAA62230BD7}"/>
          </ac:spMkLst>
        </pc:spChg>
        <pc:spChg chg="mod">
          <ac:chgData name="芳彦 植野" userId="86ab4e6fb1040a80" providerId="LiveId" clId="{BFBCDECB-9651-4182-BD0E-B931606F27C9}" dt="2024-01-08T08:19:19.004" v="4732"/>
          <ac:spMkLst>
            <pc:docMk/>
            <pc:sldMk cId="1347679879" sldId="2879"/>
            <ac:spMk id="68622" creationId="{BDF1800C-3847-4648-7EB0-65C5EC0E0055}"/>
          </ac:spMkLst>
        </pc:spChg>
        <pc:spChg chg="mod">
          <ac:chgData name="芳彦 植野" userId="86ab4e6fb1040a80" providerId="LiveId" clId="{BFBCDECB-9651-4182-BD0E-B931606F27C9}" dt="2024-01-08T08:19:19.004" v="4732"/>
          <ac:spMkLst>
            <pc:docMk/>
            <pc:sldMk cId="1347679879" sldId="2879"/>
            <ac:spMk id="68623" creationId="{2F0CF1DD-E0CF-8F30-3DB0-3534681650A0}"/>
          </ac:spMkLst>
        </pc:spChg>
        <pc:spChg chg="mod">
          <ac:chgData name="芳彦 植野" userId="86ab4e6fb1040a80" providerId="LiveId" clId="{BFBCDECB-9651-4182-BD0E-B931606F27C9}" dt="2024-01-08T08:19:19.004" v="4732"/>
          <ac:spMkLst>
            <pc:docMk/>
            <pc:sldMk cId="1347679879" sldId="2879"/>
            <ac:spMk id="68624" creationId="{EDCACA28-010E-20AB-0616-53F6AD64A11E}"/>
          </ac:spMkLst>
        </pc:spChg>
        <pc:spChg chg="mod">
          <ac:chgData name="芳彦 植野" userId="86ab4e6fb1040a80" providerId="LiveId" clId="{BFBCDECB-9651-4182-BD0E-B931606F27C9}" dt="2024-01-08T08:19:19.004" v="4732"/>
          <ac:spMkLst>
            <pc:docMk/>
            <pc:sldMk cId="1347679879" sldId="2879"/>
            <ac:spMk id="68629" creationId="{8409E723-0AA6-A24A-20F5-EEA753CDA536}"/>
          </ac:spMkLst>
        </pc:spChg>
        <pc:picChg chg="mod">
          <ac:chgData name="芳彦 植野" userId="86ab4e6fb1040a80" providerId="LiveId" clId="{BFBCDECB-9651-4182-BD0E-B931606F27C9}" dt="2024-01-08T08:19:19.004" v="4732"/>
          <ac:picMkLst>
            <pc:docMk/>
            <pc:sldMk cId="1347679879" sldId="2879"/>
            <ac:picMk id="68610" creationId="{B9F84F23-03CA-4B28-FE83-A8970B8E14FD}"/>
          </ac:picMkLst>
        </pc:picChg>
        <pc:picChg chg="mod">
          <ac:chgData name="芳彦 植野" userId="86ab4e6fb1040a80" providerId="LiveId" clId="{BFBCDECB-9651-4182-BD0E-B931606F27C9}" dt="2024-01-08T08:19:19.004" v="4732"/>
          <ac:picMkLst>
            <pc:docMk/>
            <pc:sldMk cId="1347679879" sldId="2879"/>
            <ac:picMk id="68611" creationId="{E8D6DFAF-D691-DA3E-B862-7790740F0353}"/>
          </ac:picMkLst>
        </pc:picChg>
        <pc:picChg chg="mod">
          <ac:chgData name="芳彦 植野" userId="86ab4e6fb1040a80" providerId="LiveId" clId="{BFBCDECB-9651-4182-BD0E-B931606F27C9}" dt="2024-01-08T08:19:19.004" v="4732"/>
          <ac:picMkLst>
            <pc:docMk/>
            <pc:sldMk cId="1347679879" sldId="2879"/>
            <ac:picMk id="68626" creationId="{8329E9B4-451F-6015-CF59-3A5E0F40327F}"/>
          </ac:picMkLst>
        </pc:picChg>
      </pc:sldChg>
      <pc:sldChg chg="addSp modSp mod modNotes">
        <pc:chgData name="芳彦 植野" userId="86ab4e6fb1040a80" providerId="LiveId" clId="{BFBCDECB-9651-4182-BD0E-B931606F27C9}" dt="2024-01-08T19:51:54.180" v="4846" actId="20577"/>
        <pc:sldMkLst>
          <pc:docMk/>
          <pc:sldMk cId="3620435233" sldId="2880"/>
        </pc:sldMkLst>
        <pc:spChg chg="mod">
          <ac:chgData name="芳彦 植野" userId="86ab4e6fb1040a80" providerId="LiveId" clId="{BFBCDECB-9651-4182-BD0E-B931606F27C9}" dt="2024-01-08T08:19:19.004" v="4732"/>
          <ac:spMkLst>
            <pc:docMk/>
            <pc:sldMk cId="3620435233" sldId="2880"/>
            <ac:spMk id="2" creationId="{00000000-0000-0000-0000-000000000000}"/>
          </ac:spMkLst>
        </pc:spChg>
        <pc:spChg chg="mod">
          <ac:chgData name="芳彦 植野" userId="86ab4e6fb1040a80" providerId="LiveId" clId="{BFBCDECB-9651-4182-BD0E-B931606F27C9}" dt="2024-01-08T08:19:19.004" v="4732"/>
          <ac:spMkLst>
            <pc:docMk/>
            <pc:sldMk cId="3620435233" sldId="2880"/>
            <ac:spMk id="3" creationId="{00000000-0000-0000-0000-000000000000}"/>
          </ac:spMkLst>
        </pc:spChg>
        <pc:spChg chg="mod">
          <ac:chgData name="芳彦 植野" userId="86ab4e6fb1040a80" providerId="LiveId" clId="{BFBCDECB-9651-4182-BD0E-B931606F27C9}" dt="2024-01-08T08:19:19.004" v="4732"/>
          <ac:spMkLst>
            <pc:docMk/>
            <pc:sldMk cId="3620435233" sldId="2880"/>
            <ac:spMk id="4" creationId="{0B7F9216-0CAC-B8FB-B42B-67A5A8B1DDE8}"/>
          </ac:spMkLst>
        </pc:spChg>
        <pc:spChg chg="mod">
          <ac:chgData name="芳彦 植野" userId="86ab4e6fb1040a80" providerId="LiveId" clId="{BFBCDECB-9651-4182-BD0E-B931606F27C9}" dt="2024-01-08T08:19:19.004" v="4732"/>
          <ac:spMkLst>
            <pc:docMk/>
            <pc:sldMk cId="3620435233" sldId="2880"/>
            <ac:spMk id="5" creationId="{118D255F-CFC1-7205-E1C1-757570A2E87E}"/>
          </ac:spMkLst>
        </pc:spChg>
        <pc:spChg chg="mod">
          <ac:chgData name="芳彦 植野" userId="86ab4e6fb1040a80" providerId="LiveId" clId="{BFBCDECB-9651-4182-BD0E-B931606F27C9}" dt="2024-01-08T08:19:19.004" v="4732"/>
          <ac:spMkLst>
            <pc:docMk/>
            <pc:sldMk cId="3620435233" sldId="2880"/>
            <ac:spMk id="6" creationId="{E53C304E-AB13-D79F-656C-325C0FB2A92C}"/>
          </ac:spMkLst>
        </pc:spChg>
        <pc:spChg chg="mod">
          <ac:chgData name="芳彦 植野" userId="86ab4e6fb1040a80" providerId="LiveId" clId="{BFBCDECB-9651-4182-BD0E-B931606F27C9}" dt="2024-01-08T08:19:19.004" v="4732"/>
          <ac:spMkLst>
            <pc:docMk/>
            <pc:sldMk cId="3620435233" sldId="2880"/>
            <ac:spMk id="7" creationId="{4F4A3A44-F049-FBDD-EC03-3B69F16738BB}"/>
          </ac:spMkLst>
        </pc:spChg>
        <pc:spChg chg="mod">
          <ac:chgData name="芳彦 植野" userId="86ab4e6fb1040a80" providerId="LiveId" clId="{BFBCDECB-9651-4182-BD0E-B931606F27C9}" dt="2024-01-08T08:19:19.004" v="4732"/>
          <ac:spMkLst>
            <pc:docMk/>
            <pc:sldMk cId="3620435233" sldId="2880"/>
            <ac:spMk id="8" creationId="{A647F7CE-1228-3354-DDDA-C543BDA09EE6}"/>
          </ac:spMkLst>
        </pc:spChg>
        <pc:spChg chg="mod">
          <ac:chgData name="芳彦 植野" userId="86ab4e6fb1040a80" providerId="LiveId" clId="{BFBCDECB-9651-4182-BD0E-B931606F27C9}" dt="2024-01-08T08:19:19.004" v="4732"/>
          <ac:spMkLst>
            <pc:docMk/>
            <pc:sldMk cId="3620435233" sldId="2880"/>
            <ac:spMk id="9" creationId="{3C9D2D79-D158-CCF9-FD7B-7032F4BBF39C}"/>
          </ac:spMkLst>
        </pc:spChg>
        <pc:spChg chg="mod">
          <ac:chgData name="芳彦 植野" userId="86ab4e6fb1040a80" providerId="LiveId" clId="{BFBCDECB-9651-4182-BD0E-B931606F27C9}" dt="2024-01-08T08:19:19.004" v="4732"/>
          <ac:spMkLst>
            <pc:docMk/>
            <pc:sldMk cId="3620435233" sldId="2880"/>
            <ac:spMk id="10" creationId="{7DF6BDAE-BEA9-2180-0684-EA97801F8EA1}"/>
          </ac:spMkLst>
        </pc:spChg>
        <pc:spChg chg="mod">
          <ac:chgData name="芳彦 植野" userId="86ab4e6fb1040a80" providerId="LiveId" clId="{BFBCDECB-9651-4182-BD0E-B931606F27C9}" dt="2024-01-08T08:19:19.004" v="4732"/>
          <ac:spMkLst>
            <pc:docMk/>
            <pc:sldMk cId="3620435233" sldId="2880"/>
            <ac:spMk id="11" creationId="{D8FAF77C-9DE4-1E5A-9ADA-37CB2F3AD0A3}"/>
          </ac:spMkLst>
        </pc:spChg>
        <pc:spChg chg="mod">
          <ac:chgData name="芳彦 植野" userId="86ab4e6fb1040a80" providerId="LiveId" clId="{BFBCDECB-9651-4182-BD0E-B931606F27C9}" dt="2024-01-08T08:19:19.004" v="4732"/>
          <ac:spMkLst>
            <pc:docMk/>
            <pc:sldMk cId="3620435233" sldId="2880"/>
            <ac:spMk id="12" creationId="{4B754F01-E414-81DE-CE71-BBF1666B7A11}"/>
          </ac:spMkLst>
        </pc:spChg>
        <pc:spChg chg="mod">
          <ac:chgData name="芳彦 植野" userId="86ab4e6fb1040a80" providerId="LiveId" clId="{BFBCDECB-9651-4182-BD0E-B931606F27C9}" dt="2024-01-08T08:19:19.004" v="4732"/>
          <ac:spMkLst>
            <pc:docMk/>
            <pc:sldMk cId="3620435233" sldId="2880"/>
            <ac:spMk id="13" creationId="{05DD360F-2CFF-9900-E39A-3E1F81EBD501}"/>
          </ac:spMkLst>
        </pc:spChg>
        <pc:spChg chg="mod">
          <ac:chgData name="芳彦 植野" userId="86ab4e6fb1040a80" providerId="LiveId" clId="{BFBCDECB-9651-4182-BD0E-B931606F27C9}" dt="2024-01-08T19:51:31.946" v="4822" actId="1076"/>
          <ac:spMkLst>
            <pc:docMk/>
            <pc:sldMk cId="3620435233" sldId="2880"/>
            <ac:spMk id="14" creationId="{F2B6CD98-8A4A-9CD9-C272-C0947652B363}"/>
          </ac:spMkLst>
        </pc:spChg>
        <pc:spChg chg="mod">
          <ac:chgData name="芳彦 植野" userId="86ab4e6fb1040a80" providerId="LiveId" clId="{BFBCDECB-9651-4182-BD0E-B931606F27C9}" dt="2024-01-08T08:19:19.004" v="4732"/>
          <ac:spMkLst>
            <pc:docMk/>
            <pc:sldMk cId="3620435233" sldId="2880"/>
            <ac:spMk id="15" creationId="{F37F030A-7566-C53D-80E2-2237580C7BC1}"/>
          </ac:spMkLst>
        </pc:spChg>
        <pc:spChg chg="mod">
          <ac:chgData name="芳彦 植野" userId="86ab4e6fb1040a80" providerId="LiveId" clId="{BFBCDECB-9651-4182-BD0E-B931606F27C9}" dt="2024-01-08T08:19:19.004" v="4732"/>
          <ac:spMkLst>
            <pc:docMk/>
            <pc:sldMk cId="3620435233" sldId="2880"/>
            <ac:spMk id="16" creationId="{00000000-0000-0000-0000-000000000000}"/>
          </ac:spMkLst>
        </pc:spChg>
        <pc:spChg chg="add mod">
          <ac:chgData name="芳彦 植野" userId="86ab4e6fb1040a80" providerId="LiveId" clId="{BFBCDECB-9651-4182-BD0E-B931606F27C9}" dt="2024-01-08T19:51:54.180" v="4846" actId="20577"/>
          <ac:spMkLst>
            <pc:docMk/>
            <pc:sldMk cId="3620435233" sldId="2880"/>
            <ac:spMk id="17" creationId="{484C9523-3CC0-D21A-F8D9-D9D11193ABEC}"/>
          </ac:spMkLst>
        </pc:spChg>
        <pc:spChg chg="mod">
          <ac:chgData name="芳彦 植野" userId="86ab4e6fb1040a80" providerId="LiveId" clId="{BFBCDECB-9651-4182-BD0E-B931606F27C9}" dt="2024-01-08T08:19:19.004" v="4732"/>
          <ac:spMkLst>
            <pc:docMk/>
            <pc:sldMk cId="3620435233" sldId="2880"/>
            <ac:spMk id="19" creationId="{00000000-0000-0000-0000-000000000000}"/>
          </ac:spMkLst>
        </pc:spChg>
        <pc:spChg chg="mod">
          <ac:chgData name="芳彦 植野" userId="86ab4e6fb1040a80" providerId="LiveId" clId="{BFBCDECB-9651-4182-BD0E-B931606F27C9}" dt="2024-01-08T08:19:19.004" v="4732"/>
          <ac:spMkLst>
            <pc:docMk/>
            <pc:sldMk cId="3620435233" sldId="2880"/>
            <ac:spMk id="20" creationId="{00000000-0000-0000-0000-000000000000}"/>
          </ac:spMkLst>
        </pc:spChg>
        <pc:spChg chg="mod">
          <ac:chgData name="芳彦 植野" userId="86ab4e6fb1040a80" providerId="LiveId" clId="{BFBCDECB-9651-4182-BD0E-B931606F27C9}" dt="2024-01-08T08:19:19.004" v="4732"/>
          <ac:spMkLst>
            <pc:docMk/>
            <pc:sldMk cId="3620435233" sldId="2880"/>
            <ac:spMk id="21" creationId="{00000000-0000-0000-0000-000000000000}"/>
          </ac:spMkLst>
        </pc:spChg>
        <pc:spChg chg="mod">
          <ac:chgData name="芳彦 植野" userId="86ab4e6fb1040a80" providerId="LiveId" clId="{BFBCDECB-9651-4182-BD0E-B931606F27C9}" dt="2024-01-08T08:19:19.004" v="4732"/>
          <ac:spMkLst>
            <pc:docMk/>
            <pc:sldMk cId="3620435233" sldId="2880"/>
            <ac:spMk id="22" creationId="{00000000-0000-0000-0000-000000000000}"/>
          </ac:spMkLst>
        </pc:spChg>
        <pc:spChg chg="mod">
          <ac:chgData name="芳彦 植野" userId="86ab4e6fb1040a80" providerId="LiveId" clId="{BFBCDECB-9651-4182-BD0E-B931606F27C9}" dt="2024-01-08T08:19:19.004" v="4732"/>
          <ac:spMkLst>
            <pc:docMk/>
            <pc:sldMk cId="3620435233" sldId="2880"/>
            <ac:spMk id="24" creationId="{00000000-0000-0000-0000-000000000000}"/>
          </ac:spMkLst>
        </pc:spChg>
        <pc:spChg chg="mod">
          <ac:chgData name="芳彦 植野" userId="86ab4e6fb1040a80" providerId="LiveId" clId="{BFBCDECB-9651-4182-BD0E-B931606F27C9}" dt="2024-01-08T08:19:19.004" v="4732"/>
          <ac:spMkLst>
            <pc:docMk/>
            <pc:sldMk cId="3620435233" sldId="2880"/>
            <ac:spMk id="26" creationId="{00000000-0000-0000-0000-000000000000}"/>
          </ac:spMkLst>
        </pc:spChg>
        <pc:spChg chg="mod">
          <ac:chgData name="芳彦 植野" userId="86ab4e6fb1040a80" providerId="LiveId" clId="{BFBCDECB-9651-4182-BD0E-B931606F27C9}" dt="2024-01-08T08:19:19.004" v="4732"/>
          <ac:spMkLst>
            <pc:docMk/>
            <pc:sldMk cId="3620435233" sldId="2880"/>
            <ac:spMk id="27" creationId="{00000000-0000-0000-0000-000000000000}"/>
          </ac:spMkLst>
        </pc:spChg>
        <pc:spChg chg="mod">
          <ac:chgData name="芳彦 植野" userId="86ab4e6fb1040a80" providerId="LiveId" clId="{BFBCDECB-9651-4182-BD0E-B931606F27C9}" dt="2024-01-08T08:19:19.004" v="4732"/>
          <ac:spMkLst>
            <pc:docMk/>
            <pc:sldMk cId="3620435233" sldId="2880"/>
            <ac:spMk id="28" creationId="{00000000-0000-0000-0000-000000000000}"/>
          </ac:spMkLst>
        </pc:spChg>
        <pc:spChg chg="mod">
          <ac:chgData name="芳彦 植野" userId="86ab4e6fb1040a80" providerId="LiveId" clId="{BFBCDECB-9651-4182-BD0E-B931606F27C9}" dt="2024-01-08T08:19:19.004" v="4732"/>
          <ac:spMkLst>
            <pc:docMk/>
            <pc:sldMk cId="3620435233" sldId="2880"/>
            <ac:spMk id="30725" creationId="{00000000-0000-0000-0000-000000000000}"/>
          </ac:spMkLst>
        </pc:spChg>
        <pc:spChg chg="mod">
          <ac:chgData name="芳彦 植野" userId="86ab4e6fb1040a80" providerId="LiveId" clId="{BFBCDECB-9651-4182-BD0E-B931606F27C9}" dt="2024-01-08T08:19:19.004" v="4732"/>
          <ac:spMkLst>
            <pc:docMk/>
            <pc:sldMk cId="3620435233" sldId="2880"/>
            <ac:spMk id="30728" creationId="{00000000-0000-0000-0000-000000000000}"/>
          </ac:spMkLst>
        </pc:spChg>
        <pc:spChg chg="mod">
          <ac:chgData name="芳彦 植野" userId="86ab4e6fb1040a80" providerId="LiveId" clId="{BFBCDECB-9651-4182-BD0E-B931606F27C9}" dt="2024-01-08T08:19:19.004" v="4732"/>
          <ac:spMkLst>
            <pc:docMk/>
            <pc:sldMk cId="3620435233" sldId="2880"/>
            <ac:spMk id="30730" creationId="{00000000-0000-0000-0000-000000000000}"/>
          </ac:spMkLst>
        </pc:spChg>
        <pc:spChg chg="mod">
          <ac:chgData name="芳彦 植野" userId="86ab4e6fb1040a80" providerId="LiveId" clId="{BFBCDECB-9651-4182-BD0E-B931606F27C9}" dt="2024-01-08T08:19:19.004" v="4732"/>
          <ac:spMkLst>
            <pc:docMk/>
            <pc:sldMk cId="3620435233" sldId="2880"/>
            <ac:spMk id="30731" creationId="{00000000-0000-0000-0000-000000000000}"/>
          </ac:spMkLst>
        </pc:spChg>
        <pc:spChg chg="mod">
          <ac:chgData name="芳彦 植野" userId="86ab4e6fb1040a80" providerId="LiveId" clId="{BFBCDECB-9651-4182-BD0E-B931606F27C9}" dt="2024-01-08T08:19:19.004" v="4732"/>
          <ac:spMkLst>
            <pc:docMk/>
            <pc:sldMk cId="3620435233" sldId="2880"/>
            <ac:spMk id="30732" creationId="{00000000-0000-0000-0000-000000000000}"/>
          </ac:spMkLst>
        </pc:spChg>
        <pc:spChg chg="mod">
          <ac:chgData name="芳彦 植野" userId="86ab4e6fb1040a80" providerId="LiveId" clId="{BFBCDECB-9651-4182-BD0E-B931606F27C9}" dt="2024-01-08T08:19:19.004" v="4732"/>
          <ac:spMkLst>
            <pc:docMk/>
            <pc:sldMk cId="3620435233" sldId="2880"/>
            <ac:spMk id="30734" creationId="{00000000-0000-0000-0000-000000000000}"/>
          </ac:spMkLst>
        </pc:spChg>
        <pc:spChg chg="mod">
          <ac:chgData name="芳彦 植野" userId="86ab4e6fb1040a80" providerId="LiveId" clId="{BFBCDECB-9651-4182-BD0E-B931606F27C9}" dt="2024-01-08T08:19:19.004" v="4732"/>
          <ac:spMkLst>
            <pc:docMk/>
            <pc:sldMk cId="3620435233" sldId="2880"/>
            <ac:spMk id="30740" creationId="{00000000-0000-0000-0000-000000000000}"/>
          </ac:spMkLst>
        </pc:spChg>
        <pc:spChg chg="mod">
          <ac:chgData name="芳彦 植野" userId="86ab4e6fb1040a80" providerId="LiveId" clId="{BFBCDECB-9651-4182-BD0E-B931606F27C9}" dt="2024-01-08T08:19:19.004" v="4732"/>
          <ac:spMkLst>
            <pc:docMk/>
            <pc:sldMk cId="3620435233" sldId="2880"/>
            <ac:spMk id="50180" creationId="{00000000-0000-0000-0000-000000000000}"/>
          </ac:spMkLst>
        </pc:spChg>
      </pc:sldChg>
      <pc:sldChg chg="addSp modSp del mod modNotes">
        <pc:chgData name="芳彦 植野" userId="86ab4e6fb1040a80" providerId="LiveId" clId="{BFBCDECB-9651-4182-BD0E-B931606F27C9}" dt="2024-03-17T23:54:31.735" v="6325" actId="2696"/>
        <pc:sldMkLst>
          <pc:docMk/>
          <pc:sldMk cId="4090103671" sldId="2881"/>
        </pc:sldMkLst>
        <pc:spChg chg="mod">
          <ac:chgData name="芳彦 植野" userId="86ab4e6fb1040a80" providerId="LiveId" clId="{BFBCDECB-9651-4182-BD0E-B931606F27C9}" dt="2024-01-08T08:19:19.004" v="4732"/>
          <ac:spMkLst>
            <pc:docMk/>
            <pc:sldMk cId="4090103671" sldId="2881"/>
            <ac:spMk id="2" creationId="{C2D85D8F-E286-A9E4-DB9B-0E099763AB24}"/>
          </ac:spMkLst>
        </pc:spChg>
        <pc:spChg chg="mod">
          <ac:chgData name="芳彦 植野" userId="86ab4e6fb1040a80" providerId="LiveId" clId="{BFBCDECB-9651-4182-BD0E-B931606F27C9}" dt="2024-01-08T08:19:19.004" v="4732"/>
          <ac:spMkLst>
            <pc:docMk/>
            <pc:sldMk cId="4090103671" sldId="2881"/>
            <ac:spMk id="3" creationId="{00000000-0000-0000-0000-000000000000}"/>
          </ac:spMkLst>
        </pc:spChg>
        <pc:spChg chg="mod">
          <ac:chgData name="芳彦 植野" userId="86ab4e6fb1040a80" providerId="LiveId" clId="{BFBCDECB-9651-4182-BD0E-B931606F27C9}" dt="2024-01-08T08:19:19.004" v="4732"/>
          <ac:spMkLst>
            <pc:docMk/>
            <pc:sldMk cId="4090103671" sldId="2881"/>
            <ac:spMk id="4" creationId="{FB738B35-EE77-380A-393F-298BC6D29A6B}"/>
          </ac:spMkLst>
        </pc:spChg>
        <pc:spChg chg="mod">
          <ac:chgData name="芳彦 植野" userId="86ab4e6fb1040a80" providerId="LiveId" clId="{BFBCDECB-9651-4182-BD0E-B931606F27C9}" dt="2024-01-08T08:19:19.004" v="4732"/>
          <ac:spMkLst>
            <pc:docMk/>
            <pc:sldMk cId="4090103671" sldId="2881"/>
            <ac:spMk id="5" creationId="{118D255F-CFC1-7205-E1C1-757570A2E87E}"/>
          </ac:spMkLst>
        </pc:spChg>
        <pc:spChg chg="mod">
          <ac:chgData name="芳彦 植野" userId="86ab4e6fb1040a80" providerId="LiveId" clId="{BFBCDECB-9651-4182-BD0E-B931606F27C9}" dt="2024-01-08T08:19:19.004" v="4732"/>
          <ac:spMkLst>
            <pc:docMk/>
            <pc:sldMk cId="4090103671" sldId="2881"/>
            <ac:spMk id="6" creationId="{D64B767D-66EB-0BDB-6C01-9C4D439C9723}"/>
          </ac:spMkLst>
        </pc:spChg>
        <pc:spChg chg="add mod">
          <ac:chgData name="芳彦 植野" userId="86ab4e6fb1040a80" providerId="LiveId" clId="{BFBCDECB-9651-4182-BD0E-B931606F27C9}" dt="2024-01-08T19:52:32.429" v="4900" actId="20577"/>
          <ac:spMkLst>
            <pc:docMk/>
            <pc:sldMk cId="4090103671" sldId="2881"/>
            <ac:spMk id="7" creationId="{51CA3BC4-6E9F-AEBE-0514-700B75ABDC7F}"/>
          </ac:spMkLst>
        </pc:spChg>
        <pc:spChg chg="mod">
          <ac:chgData name="芳彦 植野" userId="86ab4e6fb1040a80" providerId="LiveId" clId="{BFBCDECB-9651-4182-BD0E-B931606F27C9}" dt="2024-01-08T08:19:19.004" v="4732"/>
          <ac:spMkLst>
            <pc:docMk/>
            <pc:sldMk cId="4090103671" sldId="2881"/>
            <ac:spMk id="13" creationId="{05DD360F-2CFF-9900-E39A-3E1F81EBD501}"/>
          </ac:spMkLst>
        </pc:spChg>
        <pc:spChg chg="mod">
          <ac:chgData name="芳彦 植野" userId="86ab4e6fb1040a80" providerId="LiveId" clId="{BFBCDECB-9651-4182-BD0E-B931606F27C9}" dt="2024-01-08T19:52:05.113" v="4847" actId="1076"/>
          <ac:spMkLst>
            <pc:docMk/>
            <pc:sldMk cId="4090103671" sldId="2881"/>
            <ac:spMk id="14" creationId="{F2B6CD98-8A4A-9CD9-C272-C0947652B363}"/>
          </ac:spMkLst>
        </pc:spChg>
        <pc:spChg chg="mod">
          <ac:chgData name="芳彦 植野" userId="86ab4e6fb1040a80" providerId="LiveId" clId="{BFBCDECB-9651-4182-BD0E-B931606F27C9}" dt="2024-01-08T08:19:19.004" v="4732"/>
          <ac:spMkLst>
            <pc:docMk/>
            <pc:sldMk cId="4090103671" sldId="2881"/>
            <ac:spMk id="15" creationId="{48CF99FA-8F7A-54C9-B973-6C864DB74847}"/>
          </ac:spMkLst>
        </pc:spChg>
        <pc:spChg chg="mod">
          <ac:chgData name="芳彦 植野" userId="86ab4e6fb1040a80" providerId="LiveId" clId="{BFBCDECB-9651-4182-BD0E-B931606F27C9}" dt="2024-01-08T08:19:19.004" v="4732"/>
          <ac:spMkLst>
            <pc:docMk/>
            <pc:sldMk cId="4090103671" sldId="2881"/>
            <ac:spMk id="17" creationId="{C2CA906A-054A-28F2-6FF5-E3EBD4BC8A42}"/>
          </ac:spMkLst>
        </pc:spChg>
        <pc:spChg chg="mod">
          <ac:chgData name="芳彦 植野" userId="86ab4e6fb1040a80" providerId="LiveId" clId="{BFBCDECB-9651-4182-BD0E-B931606F27C9}" dt="2024-01-08T08:19:19.004" v="4732"/>
          <ac:spMkLst>
            <pc:docMk/>
            <pc:sldMk cId="4090103671" sldId="2881"/>
            <ac:spMk id="18" creationId="{5EABB9C0-BBC0-8E4A-9B63-DF197BD4D99F}"/>
          </ac:spMkLst>
        </pc:spChg>
        <pc:spChg chg="mod">
          <ac:chgData name="芳彦 植野" userId="86ab4e6fb1040a80" providerId="LiveId" clId="{BFBCDECB-9651-4182-BD0E-B931606F27C9}" dt="2024-01-08T08:19:19.004" v="4732"/>
          <ac:spMkLst>
            <pc:docMk/>
            <pc:sldMk cId="4090103671" sldId="2881"/>
            <ac:spMk id="21" creationId="{00000000-0000-0000-0000-000000000000}"/>
          </ac:spMkLst>
        </pc:spChg>
        <pc:spChg chg="mod">
          <ac:chgData name="芳彦 植野" userId="86ab4e6fb1040a80" providerId="LiveId" clId="{BFBCDECB-9651-4182-BD0E-B931606F27C9}" dt="2024-01-08T08:19:19.004" v="4732"/>
          <ac:spMkLst>
            <pc:docMk/>
            <pc:sldMk cId="4090103671" sldId="2881"/>
            <ac:spMk id="23" creationId="{416A128D-6D81-A036-0AE8-3D47D5102A70}"/>
          </ac:spMkLst>
        </pc:spChg>
        <pc:spChg chg="mod">
          <ac:chgData name="芳彦 植野" userId="86ab4e6fb1040a80" providerId="LiveId" clId="{BFBCDECB-9651-4182-BD0E-B931606F27C9}" dt="2024-01-08T08:19:19.004" v="4732"/>
          <ac:spMkLst>
            <pc:docMk/>
            <pc:sldMk cId="4090103671" sldId="2881"/>
            <ac:spMk id="25" creationId="{887ADA1A-47AA-6894-EC2E-DA5A51314681}"/>
          </ac:spMkLst>
        </pc:spChg>
        <pc:spChg chg="mod">
          <ac:chgData name="芳彦 植野" userId="86ab4e6fb1040a80" providerId="LiveId" clId="{BFBCDECB-9651-4182-BD0E-B931606F27C9}" dt="2024-01-08T08:19:19.004" v="4732"/>
          <ac:spMkLst>
            <pc:docMk/>
            <pc:sldMk cId="4090103671" sldId="2881"/>
            <ac:spMk id="30" creationId="{0726911E-17C9-8F45-1685-A622C3F50694}"/>
          </ac:spMkLst>
        </pc:spChg>
        <pc:spChg chg="mod">
          <ac:chgData name="芳彦 植野" userId="86ab4e6fb1040a80" providerId="LiveId" clId="{BFBCDECB-9651-4182-BD0E-B931606F27C9}" dt="2024-01-08T08:19:19.004" v="4732"/>
          <ac:spMkLst>
            <pc:docMk/>
            <pc:sldMk cId="4090103671" sldId="2881"/>
            <ac:spMk id="31" creationId="{CAC4976F-06AA-695D-A1AA-5DCAE4C3D6FC}"/>
          </ac:spMkLst>
        </pc:spChg>
        <pc:spChg chg="mod">
          <ac:chgData name="芳彦 植野" userId="86ab4e6fb1040a80" providerId="LiveId" clId="{BFBCDECB-9651-4182-BD0E-B931606F27C9}" dt="2024-01-08T08:19:19.004" v="4732"/>
          <ac:spMkLst>
            <pc:docMk/>
            <pc:sldMk cId="4090103671" sldId="2881"/>
            <ac:spMk id="30725" creationId="{00000000-0000-0000-0000-000000000000}"/>
          </ac:spMkLst>
        </pc:spChg>
        <pc:spChg chg="mod">
          <ac:chgData name="芳彦 植野" userId="86ab4e6fb1040a80" providerId="LiveId" clId="{BFBCDECB-9651-4182-BD0E-B931606F27C9}" dt="2024-01-08T08:19:19.004" v="4732"/>
          <ac:spMkLst>
            <pc:docMk/>
            <pc:sldMk cId="4090103671" sldId="2881"/>
            <ac:spMk id="30730" creationId="{00000000-0000-0000-0000-000000000000}"/>
          </ac:spMkLst>
        </pc:spChg>
        <pc:spChg chg="mod">
          <ac:chgData name="芳彦 植野" userId="86ab4e6fb1040a80" providerId="LiveId" clId="{BFBCDECB-9651-4182-BD0E-B931606F27C9}" dt="2024-01-08T08:19:19.004" v="4732"/>
          <ac:spMkLst>
            <pc:docMk/>
            <pc:sldMk cId="4090103671" sldId="2881"/>
            <ac:spMk id="50176" creationId="{4530B532-5055-DE3C-7981-364307B262C6}"/>
          </ac:spMkLst>
        </pc:spChg>
        <pc:spChg chg="mod">
          <ac:chgData name="芳彦 植野" userId="86ab4e6fb1040a80" providerId="LiveId" clId="{BFBCDECB-9651-4182-BD0E-B931606F27C9}" dt="2024-01-08T08:19:19.004" v="4732"/>
          <ac:spMkLst>
            <pc:docMk/>
            <pc:sldMk cId="4090103671" sldId="2881"/>
            <ac:spMk id="50177" creationId="{24F549A0-9C3B-8179-E585-6150424A7A00}"/>
          </ac:spMkLst>
        </pc:spChg>
        <pc:spChg chg="mod">
          <ac:chgData name="芳彦 植野" userId="86ab4e6fb1040a80" providerId="LiveId" clId="{BFBCDECB-9651-4182-BD0E-B931606F27C9}" dt="2024-01-08T08:19:19.004" v="4732"/>
          <ac:spMkLst>
            <pc:docMk/>
            <pc:sldMk cId="4090103671" sldId="2881"/>
            <ac:spMk id="50180" creationId="{00000000-0000-0000-0000-000000000000}"/>
          </ac:spMkLst>
        </pc:spChg>
      </pc:sldChg>
      <pc:sldChg chg="add">
        <pc:chgData name="芳彦 植野" userId="86ab4e6fb1040a80" providerId="LiveId" clId="{BFBCDECB-9651-4182-BD0E-B931606F27C9}" dt="2024-03-17T01:06:53.741" v="6166"/>
        <pc:sldMkLst>
          <pc:docMk/>
          <pc:sldMk cId="0" sldId="2882"/>
        </pc:sldMkLst>
      </pc:sldChg>
      <pc:sldChg chg="del">
        <pc:chgData name="芳彦 植野" userId="86ab4e6fb1040a80" providerId="LiveId" clId="{BFBCDECB-9651-4182-BD0E-B931606F27C9}" dt="2023-09-23T20:57:06.185" v="26" actId="2696"/>
        <pc:sldMkLst>
          <pc:docMk/>
          <pc:sldMk cId="3547136350" sldId="2882"/>
        </pc:sldMkLst>
      </pc:sldChg>
      <pc:sldChg chg="modSp del mod">
        <pc:chgData name="芳彦 植野" userId="86ab4e6fb1040a80" providerId="LiveId" clId="{BFBCDECB-9651-4182-BD0E-B931606F27C9}" dt="2024-01-08T19:51:04.258" v="4820" actId="2696"/>
        <pc:sldMkLst>
          <pc:docMk/>
          <pc:sldMk cId="535816091" sldId="2884"/>
        </pc:sldMkLst>
        <pc:spChg chg="mod">
          <ac:chgData name="芳彦 植野" userId="86ab4e6fb1040a80" providerId="LiveId" clId="{BFBCDECB-9651-4182-BD0E-B931606F27C9}" dt="2024-01-08T08:19:19.004" v="4732"/>
          <ac:spMkLst>
            <pc:docMk/>
            <pc:sldMk cId="535816091" sldId="2884"/>
            <ac:spMk id="2" creationId="{E770A853-93A0-8828-B655-2C99C3760581}"/>
          </ac:spMkLst>
        </pc:spChg>
        <pc:spChg chg="mod">
          <ac:chgData name="芳彦 植野" userId="86ab4e6fb1040a80" providerId="LiveId" clId="{BFBCDECB-9651-4182-BD0E-B931606F27C9}" dt="2024-01-08T08:19:19.004" v="4732"/>
          <ac:spMkLst>
            <pc:docMk/>
            <pc:sldMk cId="535816091" sldId="2884"/>
            <ac:spMk id="3" creationId="{DECC6718-5F24-BDAA-388D-0A307F230B69}"/>
          </ac:spMkLst>
        </pc:spChg>
      </pc:sldChg>
      <pc:sldChg chg="new del">
        <pc:chgData name="芳彦 植野" userId="86ab4e6fb1040a80" providerId="LiveId" clId="{BFBCDECB-9651-4182-BD0E-B931606F27C9}" dt="2023-09-24T03:07:14.062" v="46" actId="2696"/>
        <pc:sldMkLst>
          <pc:docMk/>
          <pc:sldMk cId="2903798721" sldId="2885"/>
        </pc:sldMkLst>
      </pc:sldChg>
      <pc:sldChg chg="new del">
        <pc:chgData name="芳彦 植野" userId="86ab4e6fb1040a80" providerId="LiveId" clId="{BFBCDECB-9651-4182-BD0E-B931606F27C9}" dt="2023-09-24T03:10:13.476" v="61" actId="2696"/>
        <pc:sldMkLst>
          <pc:docMk/>
          <pc:sldMk cId="3634210172" sldId="2886"/>
        </pc:sldMkLst>
      </pc:sldChg>
      <pc:sldChg chg="new del">
        <pc:chgData name="芳彦 植野" userId="86ab4e6fb1040a80" providerId="LiveId" clId="{BFBCDECB-9651-4182-BD0E-B931606F27C9}" dt="2023-09-24T03:24:54.784" v="369" actId="2696"/>
        <pc:sldMkLst>
          <pc:docMk/>
          <pc:sldMk cId="1262493618" sldId="2887"/>
        </pc:sldMkLst>
      </pc:sldChg>
      <pc:sldChg chg="new del">
        <pc:chgData name="芳彦 植野" userId="86ab4e6fb1040a80" providerId="LiveId" clId="{BFBCDECB-9651-4182-BD0E-B931606F27C9}" dt="2023-09-24T03:24:55.483" v="370" actId="2696"/>
        <pc:sldMkLst>
          <pc:docMk/>
          <pc:sldMk cId="3921274269" sldId="2888"/>
        </pc:sldMkLst>
      </pc:sldChg>
      <pc:sldChg chg="new del">
        <pc:chgData name="芳彦 植野" userId="86ab4e6fb1040a80" providerId="LiveId" clId="{BFBCDECB-9651-4182-BD0E-B931606F27C9}" dt="2023-09-24T03:24:56.891" v="371" actId="2696"/>
        <pc:sldMkLst>
          <pc:docMk/>
          <pc:sldMk cId="3517339976" sldId="2889"/>
        </pc:sldMkLst>
      </pc:sldChg>
      <pc:sldChg chg="add del setBg">
        <pc:chgData name="芳彦 植野" userId="86ab4e6fb1040a80" providerId="LiveId" clId="{BFBCDECB-9651-4182-BD0E-B931606F27C9}" dt="2023-09-24T03:16:49.973" v="82" actId="2696"/>
        <pc:sldMkLst>
          <pc:docMk/>
          <pc:sldMk cId="0" sldId="2890"/>
        </pc:sldMkLst>
      </pc:sldChg>
      <pc:sldChg chg="add del setBg">
        <pc:chgData name="芳彦 植野" userId="86ab4e6fb1040a80" providerId="LiveId" clId="{BFBCDECB-9651-4182-BD0E-B931606F27C9}" dt="2023-09-24T03:16:43.516" v="81" actId="2696"/>
        <pc:sldMkLst>
          <pc:docMk/>
          <pc:sldMk cId="0" sldId="2891"/>
        </pc:sldMkLst>
      </pc:sldChg>
      <pc:sldChg chg="modSp add del mod setBg">
        <pc:chgData name="芳彦 植野" userId="86ab4e6fb1040a80" providerId="LiveId" clId="{BFBCDECB-9651-4182-BD0E-B931606F27C9}" dt="2023-10-21T21:51:11.088" v="4404" actId="2696"/>
        <pc:sldMkLst>
          <pc:docMk/>
          <pc:sldMk cId="0" sldId="2892"/>
        </pc:sldMkLst>
        <pc:spChg chg="mod">
          <ac:chgData name="芳彦 植野" userId="86ab4e6fb1040a80" providerId="LiveId" clId="{BFBCDECB-9651-4182-BD0E-B931606F27C9}" dt="2023-09-24T03:21:52.676" v="361" actId="255"/>
          <ac:spMkLst>
            <pc:docMk/>
            <pc:sldMk cId="0" sldId="2892"/>
            <ac:spMk id="53" creationId="{00000000-0000-0000-0000-000000000000}"/>
          </ac:spMkLst>
        </pc:spChg>
      </pc:sldChg>
      <pc:sldChg chg="modSp add del mod setBg">
        <pc:chgData name="芳彦 植野" userId="86ab4e6fb1040a80" providerId="LiveId" clId="{BFBCDECB-9651-4182-BD0E-B931606F27C9}" dt="2024-03-18T05:17:30.210" v="6700" actId="2696"/>
        <pc:sldMkLst>
          <pc:docMk/>
          <pc:sldMk cId="1154156214" sldId="2893"/>
        </pc:sldMkLst>
        <pc:spChg chg="mod">
          <ac:chgData name="芳彦 植野" userId="86ab4e6fb1040a80" providerId="LiveId" clId="{BFBCDECB-9651-4182-BD0E-B931606F27C9}" dt="2024-01-08T08:19:19.004" v="4732"/>
          <ac:spMkLst>
            <pc:docMk/>
            <pc:sldMk cId="1154156214" sldId="2893"/>
            <ac:spMk id="2" creationId="{F652D511-F8C6-862D-A92D-38D88A040697}"/>
          </ac:spMkLst>
        </pc:spChg>
        <pc:spChg chg="mod">
          <ac:chgData name="芳彦 植野" userId="86ab4e6fb1040a80" providerId="LiveId" clId="{BFBCDECB-9651-4182-BD0E-B931606F27C9}" dt="2024-03-17T23:51:32.434" v="6315" actId="20577"/>
          <ac:spMkLst>
            <pc:docMk/>
            <pc:sldMk cId="1154156214" sldId="2893"/>
            <ac:spMk id="3" creationId="{26B6B0B8-DE1A-4B7C-AAC8-E0AB6A360189}"/>
          </ac:spMkLst>
        </pc:spChg>
      </pc:sldChg>
      <pc:sldChg chg="add del setBg">
        <pc:chgData name="芳彦 植野" userId="86ab4e6fb1040a80" providerId="LiveId" clId="{BFBCDECB-9651-4182-BD0E-B931606F27C9}" dt="2024-01-06T10:51:44.180" v="4726" actId="2696"/>
        <pc:sldMkLst>
          <pc:docMk/>
          <pc:sldMk cId="2811051347" sldId="2894"/>
        </pc:sldMkLst>
        <pc:spChg chg="mod">
          <ac:chgData name="芳彦 植野" userId="86ab4e6fb1040a80" providerId="LiveId" clId="{BFBCDECB-9651-4182-BD0E-B931606F27C9}" dt="2023-09-24T07:45:29.704" v="927" actId="20577"/>
          <ac:spMkLst>
            <pc:docMk/>
            <pc:sldMk cId="2811051347" sldId="2894"/>
            <ac:spMk id="3" creationId="{26B6B0B8-DE1A-4B7C-AAC8-E0AB6A360189}"/>
          </ac:spMkLst>
        </pc:spChg>
      </pc:sldChg>
      <pc:sldChg chg="modSp add del mod setBg">
        <pc:chgData name="芳彦 植野" userId="86ab4e6fb1040a80" providerId="LiveId" clId="{BFBCDECB-9651-4182-BD0E-B931606F27C9}" dt="2024-03-12T23:33:56.595" v="6040" actId="2696"/>
        <pc:sldMkLst>
          <pc:docMk/>
          <pc:sldMk cId="2430663733" sldId="2895"/>
        </pc:sldMkLst>
        <pc:spChg chg="mod">
          <ac:chgData name="芳彦 植野" userId="86ab4e6fb1040a80" providerId="LiveId" clId="{BFBCDECB-9651-4182-BD0E-B931606F27C9}" dt="2024-01-08T08:19:19.004" v="4732"/>
          <ac:spMkLst>
            <pc:docMk/>
            <pc:sldMk cId="2430663733" sldId="2895"/>
            <ac:spMk id="2" creationId="{F652D511-F8C6-862D-A92D-38D88A040697}"/>
          </ac:spMkLst>
        </pc:spChg>
        <pc:spChg chg="mod">
          <ac:chgData name="芳彦 植野" userId="86ab4e6fb1040a80" providerId="LiveId" clId="{BFBCDECB-9651-4182-BD0E-B931606F27C9}" dt="2024-01-08T08:19:19.004" v="4732"/>
          <ac:spMkLst>
            <pc:docMk/>
            <pc:sldMk cId="2430663733" sldId="2895"/>
            <ac:spMk id="3" creationId="{26B6B0B8-DE1A-4B7C-AAC8-E0AB6A360189}"/>
          </ac:spMkLst>
        </pc:spChg>
      </pc:sldChg>
      <pc:sldChg chg="add del">
        <pc:chgData name="芳彦 植野" userId="86ab4e6fb1040a80" providerId="LiveId" clId="{BFBCDECB-9651-4182-BD0E-B931606F27C9}" dt="2023-09-24T22:07:02.599" v="2646" actId="2696"/>
        <pc:sldMkLst>
          <pc:docMk/>
          <pc:sldMk cId="143651908" sldId="2896"/>
        </pc:sldMkLst>
      </pc:sldChg>
      <pc:sldChg chg="modSp add mod">
        <pc:chgData name="芳彦 植野" userId="86ab4e6fb1040a80" providerId="LiveId" clId="{BFBCDECB-9651-4182-BD0E-B931606F27C9}" dt="2024-01-08T19:55:31.793" v="4948" actId="14100"/>
        <pc:sldMkLst>
          <pc:docMk/>
          <pc:sldMk cId="697849466" sldId="2896"/>
        </pc:sldMkLst>
        <pc:spChg chg="mod">
          <ac:chgData name="芳彦 植野" userId="86ab4e6fb1040a80" providerId="LiveId" clId="{BFBCDECB-9651-4182-BD0E-B931606F27C9}" dt="2024-01-08T08:19:19.004" v="4732"/>
          <ac:spMkLst>
            <pc:docMk/>
            <pc:sldMk cId="697849466" sldId="2896"/>
            <ac:spMk id="2" creationId="{F652D511-F8C6-862D-A92D-38D88A040697}"/>
          </ac:spMkLst>
        </pc:spChg>
        <pc:spChg chg="mod">
          <ac:chgData name="芳彦 植野" userId="86ab4e6fb1040a80" providerId="LiveId" clId="{BFBCDECB-9651-4182-BD0E-B931606F27C9}" dt="2024-01-08T19:55:31.793" v="4948" actId="14100"/>
          <ac:spMkLst>
            <pc:docMk/>
            <pc:sldMk cId="697849466" sldId="2896"/>
            <ac:spMk id="3" creationId="{26B6B0B8-DE1A-4B7C-AAC8-E0AB6A360189}"/>
          </ac:spMkLst>
        </pc:spChg>
      </pc:sldChg>
      <pc:sldChg chg="modSp add mod">
        <pc:chgData name="芳彦 植野" userId="86ab4e6fb1040a80" providerId="LiveId" clId="{BFBCDECB-9651-4182-BD0E-B931606F27C9}" dt="2024-01-08T08:26:34.392" v="4798" actId="14100"/>
        <pc:sldMkLst>
          <pc:docMk/>
          <pc:sldMk cId="2074533326" sldId="2897"/>
        </pc:sldMkLst>
        <pc:spChg chg="mod">
          <ac:chgData name="芳彦 植野" userId="86ab4e6fb1040a80" providerId="LiveId" clId="{BFBCDECB-9651-4182-BD0E-B931606F27C9}" dt="2024-01-08T08:19:19.004" v="4732"/>
          <ac:spMkLst>
            <pc:docMk/>
            <pc:sldMk cId="2074533326" sldId="2897"/>
            <ac:spMk id="2" creationId="{F652D511-F8C6-862D-A92D-38D88A040697}"/>
          </ac:spMkLst>
        </pc:spChg>
        <pc:spChg chg="mod">
          <ac:chgData name="芳彦 植野" userId="86ab4e6fb1040a80" providerId="LiveId" clId="{BFBCDECB-9651-4182-BD0E-B931606F27C9}" dt="2024-01-08T08:26:34.392" v="4798" actId="14100"/>
          <ac:spMkLst>
            <pc:docMk/>
            <pc:sldMk cId="2074533326" sldId="2897"/>
            <ac:spMk id="3" creationId="{26B6B0B8-DE1A-4B7C-AAC8-E0AB6A360189}"/>
          </ac:spMkLst>
        </pc:spChg>
      </pc:sldChg>
      <pc:sldChg chg="add del">
        <pc:chgData name="芳彦 植野" userId="86ab4e6fb1040a80" providerId="LiveId" clId="{BFBCDECB-9651-4182-BD0E-B931606F27C9}" dt="2023-09-24T10:02:33.687" v="1078" actId="2696"/>
        <pc:sldMkLst>
          <pc:docMk/>
          <pc:sldMk cId="3490202345" sldId="2898"/>
        </pc:sldMkLst>
      </pc:sldChg>
      <pc:sldChg chg="modSp add del mod">
        <pc:chgData name="芳彦 植野" userId="86ab4e6fb1040a80" providerId="LiveId" clId="{BFBCDECB-9651-4182-BD0E-B931606F27C9}" dt="2024-01-08T19:51:01.573" v="4817" actId="2696"/>
        <pc:sldMkLst>
          <pc:docMk/>
          <pc:sldMk cId="201027317" sldId="2899"/>
        </pc:sldMkLst>
        <pc:spChg chg="mod">
          <ac:chgData name="芳彦 植野" userId="86ab4e6fb1040a80" providerId="LiveId" clId="{BFBCDECB-9651-4182-BD0E-B931606F27C9}" dt="2024-01-08T08:19:19.004" v="4732"/>
          <ac:spMkLst>
            <pc:docMk/>
            <pc:sldMk cId="201027317" sldId="2899"/>
            <ac:spMk id="2" creationId="{F652D511-F8C6-862D-A92D-38D88A040697}"/>
          </ac:spMkLst>
        </pc:spChg>
        <pc:spChg chg="mod">
          <ac:chgData name="芳彦 植野" userId="86ab4e6fb1040a80" providerId="LiveId" clId="{BFBCDECB-9651-4182-BD0E-B931606F27C9}" dt="2024-01-08T08:19:19.004" v="4732"/>
          <ac:spMkLst>
            <pc:docMk/>
            <pc:sldMk cId="201027317" sldId="2899"/>
            <ac:spMk id="3" creationId="{26B6B0B8-DE1A-4B7C-AAC8-E0AB6A360189}"/>
          </ac:spMkLst>
        </pc:spChg>
      </pc:sldChg>
      <pc:sldChg chg="modSp add del mod">
        <pc:chgData name="芳彦 植野" userId="86ab4e6fb1040a80" providerId="LiveId" clId="{BFBCDECB-9651-4182-BD0E-B931606F27C9}" dt="2024-03-12T23:30:13.342" v="5770" actId="2696"/>
        <pc:sldMkLst>
          <pc:docMk/>
          <pc:sldMk cId="3915366380" sldId="2900"/>
        </pc:sldMkLst>
        <pc:spChg chg="mod">
          <ac:chgData name="芳彦 植野" userId="86ab4e6fb1040a80" providerId="LiveId" clId="{BFBCDECB-9651-4182-BD0E-B931606F27C9}" dt="2024-01-08T08:19:19.004" v="4732"/>
          <ac:spMkLst>
            <pc:docMk/>
            <pc:sldMk cId="3915366380" sldId="2900"/>
            <ac:spMk id="2" creationId="{F652D511-F8C6-862D-A92D-38D88A040697}"/>
          </ac:spMkLst>
        </pc:spChg>
        <pc:spChg chg="mod">
          <ac:chgData name="芳彦 植野" userId="86ab4e6fb1040a80" providerId="LiveId" clId="{BFBCDECB-9651-4182-BD0E-B931606F27C9}" dt="2024-01-08T08:19:19.004" v="4732"/>
          <ac:spMkLst>
            <pc:docMk/>
            <pc:sldMk cId="3915366380" sldId="2900"/>
            <ac:spMk id="3" creationId="{26B6B0B8-DE1A-4B7C-AAC8-E0AB6A360189}"/>
          </ac:spMkLst>
        </pc:spChg>
      </pc:sldChg>
      <pc:sldChg chg="add del">
        <pc:chgData name="芳彦 植野" userId="86ab4e6fb1040a80" providerId="LiveId" clId="{BFBCDECB-9651-4182-BD0E-B931606F27C9}" dt="2024-03-17T23:52:01.257" v="6316" actId="2696"/>
        <pc:sldMkLst>
          <pc:docMk/>
          <pc:sldMk cId="3009567186" sldId="2901"/>
        </pc:sldMkLst>
      </pc:sldChg>
      <pc:sldChg chg="add del">
        <pc:chgData name="芳彦 植野" userId="86ab4e6fb1040a80" providerId="LiveId" clId="{BFBCDECB-9651-4182-BD0E-B931606F27C9}" dt="2024-01-08T20:00:24.610" v="4971" actId="2696"/>
        <pc:sldMkLst>
          <pc:docMk/>
          <pc:sldMk cId="3080810971" sldId="2901"/>
        </pc:sldMkLst>
      </pc:sldChg>
      <pc:sldChg chg="add del">
        <pc:chgData name="芳彦 植野" userId="86ab4e6fb1040a80" providerId="LiveId" clId="{BFBCDECB-9651-4182-BD0E-B931606F27C9}" dt="2024-03-16T19:13:01.146" v="6157" actId="2696"/>
        <pc:sldMkLst>
          <pc:docMk/>
          <pc:sldMk cId="3715881756" sldId="2902"/>
        </pc:sldMkLst>
        <pc:picChg chg="add mod">
          <ac:chgData name="芳彦 植野" userId="86ab4e6fb1040a80" providerId="LiveId" clId="{BFBCDECB-9651-4182-BD0E-B931606F27C9}" dt="2024-01-13T23:23:30.641" v="5361" actId="962"/>
          <ac:picMkLst>
            <pc:docMk/>
            <pc:sldMk cId="3715881756" sldId="2902"/>
            <ac:picMk id="4" creationId="{15BDF7F4-0601-F436-CCED-68CFB99472FB}"/>
          </ac:picMkLst>
        </pc:picChg>
      </pc:sldChg>
      <pc:sldChg chg="addSp modSp new del mod setBg">
        <pc:chgData name="芳彦 植野" userId="86ab4e6fb1040a80" providerId="LiveId" clId="{BFBCDECB-9651-4182-BD0E-B931606F27C9}" dt="2024-03-09T20:33:51.011" v="5630" actId="2696"/>
        <pc:sldMkLst>
          <pc:docMk/>
          <pc:sldMk cId="1213809520" sldId="2903"/>
        </pc:sldMkLst>
        <pc:spChg chg="mod ord">
          <ac:chgData name="芳彦 植野" userId="86ab4e6fb1040a80" providerId="LiveId" clId="{BFBCDECB-9651-4182-BD0E-B931606F27C9}" dt="2024-01-13T23:27:21.171" v="5366" actId="26606"/>
          <ac:spMkLst>
            <pc:docMk/>
            <pc:sldMk cId="1213809520" sldId="2903"/>
            <ac:spMk id="2" creationId="{0D69586D-654B-69D3-4F42-E4FCEA9D5910}"/>
          </ac:spMkLst>
        </pc:spChg>
        <pc:spChg chg="add">
          <ac:chgData name="芳彦 植野" userId="86ab4e6fb1040a80" providerId="LiveId" clId="{BFBCDECB-9651-4182-BD0E-B931606F27C9}" dt="2024-01-13T23:27:21.171" v="5366" actId="26606"/>
          <ac:spMkLst>
            <pc:docMk/>
            <pc:sldMk cId="1213809520" sldId="2903"/>
            <ac:spMk id="8" creationId="{42A4FC2C-047E-45A5-965D-8E1E3BF09BC6}"/>
          </ac:spMkLst>
        </pc:spChg>
        <pc:picChg chg="add mod">
          <ac:chgData name="芳彦 植野" userId="86ab4e6fb1040a80" providerId="LiveId" clId="{BFBCDECB-9651-4182-BD0E-B931606F27C9}" dt="2024-01-13T23:27:21.171" v="5366" actId="26606"/>
          <ac:picMkLst>
            <pc:docMk/>
            <pc:sldMk cId="1213809520" sldId="2903"/>
            <ac:picMk id="3" creationId="{E3C90ADD-CB70-0DFD-01E5-CC68BB996360}"/>
          </ac:picMkLst>
        </pc:picChg>
      </pc:sldChg>
      <pc:sldChg chg="addSp modSp new del mod">
        <pc:chgData name="芳彦 植野" userId="86ab4e6fb1040a80" providerId="LiveId" clId="{BFBCDECB-9651-4182-BD0E-B931606F27C9}" dt="2024-03-09T20:33:46.130" v="5629" actId="2696"/>
        <pc:sldMkLst>
          <pc:docMk/>
          <pc:sldMk cId="1666775993" sldId="2904"/>
        </pc:sldMkLst>
        <pc:picChg chg="add mod">
          <ac:chgData name="芳彦 植野" userId="86ab4e6fb1040a80" providerId="LiveId" clId="{BFBCDECB-9651-4182-BD0E-B931606F27C9}" dt="2024-01-13T23:27:47.396" v="5368" actId="14100"/>
          <ac:picMkLst>
            <pc:docMk/>
            <pc:sldMk cId="1666775993" sldId="2904"/>
            <ac:picMk id="3" creationId="{52C369F6-554D-C93D-0A78-60F996D858C3}"/>
          </ac:picMkLst>
        </pc:picChg>
      </pc:sldChg>
      <pc:sldChg chg="addSp new del">
        <pc:chgData name="芳彦 植野" userId="86ab4e6fb1040a80" providerId="LiveId" clId="{BFBCDECB-9651-4182-BD0E-B931606F27C9}" dt="2024-03-16T19:13:02.417" v="6158" actId="2696"/>
        <pc:sldMkLst>
          <pc:docMk/>
          <pc:sldMk cId="274995319" sldId="2905"/>
        </pc:sldMkLst>
        <pc:picChg chg="add">
          <ac:chgData name="芳彦 植野" userId="86ab4e6fb1040a80" providerId="LiveId" clId="{BFBCDECB-9651-4182-BD0E-B931606F27C9}" dt="2024-01-13T23:27:14.767" v="5365"/>
          <ac:picMkLst>
            <pc:docMk/>
            <pc:sldMk cId="274995319" sldId="2905"/>
            <ac:picMk id="3" creationId="{30863F63-AC24-263F-7B97-D2EEFF737258}"/>
          </ac:picMkLst>
        </pc:picChg>
      </pc:sldChg>
      <pc:sldChg chg="addSp delSp modSp new del mod setBg">
        <pc:chgData name="芳彦 植野" userId="86ab4e6fb1040a80" providerId="LiveId" clId="{BFBCDECB-9651-4182-BD0E-B931606F27C9}" dt="2024-03-16T19:13:03.645" v="6159" actId="2696"/>
        <pc:sldMkLst>
          <pc:docMk/>
          <pc:sldMk cId="3071745325" sldId="2906"/>
        </pc:sldMkLst>
        <pc:spChg chg="mod ord">
          <ac:chgData name="芳彦 植野" userId="86ab4e6fb1040a80" providerId="LiveId" clId="{BFBCDECB-9651-4182-BD0E-B931606F27C9}" dt="2024-01-13T23:43:29.095" v="5409" actId="26606"/>
          <ac:spMkLst>
            <pc:docMk/>
            <pc:sldMk cId="3071745325" sldId="2906"/>
            <ac:spMk id="2" creationId="{AEF2F386-93EC-7303-1E1E-33C737ACE23D}"/>
          </ac:spMkLst>
        </pc:spChg>
        <pc:spChg chg="add del">
          <ac:chgData name="芳彦 植野" userId="86ab4e6fb1040a80" providerId="LiveId" clId="{BFBCDECB-9651-4182-BD0E-B931606F27C9}" dt="2024-01-13T23:40:16.717" v="5392" actId="26606"/>
          <ac:spMkLst>
            <pc:docMk/>
            <pc:sldMk cId="3071745325" sldId="2906"/>
            <ac:spMk id="9" creationId="{22C6C9C9-83BF-4A6C-A1BF-C1735C61B4FF}"/>
          </ac:spMkLst>
        </pc:spChg>
        <pc:spChg chg="add del">
          <ac:chgData name="芳彦 植野" userId="86ab4e6fb1040a80" providerId="LiveId" clId="{BFBCDECB-9651-4182-BD0E-B931606F27C9}" dt="2024-01-13T23:40:50.779" v="5400" actId="26606"/>
          <ac:spMkLst>
            <pc:docMk/>
            <pc:sldMk cId="3071745325" sldId="2906"/>
            <ac:spMk id="11" creationId="{E9DCA5EA-C9F1-43F7-8CD9-E7D77919EBE7}"/>
          </ac:spMkLst>
        </pc:spChg>
        <pc:spChg chg="add del">
          <ac:chgData name="芳彦 植野" userId="86ab4e6fb1040a80" providerId="LiveId" clId="{BFBCDECB-9651-4182-BD0E-B931606F27C9}" dt="2024-01-13T23:43:29.095" v="5409" actId="26606"/>
          <ac:spMkLst>
            <pc:docMk/>
            <pc:sldMk cId="3071745325" sldId="2906"/>
            <ac:spMk id="16" creationId="{22F15A2D-2324-487D-A02A-BF46C5C580EB}"/>
          </ac:spMkLst>
        </pc:spChg>
        <pc:spChg chg="add del">
          <ac:chgData name="芳彦 植野" userId="86ab4e6fb1040a80" providerId="LiveId" clId="{BFBCDECB-9651-4182-BD0E-B931606F27C9}" dt="2024-01-13T23:43:29.095" v="5409" actId="26606"/>
          <ac:spMkLst>
            <pc:docMk/>
            <pc:sldMk cId="3071745325" sldId="2906"/>
            <ac:spMk id="18" creationId="{2AEAFA59-923A-4F54-8B49-44C970BCC323}"/>
          </ac:spMkLst>
        </pc:spChg>
        <pc:spChg chg="add del">
          <ac:chgData name="芳彦 植野" userId="86ab4e6fb1040a80" providerId="LiveId" clId="{BFBCDECB-9651-4182-BD0E-B931606F27C9}" dt="2024-01-13T23:43:29.095" v="5409" actId="26606"/>
          <ac:spMkLst>
            <pc:docMk/>
            <pc:sldMk cId="3071745325" sldId="2906"/>
            <ac:spMk id="20" creationId="{C37E9D4B-7BFA-4D10-B666-547BAC499469}"/>
          </ac:spMkLst>
        </pc:spChg>
        <pc:spChg chg="add del">
          <ac:chgData name="芳彦 植野" userId="86ab4e6fb1040a80" providerId="LiveId" clId="{BFBCDECB-9651-4182-BD0E-B931606F27C9}" dt="2024-01-13T23:43:29.090" v="5408" actId="26606"/>
          <ac:spMkLst>
            <pc:docMk/>
            <pc:sldMk cId="3071745325" sldId="2906"/>
            <ac:spMk id="25" creationId="{73EDB3DA-AEF0-428A-A317-C42827E6C836}"/>
          </ac:spMkLst>
        </pc:spChg>
        <pc:spChg chg="add del">
          <ac:chgData name="芳彦 植野" userId="86ab4e6fb1040a80" providerId="LiveId" clId="{BFBCDECB-9651-4182-BD0E-B931606F27C9}" dt="2024-01-13T23:43:29.090" v="5408" actId="26606"/>
          <ac:spMkLst>
            <pc:docMk/>
            <pc:sldMk cId="3071745325" sldId="2906"/>
            <ac:spMk id="27" creationId="{4A06AD8B-0227-4FF6-AEB4-C66C5A5398C1}"/>
          </ac:spMkLst>
        </pc:spChg>
        <pc:spChg chg="add del">
          <ac:chgData name="芳彦 植野" userId="86ab4e6fb1040a80" providerId="LiveId" clId="{BFBCDECB-9651-4182-BD0E-B931606F27C9}" dt="2024-01-13T23:43:29.090" v="5408" actId="26606"/>
          <ac:spMkLst>
            <pc:docMk/>
            <pc:sldMk cId="3071745325" sldId="2906"/>
            <ac:spMk id="29" creationId="{5DFACEB2-7564-4FB9-B739-C2CE339BA3D2}"/>
          </ac:spMkLst>
        </pc:spChg>
        <pc:picChg chg="add mod ord">
          <ac:chgData name="芳彦 植野" userId="86ab4e6fb1040a80" providerId="LiveId" clId="{BFBCDECB-9651-4182-BD0E-B931606F27C9}" dt="2024-01-13T23:43:29.095" v="5409" actId="26606"/>
          <ac:picMkLst>
            <pc:docMk/>
            <pc:sldMk cId="3071745325" sldId="2906"/>
            <ac:picMk id="3" creationId="{E49371B1-5725-8B83-3473-A1752047B7B2}"/>
          </ac:picMkLst>
        </pc:picChg>
        <pc:picChg chg="add mod ord">
          <ac:chgData name="芳彦 植野" userId="86ab4e6fb1040a80" providerId="LiveId" clId="{BFBCDECB-9651-4182-BD0E-B931606F27C9}" dt="2024-01-13T23:43:29.095" v="5409" actId="26606"/>
          <ac:picMkLst>
            <pc:docMk/>
            <pc:sldMk cId="3071745325" sldId="2906"/>
            <ac:picMk id="4" creationId="{C36098EE-D14A-8C74-B91D-E6D6B6572DD1}"/>
          </ac:picMkLst>
        </pc:picChg>
      </pc:sldChg>
      <pc:sldChg chg="addSp new del">
        <pc:chgData name="芳彦 植野" userId="86ab4e6fb1040a80" providerId="LiveId" clId="{BFBCDECB-9651-4182-BD0E-B931606F27C9}" dt="2024-01-14T07:35:38.171" v="5474" actId="2696"/>
        <pc:sldMkLst>
          <pc:docMk/>
          <pc:sldMk cId="3249691718" sldId="2907"/>
        </pc:sldMkLst>
        <pc:picChg chg="add">
          <ac:chgData name="芳彦 植野" userId="86ab4e6fb1040a80" providerId="LiveId" clId="{BFBCDECB-9651-4182-BD0E-B931606F27C9}" dt="2024-01-13T23:29:07.773" v="5372"/>
          <ac:picMkLst>
            <pc:docMk/>
            <pc:sldMk cId="3249691718" sldId="2907"/>
            <ac:picMk id="3" creationId="{9DA19115-7E01-C897-D6AD-F73EEC56D96F}"/>
          </ac:picMkLst>
        </pc:picChg>
      </pc:sldChg>
      <pc:sldChg chg="addSp delSp modSp new del mod setBg">
        <pc:chgData name="芳彦 植野" userId="86ab4e6fb1040a80" providerId="LiveId" clId="{BFBCDECB-9651-4182-BD0E-B931606F27C9}" dt="2024-03-16T19:12:59.689" v="6156" actId="2696"/>
        <pc:sldMkLst>
          <pc:docMk/>
          <pc:sldMk cId="3263297924" sldId="2908"/>
        </pc:sldMkLst>
        <pc:spChg chg="mod ord">
          <ac:chgData name="芳彦 植野" userId="86ab4e6fb1040a80" providerId="LiveId" clId="{BFBCDECB-9651-4182-BD0E-B931606F27C9}" dt="2024-01-13T23:43:09.552" v="5406" actId="26606"/>
          <ac:spMkLst>
            <pc:docMk/>
            <pc:sldMk cId="3263297924" sldId="2908"/>
            <ac:spMk id="2" creationId="{A38DFEAF-B3FD-ECFC-495B-0755C9B9EA6A}"/>
          </ac:spMkLst>
        </pc:spChg>
        <pc:spChg chg="add del">
          <ac:chgData name="芳彦 植野" userId="86ab4e6fb1040a80" providerId="LiveId" clId="{BFBCDECB-9651-4182-BD0E-B931606F27C9}" dt="2024-01-13T23:41:48.680" v="5402" actId="26606"/>
          <ac:spMkLst>
            <pc:docMk/>
            <pc:sldMk cId="3263297924" sldId="2908"/>
            <ac:spMk id="11" creationId="{9E90EB45-EEE9-4563-8179-65EF62AE0978}"/>
          </ac:spMkLst>
        </pc:spChg>
        <pc:spChg chg="add del">
          <ac:chgData name="芳彦 植野" userId="86ab4e6fb1040a80" providerId="LiveId" clId="{BFBCDECB-9651-4182-BD0E-B931606F27C9}" dt="2024-01-13T23:41:48.680" v="5402" actId="26606"/>
          <ac:spMkLst>
            <pc:docMk/>
            <pc:sldMk cId="3263297924" sldId="2908"/>
            <ac:spMk id="13" creationId="{23D0EF74-AD1E-4FD9-914D-8EC9058EBBA3}"/>
          </ac:spMkLst>
        </pc:spChg>
        <pc:spChg chg="add del">
          <ac:chgData name="芳彦 植野" userId="86ab4e6fb1040a80" providerId="LiveId" clId="{BFBCDECB-9651-4182-BD0E-B931606F27C9}" dt="2024-01-13T23:43:09.552" v="5406" actId="26606"/>
          <ac:spMkLst>
            <pc:docMk/>
            <pc:sldMk cId="3263297924" sldId="2908"/>
            <ac:spMk id="15" creationId="{2AEAFA59-923A-4F54-8B49-44C970BCC323}"/>
          </ac:spMkLst>
        </pc:spChg>
        <pc:spChg chg="add del">
          <ac:chgData name="芳彦 植野" userId="86ab4e6fb1040a80" providerId="LiveId" clId="{BFBCDECB-9651-4182-BD0E-B931606F27C9}" dt="2024-01-13T23:43:09.552" v="5406" actId="26606"/>
          <ac:spMkLst>
            <pc:docMk/>
            <pc:sldMk cId="3263297924" sldId="2908"/>
            <ac:spMk id="16" creationId="{22F15A2D-2324-487D-A02A-BF46C5C580EB}"/>
          </ac:spMkLst>
        </pc:spChg>
        <pc:spChg chg="add del">
          <ac:chgData name="芳彦 植野" userId="86ab4e6fb1040a80" providerId="LiveId" clId="{BFBCDECB-9651-4182-BD0E-B931606F27C9}" dt="2024-01-13T23:43:09.552" v="5406" actId="26606"/>
          <ac:spMkLst>
            <pc:docMk/>
            <pc:sldMk cId="3263297924" sldId="2908"/>
            <ac:spMk id="17" creationId="{17A7F34E-D418-47E2-9F86-2C45BBC31210}"/>
          </ac:spMkLst>
        </pc:spChg>
        <pc:spChg chg="add">
          <ac:chgData name="芳彦 植野" userId="86ab4e6fb1040a80" providerId="LiveId" clId="{BFBCDECB-9651-4182-BD0E-B931606F27C9}" dt="2024-01-13T23:43:09.552" v="5406" actId="26606"/>
          <ac:spMkLst>
            <pc:docMk/>
            <pc:sldMk cId="3263297924" sldId="2908"/>
            <ac:spMk id="22" creationId="{A9F529C3-C941-49FD-8C67-82F134F64BDB}"/>
          </ac:spMkLst>
        </pc:spChg>
        <pc:spChg chg="add">
          <ac:chgData name="芳彦 植野" userId="86ab4e6fb1040a80" providerId="LiveId" clId="{BFBCDECB-9651-4182-BD0E-B931606F27C9}" dt="2024-01-13T23:43:09.552" v="5406" actId="26606"/>
          <ac:spMkLst>
            <pc:docMk/>
            <pc:sldMk cId="3263297924" sldId="2908"/>
            <ac:spMk id="24" creationId="{20586029-32A0-47E5-9AEC-AE3ABA6B94D0}"/>
          </ac:spMkLst>
        </pc:spChg>
        <pc:picChg chg="add mod">
          <ac:chgData name="芳彦 植野" userId="86ab4e6fb1040a80" providerId="LiveId" clId="{BFBCDECB-9651-4182-BD0E-B931606F27C9}" dt="2024-01-13T23:43:09.552" v="5406" actId="26606"/>
          <ac:picMkLst>
            <pc:docMk/>
            <pc:sldMk cId="3263297924" sldId="2908"/>
            <ac:picMk id="4" creationId="{774A6701-0D14-47C5-762C-3E6CCA89DDDE}"/>
          </ac:picMkLst>
        </pc:picChg>
        <pc:picChg chg="add mod">
          <ac:chgData name="芳彦 植野" userId="86ab4e6fb1040a80" providerId="LiveId" clId="{BFBCDECB-9651-4182-BD0E-B931606F27C9}" dt="2024-01-13T23:43:09.552" v="5406" actId="26606"/>
          <ac:picMkLst>
            <pc:docMk/>
            <pc:sldMk cId="3263297924" sldId="2908"/>
            <ac:picMk id="6" creationId="{965E99FA-4038-6010-1560-DEF40454D07A}"/>
          </ac:picMkLst>
        </pc:picChg>
        <pc:cxnChg chg="add">
          <ac:chgData name="芳彦 植野" userId="86ab4e6fb1040a80" providerId="LiveId" clId="{BFBCDECB-9651-4182-BD0E-B931606F27C9}" dt="2024-01-13T23:43:09.552" v="5406" actId="26606"/>
          <ac:cxnSpMkLst>
            <pc:docMk/>
            <pc:sldMk cId="3263297924" sldId="2908"/>
            <ac:cxnSpMk id="26" creationId="{8C730EAB-A532-4295-A302-FB4B90DB9F5E}"/>
          </ac:cxnSpMkLst>
        </pc:cxnChg>
      </pc:sldChg>
      <pc:sldChg chg="modSp new del mod">
        <pc:chgData name="芳彦 植野" userId="86ab4e6fb1040a80" providerId="LiveId" clId="{BFBCDECB-9651-4182-BD0E-B931606F27C9}" dt="2024-03-16T19:12:57.835" v="6155" actId="2696"/>
        <pc:sldMkLst>
          <pc:docMk/>
          <pc:sldMk cId="2479522848" sldId="2909"/>
        </pc:sldMkLst>
        <pc:spChg chg="mod">
          <ac:chgData name="芳彦 植野" userId="86ab4e6fb1040a80" providerId="LiveId" clId="{BFBCDECB-9651-4182-BD0E-B931606F27C9}" dt="2024-01-14T07:10:14.859" v="5473" actId="113"/>
          <ac:spMkLst>
            <pc:docMk/>
            <pc:sldMk cId="2479522848" sldId="2909"/>
            <ac:spMk id="2" creationId="{AEF6AAE3-68C0-1728-7F9C-695FF32B1958}"/>
          </ac:spMkLst>
        </pc:spChg>
      </pc:sldChg>
      <pc:sldChg chg="addSp new mod">
        <pc:chgData name="芳彦 植野" userId="86ab4e6fb1040a80" providerId="LiveId" clId="{BFBCDECB-9651-4182-BD0E-B931606F27C9}" dt="2024-03-08T01:04:31.288" v="5575" actId="22"/>
        <pc:sldMkLst>
          <pc:docMk/>
          <pc:sldMk cId="983697775" sldId="2910"/>
        </pc:sldMkLst>
        <pc:picChg chg="add">
          <ac:chgData name="芳彦 植野" userId="86ab4e6fb1040a80" providerId="LiveId" clId="{BFBCDECB-9651-4182-BD0E-B931606F27C9}" dt="2024-03-08T01:04:31.288" v="5575" actId="22"/>
          <ac:picMkLst>
            <pc:docMk/>
            <pc:sldMk cId="983697775" sldId="2910"/>
            <ac:picMk id="4" creationId="{DF1B8E13-551E-1E54-16E1-DD18BE6D54C3}"/>
          </ac:picMkLst>
        </pc:picChg>
      </pc:sldChg>
      <pc:sldChg chg="addSp new mod">
        <pc:chgData name="芳彦 植野" userId="86ab4e6fb1040a80" providerId="LiveId" clId="{BFBCDECB-9651-4182-BD0E-B931606F27C9}" dt="2024-03-08T01:05:04.715" v="5577" actId="22"/>
        <pc:sldMkLst>
          <pc:docMk/>
          <pc:sldMk cId="3282101487" sldId="2911"/>
        </pc:sldMkLst>
        <pc:picChg chg="add">
          <ac:chgData name="芳彦 植野" userId="86ab4e6fb1040a80" providerId="LiveId" clId="{BFBCDECB-9651-4182-BD0E-B931606F27C9}" dt="2024-03-08T01:05:04.715" v="5577" actId="22"/>
          <ac:picMkLst>
            <pc:docMk/>
            <pc:sldMk cId="3282101487" sldId="2911"/>
            <ac:picMk id="4" creationId="{C115CF29-7084-F6E1-3194-0DA9975E6274}"/>
          </ac:picMkLst>
        </pc:picChg>
      </pc:sldChg>
      <pc:sldChg chg="addSp modSp new mod">
        <pc:chgData name="芳彦 植野" userId="86ab4e6fb1040a80" providerId="LiveId" clId="{BFBCDECB-9651-4182-BD0E-B931606F27C9}" dt="2024-03-16T19:06:21.904" v="6127" actId="1076"/>
        <pc:sldMkLst>
          <pc:docMk/>
          <pc:sldMk cId="2512305868" sldId="2912"/>
        </pc:sldMkLst>
        <pc:picChg chg="add mod">
          <ac:chgData name="芳彦 植野" userId="86ab4e6fb1040a80" providerId="LiveId" clId="{BFBCDECB-9651-4182-BD0E-B931606F27C9}" dt="2024-03-16T19:06:21.904" v="6127" actId="1076"/>
          <ac:picMkLst>
            <pc:docMk/>
            <pc:sldMk cId="2512305868" sldId="2912"/>
            <ac:picMk id="4" creationId="{16420675-F372-F56A-2F7C-056DD48FBF0A}"/>
          </ac:picMkLst>
        </pc:picChg>
      </pc:sldChg>
      <pc:sldChg chg="addSp delSp modSp new del mod">
        <pc:chgData name="芳彦 植野" userId="86ab4e6fb1040a80" providerId="LiveId" clId="{BFBCDECB-9651-4182-BD0E-B931606F27C9}" dt="2024-03-16T19:06:42.054" v="6129" actId="2696"/>
        <pc:sldMkLst>
          <pc:docMk/>
          <pc:sldMk cId="3009234661" sldId="2913"/>
        </pc:sldMkLst>
        <pc:picChg chg="add del mod">
          <ac:chgData name="芳彦 植野" userId="86ab4e6fb1040a80" providerId="LiveId" clId="{BFBCDECB-9651-4182-BD0E-B931606F27C9}" dt="2024-03-16T19:06:35.594" v="6128" actId="21"/>
          <ac:picMkLst>
            <pc:docMk/>
            <pc:sldMk cId="3009234661" sldId="2913"/>
            <ac:picMk id="4" creationId="{9A8481A2-0145-EF17-27EC-415D3516F771}"/>
          </ac:picMkLst>
        </pc:picChg>
      </pc:sldChg>
      <pc:sldChg chg="delSp modSp add mod">
        <pc:chgData name="芳彦 植野" userId="86ab4e6fb1040a80" providerId="LiveId" clId="{BFBCDECB-9651-4182-BD0E-B931606F27C9}" dt="2024-03-10T05:32:28.315" v="5682" actId="21"/>
        <pc:sldMkLst>
          <pc:docMk/>
          <pc:sldMk cId="0" sldId="2915"/>
        </pc:sldMkLst>
        <pc:spChg chg="mod">
          <ac:chgData name="芳彦 植野" userId="86ab4e6fb1040a80" providerId="LiveId" clId="{BFBCDECB-9651-4182-BD0E-B931606F27C9}" dt="2024-03-10T05:31:58.613" v="5678" actId="14100"/>
          <ac:spMkLst>
            <pc:docMk/>
            <pc:sldMk cId="0" sldId="2915"/>
            <ac:spMk id="4" creationId="{00000000-0000-0000-0000-000000000000}"/>
          </ac:spMkLst>
        </pc:spChg>
        <pc:picChg chg="del">
          <ac:chgData name="芳彦 植野" userId="86ab4e6fb1040a80" providerId="LiveId" clId="{BFBCDECB-9651-4182-BD0E-B931606F27C9}" dt="2024-03-10T05:32:28.315" v="5682" actId="21"/>
          <ac:picMkLst>
            <pc:docMk/>
            <pc:sldMk cId="0" sldId="2915"/>
            <ac:picMk id="2" creationId="{00000000-0000-0000-0000-000000000000}"/>
          </ac:picMkLst>
        </pc:picChg>
      </pc:sldChg>
      <pc:sldChg chg="delSp add del mod">
        <pc:chgData name="芳彦 植野" userId="86ab4e6fb1040a80" providerId="LiveId" clId="{BFBCDECB-9651-4182-BD0E-B931606F27C9}" dt="2024-03-16T19:12:28.302" v="6152" actId="2696"/>
        <pc:sldMkLst>
          <pc:docMk/>
          <pc:sldMk cId="0" sldId="2916"/>
        </pc:sldMkLst>
        <pc:picChg chg="del">
          <ac:chgData name="芳彦 植野" userId="86ab4e6fb1040a80" providerId="LiveId" clId="{BFBCDECB-9651-4182-BD0E-B931606F27C9}" dt="2024-03-10T05:40:01.201" v="5718" actId="21"/>
          <ac:picMkLst>
            <pc:docMk/>
            <pc:sldMk cId="0" sldId="2916"/>
            <ac:picMk id="2" creationId="{00000000-0000-0000-0000-000000000000}"/>
          </ac:picMkLst>
        </pc:picChg>
      </pc:sldChg>
      <pc:sldChg chg="addSp modSp new del mod">
        <pc:chgData name="芳彦 植野" userId="86ab4e6fb1040a80" providerId="LiveId" clId="{BFBCDECB-9651-4182-BD0E-B931606F27C9}" dt="2024-03-16T19:06:51.678" v="6130" actId="2696"/>
        <pc:sldMkLst>
          <pc:docMk/>
          <pc:sldMk cId="1480528779" sldId="2917"/>
        </pc:sldMkLst>
        <pc:picChg chg="add mod">
          <ac:chgData name="芳彦 植野" userId="86ab4e6fb1040a80" providerId="LiveId" clId="{BFBCDECB-9651-4182-BD0E-B931606F27C9}" dt="2024-03-10T00:49:29.923" v="5677" actId="14100"/>
          <ac:picMkLst>
            <pc:docMk/>
            <pc:sldMk cId="1480528779" sldId="2917"/>
            <ac:picMk id="4" creationId="{74CEE6F6-BB32-EB17-E10A-AD5272A978D0}"/>
          </ac:picMkLst>
        </pc:picChg>
      </pc:sldChg>
      <pc:sldChg chg="modSp add mod">
        <pc:chgData name="芳彦 植野" userId="86ab4e6fb1040a80" providerId="LiveId" clId="{BFBCDECB-9651-4182-BD0E-B931606F27C9}" dt="2024-03-12T23:33:47.705" v="6039" actId="20577"/>
        <pc:sldMkLst>
          <pc:docMk/>
          <pc:sldMk cId="4166157910" sldId="2918"/>
        </pc:sldMkLst>
        <pc:spChg chg="mod">
          <ac:chgData name="芳彦 植野" userId="86ab4e6fb1040a80" providerId="LiveId" clId="{BFBCDECB-9651-4182-BD0E-B931606F27C9}" dt="2024-03-12T23:33:47.705" v="6039" actId="20577"/>
          <ac:spMkLst>
            <pc:docMk/>
            <pc:sldMk cId="4166157910" sldId="2918"/>
            <ac:spMk id="3" creationId="{26B6B0B8-DE1A-4B7C-AAC8-E0AB6A360189}"/>
          </ac:spMkLst>
        </pc:spChg>
      </pc:sldChg>
      <pc:sldChg chg="addSp modSp new mod">
        <pc:chgData name="芳彦 植野" userId="86ab4e6fb1040a80" providerId="LiveId" clId="{BFBCDECB-9651-4182-BD0E-B931606F27C9}" dt="2024-03-13T11:03:45.063" v="6103" actId="13926"/>
        <pc:sldMkLst>
          <pc:docMk/>
          <pc:sldMk cId="3484370642" sldId="2919"/>
        </pc:sldMkLst>
        <pc:spChg chg="add mod">
          <ac:chgData name="芳彦 植野" userId="86ab4e6fb1040a80" providerId="LiveId" clId="{BFBCDECB-9651-4182-BD0E-B931606F27C9}" dt="2024-03-13T11:03:45.063" v="6103" actId="13926"/>
          <ac:spMkLst>
            <pc:docMk/>
            <pc:sldMk cId="3484370642" sldId="2919"/>
            <ac:spMk id="4" creationId="{FEEB6A0E-ED2F-D6F2-D839-8B9F614206AE}"/>
          </ac:spMkLst>
        </pc:spChg>
      </pc:sldChg>
      <pc:sldChg chg="addSp modSp new mod">
        <pc:chgData name="芳彦 植野" userId="86ab4e6fb1040a80" providerId="LiveId" clId="{BFBCDECB-9651-4182-BD0E-B931606F27C9}" dt="2024-03-13T11:04:31.718" v="6114" actId="1076"/>
        <pc:sldMkLst>
          <pc:docMk/>
          <pc:sldMk cId="4091099367" sldId="2920"/>
        </pc:sldMkLst>
        <pc:spChg chg="add mod">
          <ac:chgData name="芳彦 植野" userId="86ab4e6fb1040a80" providerId="LiveId" clId="{BFBCDECB-9651-4182-BD0E-B931606F27C9}" dt="2024-03-13T11:04:31.718" v="6114" actId="1076"/>
          <ac:spMkLst>
            <pc:docMk/>
            <pc:sldMk cId="4091099367" sldId="2920"/>
            <ac:spMk id="4" creationId="{74664C3E-526D-35FE-181F-6004688A9478}"/>
          </ac:spMkLst>
        </pc:spChg>
      </pc:sldChg>
      <pc:sldChg chg="addSp modSp new mod">
        <pc:chgData name="芳彦 植野" userId="86ab4e6fb1040a80" providerId="LiveId" clId="{BFBCDECB-9651-4182-BD0E-B931606F27C9}" dt="2024-03-13T11:04:49.871" v="6117" actId="1076"/>
        <pc:sldMkLst>
          <pc:docMk/>
          <pc:sldMk cId="551598065" sldId="2921"/>
        </pc:sldMkLst>
        <pc:picChg chg="add mod">
          <ac:chgData name="芳彦 植野" userId="86ab4e6fb1040a80" providerId="LiveId" clId="{BFBCDECB-9651-4182-BD0E-B931606F27C9}" dt="2024-03-13T11:04:49.871" v="6117" actId="1076"/>
          <ac:picMkLst>
            <pc:docMk/>
            <pc:sldMk cId="551598065" sldId="2921"/>
            <ac:picMk id="4" creationId="{248D0735-EE51-7F12-2B63-F137619B0901}"/>
          </ac:picMkLst>
        </pc:picChg>
      </pc:sldChg>
      <pc:sldChg chg="addSp modSp new mod">
        <pc:chgData name="芳彦 植野" userId="86ab4e6fb1040a80" providerId="LiveId" clId="{BFBCDECB-9651-4182-BD0E-B931606F27C9}" dt="2024-03-13T11:05:18.813" v="6118" actId="1076"/>
        <pc:sldMkLst>
          <pc:docMk/>
          <pc:sldMk cId="463793069" sldId="2922"/>
        </pc:sldMkLst>
        <pc:picChg chg="add mod">
          <ac:chgData name="芳彦 植野" userId="86ab4e6fb1040a80" providerId="LiveId" clId="{BFBCDECB-9651-4182-BD0E-B931606F27C9}" dt="2024-03-13T11:05:18.813" v="6118" actId="1076"/>
          <ac:picMkLst>
            <pc:docMk/>
            <pc:sldMk cId="463793069" sldId="2922"/>
            <ac:picMk id="4" creationId="{31099FAB-ACE0-56C8-7973-DEDFCBE22348}"/>
          </ac:picMkLst>
        </pc:picChg>
      </pc:sldChg>
      <pc:sldChg chg="addSp modSp new mod">
        <pc:chgData name="芳彦 植野" userId="86ab4e6fb1040a80" providerId="LiveId" clId="{BFBCDECB-9651-4182-BD0E-B931606F27C9}" dt="2024-03-13T11:05:46.343" v="6119" actId="14100"/>
        <pc:sldMkLst>
          <pc:docMk/>
          <pc:sldMk cId="1267983795" sldId="2923"/>
        </pc:sldMkLst>
        <pc:picChg chg="add mod">
          <ac:chgData name="芳彦 植野" userId="86ab4e6fb1040a80" providerId="LiveId" clId="{BFBCDECB-9651-4182-BD0E-B931606F27C9}" dt="2024-03-13T11:05:46.343" v="6119" actId="14100"/>
          <ac:picMkLst>
            <pc:docMk/>
            <pc:sldMk cId="1267983795" sldId="2923"/>
            <ac:picMk id="4" creationId="{6A140CCC-7F58-788A-BCBA-2FB587B6BC4A}"/>
          </ac:picMkLst>
        </pc:picChg>
      </pc:sldChg>
      <pc:sldChg chg="modSp add mod">
        <pc:chgData name="芳彦 植野" userId="86ab4e6fb1040a80" providerId="LiveId" clId="{BFBCDECB-9651-4182-BD0E-B931606F27C9}" dt="2024-03-17T01:16:42.283" v="6180" actId="255"/>
        <pc:sldMkLst>
          <pc:docMk/>
          <pc:sldMk cId="0" sldId="2924"/>
        </pc:sldMkLst>
        <pc:spChg chg="mod">
          <ac:chgData name="芳彦 植野" userId="86ab4e6fb1040a80" providerId="LiveId" clId="{BFBCDECB-9651-4182-BD0E-B931606F27C9}" dt="2024-03-17T01:16:42.283" v="6180" actId="255"/>
          <ac:spMkLst>
            <pc:docMk/>
            <pc:sldMk cId="0" sldId="2924"/>
            <ac:spMk id="9" creationId="{00000000-0000-0000-0000-000000000000}"/>
          </ac:spMkLst>
        </pc:spChg>
      </pc:sldChg>
      <pc:sldChg chg="new del">
        <pc:chgData name="芳彦 植野" userId="86ab4e6fb1040a80" providerId="LiveId" clId="{BFBCDECB-9651-4182-BD0E-B931606F27C9}" dt="2024-03-13T11:06:28.454" v="6123" actId="2696"/>
        <pc:sldMkLst>
          <pc:docMk/>
          <pc:sldMk cId="3990742500" sldId="2924"/>
        </pc:sldMkLst>
      </pc:sldChg>
      <pc:sldChg chg="modSp add mod">
        <pc:chgData name="芳彦 植野" userId="86ab4e6fb1040a80" providerId="LiveId" clId="{BFBCDECB-9651-4182-BD0E-B931606F27C9}" dt="2024-03-17T01:16:11.266" v="6176" actId="255"/>
        <pc:sldMkLst>
          <pc:docMk/>
          <pc:sldMk cId="0" sldId="2925"/>
        </pc:sldMkLst>
        <pc:spChg chg="mod">
          <ac:chgData name="芳彦 植野" userId="86ab4e6fb1040a80" providerId="LiveId" clId="{BFBCDECB-9651-4182-BD0E-B931606F27C9}" dt="2024-03-17T01:16:11.266" v="6176" actId="255"/>
          <ac:spMkLst>
            <pc:docMk/>
            <pc:sldMk cId="0" sldId="2925"/>
            <ac:spMk id="6" creationId="{00000000-0000-0000-0000-000000000000}"/>
          </ac:spMkLst>
        </pc:spChg>
      </pc:sldChg>
      <pc:sldChg chg="addSp new mod">
        <pc:chgData name="芳彦 植野" userId="86ab4e6fb1040a80" providerId="LiveId" clId="{BFBCDECB-9651-4182-BD0E-B931606F27C9}" dt="2024-03-17T01:39:25.045" v="6190" actId="22"/>
        <pc:sldMkLst>
          <pc:docMk/>
          <pc:sldMk cId="2168720507" sldId="2926"/>
        </pc:sldMkLst>
        <pc:picChg chg="add">
          <ac:chgData name="芳彦 植野" userId="86ab4e6fb1040a80" providerId="LiveId" clId="{BFBCDECB-9651-4182-BD0E-B931606F27C9}" dt="2024-03-17T01:39:25.045" v="6190" actId="22"/>
          <ac:picMkLst>
            <pc:docMk/>
            <pc:sldMk cId="2168720507" sldId="2926"/>
            <ac:picMk id="4" creationId="{E98AB861-3538-12A9-47E2-153AB30457CB}"/>
          </ac:picMkLst>
        </pc:picChg>
      </pc:sldChg>
      <pc:sldChg chg="add del">
        <pc:chgData name="芳彦 植野" userId="86ab4e6fb1040a80" providerId="LiveId" clId="{BFBCDECB-9651-4182-BD0E-B931606F27C9}" dt="2024-03-18T00:04:13.952" v="6332" actId="2696"/>
        <pc:sldMkLst>
          <pc:docMk/>
          <pc:sldMk cId="204602592" sldId="2927"/>
        </pc:sldMkLst>
      </pc:sldChg>
      <pc:sldChg chg="add">
        <pc:chgData name="芳彦 植野" userId="86ab4e6fb1040a80" providerId="LiveId" clId="{BFBCDECB-9651-4182-BD0E-B931606F27C9}" dt="2024-03-17T23:54:27.703" v="6324"/>
        <pc:sldMkLst>
          <pc:docMk/>
          <pc:sldMk cId="0" sldId="2928"/>
        </pc:sldMkLst>
      </pc:sldChg>
      <pc:sldChg chg="modSp add mod">
        <pc:chgData name="芳彦 植野" userId="86ab4e6fb1040a80" providerId="LiveId" clId="{BFBCDECB-9651-4182-BD0E-B931606F27C9}" dt="2024-03-18T05:15:30.587" v="6692" actId="113"/>
        <pc:sldMkLst>
          <pc:docMk/>
          <pc:sldMk cId="0" sldId="2929"/>
        </pc:sldMkLst>
        <pc:spChg chg="mod">
          <ac:chgData name="芳彦 植野" userId="86ab4e6fb1040a80" providerId="LiveId" clId="{BFBCDECB-9651-4182-BD0E-B931606F27C9}" dt="2024-03-18T05:15:30.587" v="6692" actId="113"/>
          <ac:spMkLst>
            <pc:docMk/>
            <pc:sldMk cId="0" sldId="2929"/>
            <ac:spMk id="2" creationId="{00000000-0000-0000-0000-000000000000}"/>
          </ac:spMkLst>
        </pc:spChg>
        <pc:spChg chg="mod">
          <ac:chgData name="芳彦 植野" userId="86ab4e6fb1040a80" providerId="LiveId" clId="{BFBCDECB-9651-4182-BD0E-B931606F27C9}" dt="2024-03-18T04:58:16.754" v="6651"/>
          <ac:spMkLst>
            <pc:docMk/>
            <pc:sldMk cId="0" sldId="2929"/>
            <ac:spMk id="51" creationId="{00000000-0000-0000-0000-000000000000}"/>
          </ac:spMkLst>
        </pc:spChg>
      </pc:sldChg>
      <pc:sldChg chg="add del">
        <pc:chgData name="芳彦 植野" userId="86ab4e6fb1040a80" providerId="LiveId" clId="{BFBCDECB-9651-4182-BD0E-B931606F27C9}" dt="2024-03-18T05:15:05.073" v="6689" actId="2696"/>
        <pc:sldMkLst>
          <pc:docMk/>
          <pc:sldMk cId="0" sldId="2930"/>
        </pc:sldMkLst>
      </pc:sldChg>
      <pc:sldChg chg="modSp add mod">
        <pc:chgData name="芳彦 植野" userId="86ab4e6fb1040a80" providerId="LiveId" clId="{BFBCDECB-9651-4182-BD0E-B931606F27C9}" dt="2024-03-18T05:14:51.816" v="6688" actId="1076"/>
        <pc:sldMkLst>
          <pc:docMk/>
          <pc:sldMk cId="0" sldId="2931"/>
        </pc:sldMkLst>
        <pc:spChg chg="mod">
          <ac:chgData name="芳彦 植野" userId="86ab4e6fb1040a80" providerId="LiveId" clId="{BFBCDECB-9651-4182-BD0E-B931606F27C9}" dt="2024-03-18T05:14:51.816" v="6688" actId="1076"/>
          <ac:spMkLst>
            <pc:docMk/>
            <pc:sldMk cId="0" sldId="2931"/>
            <ac:spMk id="31" creationId="{00000000-0000-0000-0000-000000000000}"/>
          </ac:spMkLst>
        </pc:spChg>
      </pc:sldChg>
      <pc:sldChg chg="modSp add mod">
        <pc:chgData name="芳彦 植野" userId="86ab4e6fb1040a80" providerId="LiveId" clId="{BFBCDECB-9651-4182-BD0E-B931606F27C9}" dt="2024-03-18T05:14:45.817" v="6687" actId="1076"/>
        <pc:sldMkLst>
          <pc:docMk/>
          <pc:sldMk cId="0" sldId="2932"/>
        </pc:sldMkLst>
        <pc:spChg chg="mod">
          <ac:chgData name="芳彦 植野" userId="86ab4e6fb1040a80" providerId="LiveId" clId="{BFBCDECB-9651-4182-BD0E-B931606F27C9}" dt="2024-03-18T05:14:45.817" v="6687" actId="1076"/>
          <ac:spMkLst>
            <pc:docMk/>
            <pc:sldMk cId="0" sldId="2932"/>
            <ac:spMk id="45" creationId="{00000000-0000-0000-0000-000000000000}"/>
          </ac:spMkLst>
        </pc:spChg>
      </pc:sldChg>
      <pc:sldChg chg="modSp add mod">
        <pc:chgData name="芳彦 植野" userId="86ab4e6fb1040a80" providerId="LiveId" clId="{BFBCDECB-9651-4182-BD0E-B931606F27C9}" dt="2024-03-18T05:14:11.924" v="6683" actId="1076"/>
        <pc:sldMkLst>
          <pc:docMk/>
          <pc:sldMk cId="0" sldId="2933"/>
        </pc:sldMkLst>
        <pc:spChg chg="mod">
          <ac:chgData name="芳彦 植野" userId="86ab4e6fb1040a80" providerId="LiveId" clId="{BFBCDECB-9651-4182-BD0E-B931606F27C9}" dt="2024-03-18T05:14:11.924" v="6683" actId="1076"/>
          <ac:spMkLst>
            <pc:docMk/>
            <pc:sldMk cId="0" sldId="2933"/>
            <ac:spMk id="45" creationId="{00000000-0000-0000-0000-000000000000}"/>
          </ac:spMkLst>
        </pc:spChg>
      </pc:sldChg>
      <pc:sldChg chg="modSp add mod">
        <pc:chgData name="芳彦 植野" userId="86ab4e6fb1040a80" providerId="LiveId" clId="{BFBCDECB-9651-4182-BD0E-B931606F27C9}" dt="2024-03-18T05:07:39.717" v="6668" actId="14100"/>
        <pc:sldMkLst>
          <pc:docMk/>
          <pc:sldMk cId="0" sldId="2934"/>
        </pc:sldMkLst>
        <pc:spChg chg="mod">
          <ac:chgData name="芳彦 植野" userId="86ab4e6fb1040a80" providerId="LiveId" clId="{BFBCDECB-9651-4182-BD0E-B931606F27C9}" dt="2024-03-18T05:07:39.717" v="6668" actId="14100"/>
          <ac:spMkLst>
            <pc:docMk/>
            <pc:sldMk cId="0" sldId="2934"/>
            <ac:spMk id="11" creationId="{00000000-0000-0000-0000-000000000000}"/>
          </ac:spMkLst>
        </pc:spChg>
        <pc:spChg chg="mod">
          <ac:chgData name="芳彦 植野" userId="86ab4e6fb1040a80" providerId="LiveId" clId="{BFBCDECB-9651-4182-BD0E-B931606F27C9}" dt="2024-03-18T05:04:48.587" v="6662"/>
          <ac:spMkLst>
            <pc:docMk/>
            <pc:sldMk cId="0" sldId="2934"/>
            <ac:spMk id="20" creationId="{00000000-0000-0000-0000-000000000000}"/>
          </ac:spMkLst>
        </pc:spChg>
      </pc:sldChg>
      <pc:sldChg chg="modSp add mod">
        <pc:chgData name="芳彦 植野" userId="86ab4e6fb1040a80" providerId="LiveId" clId="{BFBCDECB-9651-4182-BD0E-B931606F27C9}" dt="2024-03-18T05:07:22.391" v="6666" actId="255"/>
        <pc:sldMkLst>
          <pc:docMk/>
          <pc:sldMk cId="0" sldId="2935"/>
        </pc:sldMkLst>
        <pc:spChg chg="mod">
          <ac:chgData name="芳彦 植野" userId="86ab4e6fb1040a80" providerId="LiveId" clId="{BFBCDECB-9651-4182-BD0E-B931606F27C9}" dt="2024-03-18T05:07:22.391" v="6666" actId="255"/>
          <ac:spMkLst>
            <pc:docMk/>
            <pc:sldMk cId="0" sldId="2935"/>
            <ac:spMk id="4" creationId="{00000000-0000-0000-0000-000000000000}"/>
          </ac:spMkLst>
        </pc:spChg>
        <pc:spChg chg="mod">
          <ac:chgData name="芳彦 植野" userId="86ab4e6fb1040a80" providerId="LiveId" clId="{BFBCDECB-9651-4182-BD0E-B931606F27C9}" dt="2024-03-18T05:05:19.253" v="6663"/>
          <ac:spMkLst>
            <pc:docMk/>
            <pc:sldMk cId="0" sldId="2935"/>
            <ac:spMk id="11" creationId="{00000000-0000-0000-0000-000000000000}"/>
          </ac:spMkLst>
        </pc:spChg>
      </pc:sldChg>
      <pc:sldChg chg="new del">
        <pc:chgData name="芳彦 植野" userId="86ab4e6fb1040a80" providerId="LiveId" clId="{BFBCDECB-9651-4182-BD0E-B931606F27C9}" dt="2024-03-18T20:09:39.645" v="6723" actId="2696"/>
        <pc:sldMkLst>
          <pc:docMk/>
          <pc:sldMk cId="700056567" sldId="2936"/>
        </pc:sldMkLst>
      </pc:sldChg>
      <pc:sldChg chg="addSp new mod">
        <pc:chgData name="芳彦 植野" userId="86ab4e6fb1040a80" providerId="LiveId" clId="{BFBCDECB-9651-4182-BD0E-B931606F27C9}" dt="2024-03-18T20:08:03.033" v="6718" actId="22"/>
        <pc:sldMkLst>
          <pc:docMk/>
          <pc:sldMk cId="1933655983" sldId="2937"/>
        </pc:sldMkLst>
        <pc:picChg chg="add">
          <ac:chgData name="芳彦 植野" userId="86ab4e6fb1040a80" providerId="LiveId" clId="{BFBCDECB-9651-4182-BD0E-B931606F27C9}" dt="2024-03-18T20:08:03.033" v="6718" actId="22"/>
          <ac:picMkLst>
            <pc:docMk/>
            <pc:sldMk cId="1933655983" sldId="2937"/>
            <ac:picMk id="4" creationId="{4F3BE505-988B-6DEA-1311-9ACD1B9FDCCB}"/>
          </ac:picMkLst>
        </pc:picChg>
      </pc:sldChg>
      <pc:sldChg chg="addSp new mod">
        <pc:chgData name="芳彦 植野" userId="86ab4e6fb1040a80" providerId="LiveId" clId="{BFBCDECB-9651-4182-BD0E-B931606F27C9}" dt="2024-03-18T20:08:42.343" v="6720" actId="22"/>
        <pc:sldMkLst>
          <pc:docMk/>
          <pc:sldMk cId="2263635075" sldId="2938"/>
        </pc:sldMkLst>
        <pc:picChg chg="add">
          <ac:chgData name="芳彦 植野" userId="86ab4e6fb1040a80" providerId="LiveId" clId="{BFBCDECB-9651-4182-BD0E-B931606F27C9}" dt="2024-03-18T20:08:42.343" v="6720" actId="22"/>
          <ac:picMkLst>
            <pc:docMk/>
            <pc:sldMk cId="2263635075" sldId="2938"/>
            <ac:picMk id="4" creationId="{4A7B0A7E-15DB-B1F1-1D10-114C6B1A28F1}"/>
          </ac:picMkLst>
        </pc:picChg>
      </pc:sldChg>
      <pc:sldChg chg="addSp new mod">
        <pc:chgData name="芳彦 植野" userId="86ab4e6fb1040a80" providerId="LiveId" clId="{BFBCDECB-9651-4182-BD0E-B931606F27C9}" dt="2024-03-18T20:09:35.758" v="6722" actId="22"/>
        <pc:sldMkLst>
          <pc:docMk/>
          <pc:sldMk cId="263671613" sldId="2939"/>
        </pc:sldMkLst>
        <pc:picChg chg="add">
          <ac:chgData name="芳彦 植野" userId="86ab4e6fb1040a80" providerId="LiveId" clId="{BFBCDECB-9651-4182-BD0E-B931606F27C9}" dt="2024-03-18T20:09:35.758" v="6722" actId="22"/>
          <ac:picMkLst>
            <pc:docMk/>
            <pc:sldMk cId="263671613" sldId="2939"/>
            <ac:picMk id="4" creationId="{8CF91690-7CB6-A638-4A96-45040336AF71}"/>
          </ac:picMkLst>
        </pc:picChg>
      </pc:sldChg>
      <pc:sldMasterChg chg="modSp delSldLayout modSldLayout">
        <pc:chgData name="芳彦 植野" userId="86ab4e6fb1040a80" providerId="LiveId" clId="{BFBCDECB-9651-4182-BD0E-B931606F27C9}" dt="2024-01-08T08:19:19.004" v="4732"/>
        <pc:sldMasterMkLst>
          <pc:docMk/>
          <pc:sldMasterMk cId="90473866" sldId="2147483648"/>
        </pc:sldMasterMkLst>
        <pc:spChg chg="mod">
          <ac:chgData name="芳彦 植野" userId="86ab4e6fb1040a80" providerId="LiveId" clId="{BFBCDECB-9651-4182-BD0E-B931606F27C9}" dt="2024-01-08T08:19:19.004" v="4732"/>
          <ac:spMkLst>
            <pc:docMk/>
            <pc:sldMasterMk cId="90473866" sldId="2147483648"/>
            <ac:spMk id="2" creationId="{47318EA1-DCF9-E9E4-A502-818443A1DD87}"/>
          </ac:spMkLst>
        </pc:spChg>
        <pc:spChg chg="mod">
          <ac:chgData name="芳彦 植野" userId="86ab4e6fb1040a80" providerId="LiveId" clId="{BFBCDECB-9651-4182-BD0E-B931606F27C9}" dt="2024-01-08T08:19:19.004" v="4732"/>
          <ac:spMkLst>
            <pc:docMk/>
            <pc:sldMasterMk cId="90473866" sldId="2147483648"/>
            <ac:spMk id="3" creationId="{3CE7C8CB-204A-D13D-D2C2-DB969D47CBEB}"/>
          </ac:spMkLst>
        </pc:spChg>
        <pc:spChg chg="mod">
          <ac:chgData name="芳彦 植野" userId="86ab4e6fb1040a80" providerId="LiveId" clId="{BFBCDECB-9651-4182-BD0E-B931606F27C9}" dt="2024-01-08T08:19:19.004" v="4732"/>
          <ac:spMkLst>
            <pc:docMk/>
            <pc:sldMasterMk cId="90473866" sldId="2147483648"/>
            <ac:spMk id="4" creationId="{A9F61F83-870D-2256-F6F0-CA83B9D5C04B}"/>
          </ac:spMkLst>
        </pc:spChg>
        <pc:spChg chg="mod">
          <ac:chgData name="芳彦 植野" userId="86ab4e6fb1040a80" providerId="LiveId" clId="{BFBCDECB-9651-4182-BD0E-B931606F27C9}" dt="2024-01-08T08:19:19.004" v="4732"/>
          <ac:spMkLst>
            <pc:docMk/>
            <pc:sldMasterMk cId="90473866" sldId="2147483648"/>
            <ac:spMk id="5" creationId="{B7B1447F-274A-0322-37F5-807A274FCD39}"/>
          </ac:spMkLst>
        </pc:spChg>
        <pc:spChg chg="mod">
          <ac:chgData name="芳彦 植野" userId="86ab4e6fb1040a80" providerId="LiveId" clId="{BFBCDECB-9651-4182-BD0E-B931606F27C9}" dt="2024-01-08T08:19:19.004" v="4732"/>
          <ac:spMkLst>
            <pc:docMk/>
            <pc:sldMasterMk cId="90473866" sldId="2147483648"/>
            <ac:spMk id="6" creationId="{910A37EF-0ADF-2B63-76B6-39336250D1CF}"/>
          </ac:spMkLst>
        </pc:spChg>
        <pc:sldLayoutChg chg="modSp">
          <pc:chgData name="芳彦 植野" userId="86ab4e6fb1040a80" providerId="LiveId" clId="{BFBCDECB-9651-4182-BD0E-B931606F27C9}" dt="2024-01-08T08:19:19.004" v="4732"/>
          <pc:sldLayoutMkLst>
            <pc:docMk/>
            <pc:sldMasterMk cId="90473866" sldId="2147483648"/>
            <pc:sldLayoutMk cId="1649778648" sldId="2147483649"/>
          </pc:sldLayoutMkLst>
          <pc:spChg chg="mod">
            <ac:chgData name="芳彦 植野" userId="86ab4e6fb1040a80" providerId="LiveId" clId="{BFBCDECB-9651-4182-BD0E-B931606F27C9}" dt="2024-01-08T08:19:19.004" v="4732"/>
            <ac:spMkLst>
              <pc:docMk/>
              <pc:sldMasterMk cId="90473866" sldId="2147483648"/>
              <pc:sldLayoutMk cId="1649778648" sldId="2147483649"/>
              <ac:spMk id="2" creationId="{94160A01-FBA8-A9D4-D996-B0425E7E7347}"/>
            </ac:spMkLst>
          </pc:spChg>
          <pc:spChg chg="mod">
            <ac:chgData name="芳彦 植野" userId="86ab4e6fb1040a80" providerId="LiveId" clId="{BFBCDECB-9651-4182-BD0E-B931606F27C9}" dt="2024-01-08T08:19:19.004" v="4732"/>
            <ac:spMkLst>
              <pc:docMk/>
              <pc:sldMasterMk cId="90473866" sldId="2147483648"/>
              <pc:sldLayoutMk cId="1649778648" sldId="2147483649"/>
              <ac:spMk id="3" creationId="{7A790D33-EE1C-08A8-084E-AEE798E5862B}"/>
            </ac:spMkLst>
          </pc:spChg>
        </pc:sldLayoutChg>
        <pc:sldLayoutChg chg="modSp">
          <pc:chgData name="芳彦 植野" userId="86ab4e6fb1040a80" providerId="LiveId" clId="{BFBCDECB-9651-4182-BD0E-B931606F27C9}" dt="2024-01-08T08:19:19.004" v="4732"/>
          <pc:sldLayoutMkLst>
            <pc:docMk/>
            <pc:sldMasterMk cId="90473866" sldId="2147483648"/>
            <pc:sldLayoutMk cId="1953508037" sldId="2147483651"/>
          </pc:sldLayoutMkLst>
          <pc:spChg chg="mod">
            <ac:chgData name="芳彦 植野" userId="86ab4e6fb1040a80" providerId="LiveId" clId="{BFBCDECB-9651-4182-BD0E-B931606F27C9}" dt="2024-01-08T08:19:19.004" v="4732"/>
            <ac:spMkLst>
              <pc:docMk/>
              <pc:sldMasterMk cId="90473866" sldId="2147483648"/>
              <pc:sldLayoutMk cId="1953508037" sldId="2147483651"/>
              <ac:spMk id="2" creationId="{7F7E5AE1-AAB4-C59F-3DE5-4363429D3787}"/>
            </ac:spMkLst>
          </pc:spChg>
          <pc:spChg chg="mod">
            <ac:chgData name="芳彦 植野" userId="86ab4e6fb1040a80" providerId="LiveId" clId="{BFBCDECB-9651-4182-BD0E-B931606F27C9}" dt="2024-01-08T08:19:19.004" v="4732"/>
            <ac:spMkLst>
              <pc:docMk/>
              <pc:sldMasterMk cId="90473866" sldId="2147483648"/>
              <pc:sldLayoutMk cId="1953508037" sldId="2147483651"/>
              <ac:spMk id="3" creationId="{EEF6896A-DF49-FE86-E69A-2689A5AE5850}"/>
            </ac:spMkLst>
          </pc:spChg>
        </pc:sldLayoutChg>
        <pc:sldLayoutChg chg="modSp">
          <pc:chgData name="芳彦 植野" userId="86ab4e6fb1040a80" providerId="LiveId" clId="{BFBCDECB-9651-4182-BD0E-B931606F27C9}" dt="2024-01-08T08:19:19.004" v="4732"/>
          <pc:sldLayoutMkLst>
            <pc:docMk/>
            <pc:sldMasterMk cId="90473866" sldId="2147483648"/>
            <pc:sldLayoutMk cId="1759656377" sldId="2147483652"/>
          </pc:sldLayoutMkLst>
          <pc:spChg chg="mod">
            <ac:chgData name="芳彦 植野" userId="86ab4e6fb1040a80" providerId="LiveId" clId="{BFBCDECB-9651-4182-BD0E-B931606F27C9}" dt="2024-01-08T08:19:19.004" v="4732"/>
            <ac:spMkLst>
              <pc:docMk/>
              <pc:sldMasterMk cId="90473866" sldId="2147483648"/>
              <pc:sldLayoutMk cId="1759656377" sldId="2147483652"/>
              <ac:spMk id="3" creationId="{2EB051A8-0964-599E-AF09-129844A575AB}"/>
            </ac:spMkLst>
          </pc:spChg>
          <pc:spChg chg="mod">
            <ac:chgData name="芳彦 植野" userId="86ab4e6fb1040a80" providerId="LiveId" clId="{BFBCDECB-9651-4182-BD0E-B931606F27C9}" dt="2024-01-08T08:19:19.004" v="4732"/>
            <ac:spMkLst>
              <pc:docMk/>
              <pc:sldMasterMk cId="90473866" sldId="2147483648"/>
              <pc:sldLayoutMk cId="1759656377" sldId="2147483652"/>
              <ac:spMk id="4" creationId="{A3F3E01A-13E8-8D05-E2B4-83C11A4720D9}"/>
            </ac:spMkLst>
          </pc:spChg>
        </pc:sldLayoutChg>
        <pc:sldLayoutChg chg="modSp">
          <pc:chgData name="芳彦 植野" userId="86ab4e6fb1040a80" providerId="LiveId" clId="{BFBCDECB-9651-4182-BD0E-B931606F27C9}" dt="2024-01-08T08:19:19.004" v="4732"/>
          <pc:sldLayoutMkLst>
            <pc:docMk/>
            <pc:sldMasterMk cId="90473866" sldId="2147483648"/>
            <pc:sldLayoutMk cId="778113405" sldId="2147483653"/>
          </pc:sldLayoutMkLst>
          <pc:spChg chg="mod">
            <ac:chgData name="芳彦 植野" userId="86ab4e6fb1040a80" providerId="LiveId" clId="{BFBCDECB-9651-4182-BD0E-B931606F27C9}" dt="2024-01-08T08:19:19.004" v="4732"/>
            <ac:spMkLst>
              <pc:docMk/>
              <pc:sldMasterMk cId="90473866" sldId="2147483648"/>
              <pc:sldLayoutMk cId="778113405" sldId="2147483653"/>
              <ac:spMk id="2" creationId="{E240525C-992C-32AA-6940-F87E36769205}"/>
            </ac:spMkLst>
          </pc:spChg>
          <pc:spChg chg="mod">
            <ac:chgData name="芳彦 植野" userId="86ab4e6fb1040a80" providerId="LiveId" clId="{BFBCDECB-9651-4182-BD0E-B931606F27C9}" dt="2024-01-08T08:19:19.004" v="4732"/>
            <ac:spMkLst>
              <pc:docMk/>
              <pc:sldMasterMk cId="90473866" sldId="2147483648"/>
              <pc:sldLayoutMk cId="778113405" sldId="2147483653"/>
              <ac:spMk id="3" creationId="{9FE19195-B1DD-E3DC-B918-023DEAA15820}"/>
            </ac:spMkLst>
          </pc:spChg>
          <pc:spChg chg="mod">
            <ac:chgData name="芳彦 植野" userId="86ab4e6fb1040a80" providerId="LiveId" clId="{BFBCDECB-9651-4182-BD0E-B931606F27C9}" dt="2024-01-08T08:19:19.004" v="4732"/>
            <ac:spMkLst>
              <pc:docMk/>
              <pc:sldMasterMk cId="90473866" sldId="2147483648"/>
              <pc:sldLayoutMk cId="778113405" sldId="2147483653"/>
              <ac:spMk id="4" creationId="{5063E58A-8A39-EEF6-5D73-0825ABDC7811}"/>
            </ac:spMkLst>
          </pc:spChg>
          <pc:spChg chg="mod">
            <ac:chgData name="芳彦 植野" userId="86ab4e6fb1040a80" providerId="LiveId" clId="{BFBCDECB-9651-4182-BD0E-B931606F27C9}" dt="2024-01-08T08:19:19.004" v="4732"/>
            <ac:spMkLst>
              <pc:docMk/>
              <pc:sldMasterMk cId="90473866" sldId="2147483648"/>
              <pc:sldLayoutMk cId="778113405" sldId="2147483653"/>
              <ac:spMk id="5" creationId="{7B0DC085-E495-75E1-21F5-F743F177D30C}"/>
            </ac:spMkLst>
          </pc:spChg>
          <pc:spChg chg="mod">
            <ac:chgData name="芳彦 植野" userId="86ab4e6fb1040a80" providerId="LiveId" clId="{BFBCDECB-9651-4182-BD0E-B931606F27C9}" dt="2024-01-08T08:19:19.004" v="4732"/>
            <ac:spMkLst>
              <pc:docMk/>
              <pc:sldMasterMk cId="90473866" sldId="2147483648"/>
              <pc:sldLayoutMk cId="778113405" sldId="2147483653"/>
              <ac:spMk id="6" creationId="{B9FF9886-F839-CD2D-5824-7B6012FF38BD}"/>
            </ac:spMkLst>
          </pc:spChg>
        </pc:sldLayoutChg>
        <pc:sldLayoutChg chg="modSp">
          <pc:chgData name="芳彦 植野" userId="86ab4e6fb1040a80" providerId="LiveId" clId="{BFBCDECB-9651-4182-BD0E-B931606F27C9}" dt="2024-01-08T08:19:19.004" v="4732"/>
          <pc:sldLayoutMkLst>
            <pc:docMk/>
            <pc:sldMasterMk cId="90473866" sldId="2147483648"/>
            <pc:sldLayoutMk cId="3510531253" sldId="2147483656"/>
          </pc:sldLayoutMkLst>
          <pc:spChg chg="mod">
            <ac:chgData name="芳彦 植野" userId="86ab4e6fb1040a80" providerId="LiveId" clId="{BFBCDECB-9651-4182-BD0E-B931606F27C9}" dt="2024-01-08T08:19:19.004" v="4732"/>
            <ac:spMkLst>
              <pc:docMk/>
              <pc:sldMasterMk cId="90473866" sldId="2147483648"/>
              <pc:sldLayoutMk cId="3510531253" sldId="2147483656"/>
              <ac:spMk id="2" creationId="{2F7DDD46-139A-17E8-F226-2FE4E274CAE2}"/>
            </ac:spMkLst>
          </pc:spChg>
          <pc:spChg chg="mod">
            <ac:chgData name="芳彦 植野" userId="86ab4e6fb1040a80" providerId="LiveId" clId="{BFBCDECB-9651-4182-BD0E-B931606F27C9}" dt="2024-01-08T08:19:19.004" v="4732"/>
            <ac:spMkLst>
              <pc:docMk/>
              <pc:sldMasterMk cId="90473866" sldId="2147483648"/>
              <pc:sldLayoutMk cId="3510531253" sldId="2147483656"/>
              <ac:spMk id="3" creationId="{F7067D28-B4E3-35C1-0CD0-58CBE8858375}"/>
            </ac:spMkLst>
          </pc:spChg>
          <pc:spChg chg="mod">
            <ac:chgData name="芳彦 植野" userId="86ab4e6fb1040a80" providerId="LiveId" clId="{BFBCDECB-9651-4182-BD0E-B931606F27C9}" dt="2024-01-08T08:19:19.004" v="4732"/>
            <ac:spMkLst>
              <pc:docMk/>
              <pc:sldMasterMk cId="90473866" sldId="2147483648"/>
              <pc:sldLayoutMk cId="3510531253" sldId="2147483656"/>
              <ac:spMk id="4" creationId="{7452128F-D3FE-7FD5-C690-CB9B703C0846}"/>
            </ac:spMkLst>
          </pc:spChg>
        </pc:sldLayoutChg>
        <pc:sldLayoutChg chg="modSp">
          <pc:chgData name="芳彦 植野" userId="86ab4e6fb1040a80" providerId="LiveId" clId="{BFBCDECB-9651-4182-BD0E-B931606F27C9}" dt="2024-01-08T08:19:19.004" v="4732"/>
          <pc:sldLayoutMkLst>
            <pc:docMk/>
            <pc:sldMasterMk cId="90473866" sldId="2147483648"/>
            <pc:sldLayoutMk cId="2284242340" sldId="2147483657"/>
          </pc:sldLayoutMkLst>
          <pc:spChg chg="mod">
            <ac:chgData name="芳彦 植野" userId="86ab4e6fb1040a80" providerId="LiveId" clId="{BFBCDECB-9651-4182-BD0E-B931606F27C9}" dt="2024-01-08T08:19:19.004" v="4732"/>
            <ac:spMkLst>
              <pc:docMk/>
              <pc:sldMasterMk cId="90473866" sldId="2147483648"/>
              <pc:sldLayoutMk cId="2284242340" sldId="2147483657"/>
              <ac:spMk id="2" creationId="{F57BF24E-1BAA-A78A-7F7E-265D93830388}"/>
            </ac:spMkLst>
          </pc:spChg>
          <pc:spChg chg="mod">
            <ac:chgData name="芳彦 植野" userId="86ab4e6fb1040a80" providerId="LiveId" clId="{BFBCDECB-9651-4182-BD0E-B931606F27C9}" dt="2024-01-08T08:19:19.004" v="4732"/>
            <ac:spMkLst>
              <pc:docMk/>
              <pc:sldMasterMk cId="90473866" sldId="2147483648"/>
              <pc:sldLayoutMk cId="2284242340" sldId="2147483657"/>
              <ac:spMk id="3" creationId="{4B05681F-E1A2-6887-D8D5-4B706C5CB35D}"/>
            </ac:spMkLst>
          </pc:spChg>
          <pc:spChg chg="mod">
            <ac:chgData name="芳彦 植野" userId="86ab4e6fb1040a80" providerId="LiveId" clId="{BFBCDECB-9651-4182-BD0E-B931606F27C9}" dt="2024-01-08T08:19:19.004" v="4732"/>
            <ac:spMkLst>
              <pc:docMk/>
              <pc:sldMasterMk cId="90473866" sldId="2147483648"/>
              <pc:sldLayoutMk cId="2284242340" sldId="2147483657"/>
              <ac:spMk id="4" creationId="{B20AA3E8-D9AA-6D45-134F-50EEB03BA8CE}"/>
            </ac:spMkLst>
          </pc:spChg>
        </pc:sldLayoutChg>
        <pc:sldLayoutChg chg="modSp">
          <pc:chgData name="芳彦 植野" userId="86ab4e6fb1040a80" providerId="LiveId" clId="{BFBCDECB-9651-4182-BD0E-B931606F27C9}" dt="2024-01-08T08:19:19.004" v="4732"/>
          <pc:sldLayoutMkLst>
            <pc:docMk/>
            <pc:sldMasterMk cId="90473866" sldId="2147483648"/>
            <pc:sldLayoutMk cId="1330809735" sldId="2147483659"/>
          </pc:sldLayoutMkLst>
          <pc:spChg chg="mod">
            <ac:chgData name="芳彦 植野" userId="86ab4e6fb1040a80" providerId="LiveId" clId="{BFBCDECB-9651-4182-BD0E-B931606F27C9}" dt="2024-01-08T08:19:19.004" v="4732"/>
            <ac:spMkLst>
              <pc:docMk/>
              <pc:sldMasterMk cId="90473866" sldId="2147483648"/>
              <pc:sldLayoutMk cId="1330809735" sldId="2147483659"/>
              <ac:spMk id="2" creationId="{31879EFF-9C2A-335B-57BE-AC2569380710}"/>
            </ac:spMkLst>
          </pc:spChg>
          <pc:spChg chg="mod">
            <ac:chgData name="芳彦 植野" userId="86ab4e6fb1040a80" providerId="LiveId" clId="{BFBCDECB-9651-4182-BD0E-B931606F27C9}" dt="2024-01-08T08:19:19.004" v="4732"/>
            <ac:spMkLst>
              <pc:docMk/>
              <pc:sldMasterMk cId="90473866" sldId="2147483648"/>
              <pc:sldLayoutMk cId="1330809735" sldId="2147483659"/>
              <ac:spMk id="3" creationId="{B8D9DC5F-3547-501C-0D04-6BF5F04F798E}"/>
            </ac:spMkLst>
          </pc:spChg>
        </pc:sldLayoutChg>
        <pc:sldLayoutChg chg="modSp">
          <pc:chgData name="芳彦 植野" userId="86ab4e6fb1040a80" providerId="LiveId" clId="{BFBCDECB-9651-4182-BD0E-B931606F27C9}" dt="2024-01-08T08:19:19.004" v="4732"/>
          <pc:sldLayoutMkLst>
            <pc:docMk/>
            <pc:sldMasterMk cId="90473866" sldId="2147483648"/>
            <pc:sldLayoutMk cId="741146224" sldId="2147483661"/>
          </pc:sldLayoutMkLst>
          <pc:spChg chg="mod">
            <ac:chgData name="芳彦 植野" userId="86ab4e6fb1040a80" providerId="LiveId" clId="{BFBCDECB-9651-4182-BD0E-B931606F27C9}" dt="2024-01-08T08:19:19.004" v="4732"/>
            <ac:spMkLst>
              <pc:docMk/>
              <pc:sldMasterMk cId="90473866" sldId="2147483648"/>
              <pc:sldLayoutMk cId="741146224" sldId="2147483661"/>
              <ac:spMk id="2" creationId="{36AE578F-6998-94BB-8091-392B10A41C01}"/>
            </ac:spMkLst>
          </pc:spChg>
          <pc:spChg chg="mod">
            <ac:chgData name="芳彦 植野" userId="86ab4e6fb1040a80" providerId="LiveId" clId="{BFBCDECB-9651-4182-BD0E-B931606F27C9}" dt="2024-01-08T08:19:19.004" v="4732"/>
            <ac:spMkLst>
              <pc:docMk/>
              <pc:sldMasterMk cId="90473866" sldId="2147483648"/>
              <pc:sldLayoutMk cId="741146224" sldId="2147483661"/>
              <ac:spMk id="3" creationId="{FE19DD15-982E-0012-E7E0-49F33E81639C}"/>
            </ac:spMkLst>
          </pc:spChg>
        </pc:sldLayoutChg>
        <pc:sldLayoutChg chg="del">
          <pc:chgData name="芳彦 植野" userId="86ab4e6fb1040a80" providerId="LiveId" clId="{BFBCDECB-9651-4182-BD0E-B931606F27C9}" dt="2023-09-23T20:57:06.185" v="26" actId="2696"/>
          <pc:sldLayoutMkLst>
            <pc:docMk/>
            <pc:sldMasterMk cId="90473866" sldId="2147483648"/>
            <pc:sldLayoutMk cId="845599536" sldId="2147483662"/>
          </pc:sldLayoutMkLst>
        </pc:sldLayoutChg>
      </pc:sldMasterChg>
      <pc:sldMasterChg chg="delSldLayout">
        <pc:chgData name="芳彦 植野" userId="86ab4e6fb1040a80" providerId="LiveId" clId="{BFBCDECB-9651-4182-BD0E-B931606F27C9}" dt="2024-03-12T23:30:51.133" v="5772" actId="2696"/>
        <pc:sldMasterMkLst>
          <pc:docMk/>
          <pc:sldMasterMk cId="323540107" sldId="2147483662"/>
        </pc:sldMasterMkLst>
        <pc:sldLayoutChg chg="del">
          <pc:chgData name="芳彦 植野" userId="86ab4e6fb1040a80" providerId="LiveId" clId="{BFBCDECB-9651-4182-BD0E-B931606F27C9}" dt="2024-03-12T23:30:51.133" v="5772" actId="2696"/>
          <pc:sldLayoutMkLst>
            <pc:docMk/>
            <pc:sldMasterMk cId="323540107" sldId="2147483662"/>
            <pc:sldLayoutMk cId="1690559179" sldId="2147483674"/>
          </pc:sldLayoutMkLst>
        </pc:sldLayoutChg>
        <pc:sldLayoutChg chg="del">
          <pc:chgData name="芳彦 植野" userId="86ab4e6fb1040a80" providerId="LiveId" clId="{BFBCDECB-9651-4182-BD0E-B931606F27C9}" dt="2024-01-08T08:27:31.821" v="4805" actId="2696"/>
          <pc:sldLayoutMkLst>
            <pc:docMk/>
            <pc:sldMasterMk cId="323540107" sldId="2147483662"/>
            <pc:sldLayoutMk cId="3870875842" sldId="2147483674"/>
          </pc:sldLayoutMkLst>
        </pc:sldLayoutChg>
        <pc:sldLayoutChg chg="del">
          <pc:chgData name="芳彦 植野" userId="86ab4e6fb1040a80" providerId="LiveId" clId="{BFBCDECB-9651-4182-BD0E-B931606F27C9}" dt="2024-03-10T05:38:26.415" v="5711" actId="2696"/>
          <pc:sldLayoutMkLst>
            <pc:docMk/>
            <pc:sldMasterMk cId="323540107" sldId="2147483662"/>
            <pc:sldLayoutMk cId="3894622832" sldId="2147483675"/>
          </pc:sldLayoutMkLst>
        </pc:sldLayoutChg>
      </pc:sldMasterChg>
    </pc:docChg>
  </pc:docChgLst>
  <pc:docChgLst>
    <pc:chgData name="芳彦 植野" userId="86ab4e6fb1040a80" providerId="LiveId" clId="{7F879A1B-ADAA-49B5-880D-A54215C19007}"/>
    <pc:docChg chg="modSld">
      <pc:chgData name="芳彦 植野" userId="86ab4e6fb1040a80" providerId="LiveId" clId="{7F879A1B-ADAA-49B5-880D-A54215C19007}" dt="2023-09-22T03:59:48.277" v="1" actId="1076"/>
      <pc:docMkLst>
        <pc:docMk/>
      </pc:docMkLst>
      <pc:sldChg chg="modSp mod">
        <pc:chgData name="芳彦 植野" userId="86ab4e6fb1040a80" providerId="LiveId" clId="{7F879A1B-ADAA-49B5-880D-A54215C19007}" dt="2023-09-22T03:59:48.277" v="1" actId="1076"/>
        <pc:sldMkLst>
          <pc:docMk/>
          <pc:sldMk cId="3026629182" sldId="2855"/>
        </pc:sldMkLst>
        <pc:picChg chg="mod">
          <ac:chgData name="芳彦 植野" userId="86ab4e6fb1040a80" providerId="LiveId" clId="{7F879A1B-ADAA-49B5-880D-A54215C19007}" dt="2023-09-22T03:59:48.277" v="1" actId="1076"/>
          <ac:picMkLst>
            <pc:docMk/>
            <pc:sldMk cId="3026629182" sldId="2855"/>
            <ac:picMk id="3" creationId="{75837287-A7B7-3755-D0BF-D5C49D079356}"/>
          </ac:picMkLst>
        </pc:picChg>
      </pc:sldChg>
    </pc:docChg>
  </pc:docChgLst>
  <pc:docChgLst>
    <pc:chgData name="芳彦 植野" userId="86ab4e6fb1040a80" providerId="LiveId" clId="{A6FF3A50-E7A3-4D6A-9DCD-C9D95B137832}"/>
    <pc:docChg chg="undo custSel addSld delSld modSld">
      <pc:chgData name="芳彦 植野" userId="86ab4e6fb1040a80" providerId="LiveId" clId="{A6FF3A50-E7A3-4D6A-9DCD-C9D95B137832}" dt="2023-09-21T22:42:59.544" v="23" actId="2696"/>
      <pc:docMkLst>
        <pc:docMk/>
      </pc:docMkLst>
      <pc:sldChg chg="del">
        <pc:chgData name="芳彦 植野" userId="86ab4e6fb1040a80" providerId="LiveId" clId="{A6FF3A50-E7A3-4D6A-9DCD-C9D95B137832}" dt="2023-09-21T22:42:44.588" v="19" actId="2696"/>
        <pc:sldMkLst>
          <pc:docMk/>
          <pc:sldMk cId="0" sldId="256"/>
        </pc:sldMkLst>
      </pc:sldChg>
      <pc:sldChg chg="del">
        <pc:chgData name="芳彦 植野" userId="86ab4e6fb1040a80" providerId="LiveId" clId="{A6FF3A50-E7A3-4D6A-9DCD-C9D95B137832}" dt="2023-09-21T22:41:56.264" v="8" actId="2696"/>
        <pc:sldMkLst>
          <pc:docMk/>
          <pc:sldMk cId="0" sldId="258"/>
        </pc:sldMkLst>
      </pc:sldChg>
      <pc:sldChg chg="del">
        <pc:chgData name="芳彦 植野" userId="86ab4e6fb1040a80" providerId="LiveId" clId="{A6FF3A50-E7A3-4D6A-9DCD-C9D95B137832}" dt="2023-09-21T22:42:13.162" v="13" actId="2696"/>
        <pc:sldMkLst>
          <pc:docMk/>
          <pc:sldMk cId="3105041597" sldId="259"/>
        </pc:sldMkLst>
      </pc:sldChg>
      <pc:sldChg chg="add del">
        <pc:chgData name="芳彦 植野" userId="86ab4e6fb1040a80" providerId="LiveId" clId="{A6FF3A50-E7A3-4D6A-9DCD-C9D95B137832}" dt="2023-09-21T22:42:17.984" v="15" actId="2696"/>
        <pc:sldMkLst>
          <pc:docMk/>
          <pc:sldMk cId="3864494719" sldId="260"/>
        </pc:sldMkLst>
      </pc:sldChg>
      <pc:sldChg chg="del">
        <pc:chgData name="芳彦 植野" userId="86ab4e6fb1040a80" providerId="LiveId" clId="{A6FF3A50-E7A3-4D6A-9DCD-C9D95B137832}" dt="2023-09-21T22:42:22.376" v="16" actId="2696"/>
        <pc:sldMkLst>
          <pc:docMk/>
          <pc:sldMk cId="1272659354" sldId="261"/>
        </pc:sldMkLst>
      </pc:sldChg>
      <pc:sldChg chg="del">
        <pc:chgData name="芳彦 植野" userId="86ab4e6fb1040a80" providerId="LiveId" clId="{A6FF3A50-E7A3-4D6A-9DCD-C9D95B137832}" dt="2023-09-21T22:39:26.870" v="1" actId="2696"/>
        <pc:sldMkLst>
          <pc:docMk/>
          <pc:sldMk cId="0" sldId="1162"/>
        </pc:sldMkLst>
      </pc:sldChg>
      <pc:sldChg chg="add">
        <pc:chgData name="芳彦 植野" userId="86ab4e6fb1040a80" providerId="LiveId" clId="{A6FF3A50-E7A3-4D6A-9DCD-C9D95B137832}" dt="2023-09-21T22:40:16.633" v="3"/>
        <pc:sldMkLst>
          <pc:docMk/>
          <pc:sldMk cId="3254675291" sldId="1725"/>
        </pc:sldMkLst>
      </pc:sldChg>
      <pc:sldChg chg="del">
        <pc:chgData name="芳彦 植野" userId="86ab4e6fb1040a80" providerId="LiveId" clId="{A6FF3A50-E7A3-4D6A-9DCD-C9D95B137832}" dt="2023-09-21T22:42:45.416" v="20" actId="2696"/>
        <pc:sldMkLst>
          <pc:docMk/>
          <pc:sldMk cId="0" sldId="2801"/>
        </pc:sldMkLst>
      </pc:sldChg>
      <pc:sldChg chg="del">
        <pc:chgData name="芳彦 植野" userId="86ab4e6fb1040a80" providerId="LiveId" clId="{A6FF3A50-E7A3-4D6A-9DCD-C9D95B137832}" dt="2023-09-21T22:42:46.717" v="21" actId="2696"/>
        <pc:sldMkLst>
          <pc:docMk/>
          <pc:sldMk cId="0" sldId="2802"/>
        </pc:sldMkLst>
      </pc:sldChg>
      <pc:sldChg chg="del">
        <pc:chgData name="芳彦 植野" userId="86ab4e6fb1040a80" providerId="LiveId" clId="{A6FF3A50-E7A3-4D6A-9DCD-C9D95B137832}" dt="2023-09-21T22:42:59.544" v="23" actId="2696"/>
        <pc:sldMkLst>
          <pc:docMk/>
          <pc:sldMk cId="88604803" sldId="2805"/>
        </pc:sldMkLst>
      </pc:sldChg>
      <pc:sldChg chg="del">
        <pc:chgData name="芳彦 植野" userId="86ab4e6fb1040a80" providerId="LiveId" clId="{A6FF3A50-E7A3-4D6A-9DCD-C9D95B137832}" dt="2023-09-21T22:42:48.212" v="22" actId="2696"/>
        <pc:sldMkLst>
          <pc:docMk/>
          <pc:sldMk cId="0" sldId="2806"/>
        </pc:sldMkLst>
      </pc:sldChg>
      <pc:sldChg chg="del">
        <pc:chgData name="芳彦 植野" userId="86ab4e6fb1040a80" providerId="LiveId" clId="{A6FF3A50-E7A3-4D6A-9DCD-C9D95B137832}" dt="2023-09-21T22:42:39.409" v="18" actId="2696"/>
        <pc:sldMkLst>
          <pc:docMk/>
          <pc:sldMk cId="0" sldId="2807"/>
        </pc:sldMkLst>
      </pc:sldChg>
      <pc:sldChg chg="add">
        <pc:chgData name="芳彦 植野" userId="86ab4e6fb1040a80" providerId="LiveId" clId="{A6FF3A50-E7A3-4D6A-9DCD-C9D95B137832}" dt="2023-09-21T22:39:19.873" v="0"/>
        <pc:sldMkLst>
          <pc:docMk/>
          <pc:sldMk cId="2459585590" sldId="2819"/>
        </pc:sldMkLst>
      </pc:sldChg>
      <pc:sldChg chg="del">
        <pc:chgData name="芳彦 植野" userId="86ab4e6fb1040a80" providerId="LiveId" clId="{A6FF3A50-E7A3-4D6A-9DCD-C9D95B137832}" dt="2023-09-21T22:41:42.969" v="4" actId="2696"/>
        <pc:sldMkLst>
          <pc:docMk/>
          <pc:sldMk cId="2330735275" sldId="2851"/>
        </pc:sldMkLst>
      </pc:sldChg>
      <pc:sldChg chg="del">
        <pc:chgData name="芳彦 植野" userId="86ab4e6fb1040a80" providerId="LiveId" clId="{A6FF3A50-E7A3-4D6A-9DCD-C9D95B137832}" dt="2023-09-21T22:41:43.864" v="5" actId="2696"/>
        <pc:sldMkLst>
          <pc:docMk/>
          <pc:sldMk cId="3287002869" sldId="2852"/>
        </pc:sldMkLst>
      </pc:sldChg>
      <pc:sldChg chg="del">
        <pc:chgData name="芳彦 植野" userId="86ab4e6fb1040a80" providerId="LiveId" clId="{A6FF3A50-E7A3-4D6A-9DCD-C9D95B137832}" dt="2023-09-21T22:41:45.011" v="6" actId="2696"/>
        <pc:sldMkLst>
          <pc:docMk/>
          <pc:sldMk cId="2069674871" sldId="2853"/>
        </pc:sldMkLst>
      </pc:sldChg>
      <pc:sldChg chg="del">
        <pc:chgData name="芳彦 植野" userId="86ab4e6fb1040a80" providerId="LiveId" clId="{A6FF3A50-E7A3-4D6A-9DCD-C9D95B137832}" dt="2023-09-21T22:41:55.144" v="7" actId="2696"/>
        <pc:sldMkLst>
          <pc:docMk/>
          <pc:sldMk cId="0" sldId="2859"/>
        </pc:sldMkLst>
      </pc:sldChg>
      <pc:sldChg chg="del">
        <pc:chgData name="芳彦 植野" userId="86ab4e6fb1040a80" providerId="LiveId" clId="{A6FF3A50-E7A3-4D6A-9DCD-C9D95B137832}" dt="2023-09-21T22:41:57.444" v="9" actId="2696"/>
        <pc:sldMkLst>
          <pc:docMk/>
          <pc:sldMk cId="0" sldId="2860"/>
        </pc:sldMkLst>
      </pc:sldChg>
      <pc:sldChg chg="del">
        <pc:chgData name="芳彦 植野" userId="86ab4e6fb1040a80" providerId="LiveId" clId="{A6FF3A50-E7A3-4D6A-9DCD-C9D95B137832}" dt="2023-09-21T22:41:58.556" v="10" actId="2696"/>
        <pc:sldMkLst>
          <pc:docMk/>
          <pc:sldMk cId="0" sldId="2861"/>
        </pc:sldMkLst>
      </pc:sldChg>
      <pc:sldChg chg="del">
        <pc:chgData name="芳彦 植野" userId="86ab4e6fb1040a80" providerId="LiveId" clId="{A6FF3A50-E7A3-4D6A-9DCD-C9D95B137832}" dt="2023-09-21T22:41:59.809" v="11" actId="2696"/>
        <pc:sldMkLst>
          <pc:docMk/>
          <pc:sldMk cId="0" sldId="2865"/>
        </pc:sldMkLst>
      </pc:sldChg>
      <pc:sldChg chg="del">
        <pc:chgData name="芳彦 植野" userId="86ab4e6fb1040a80" providerId="LiveId" clId="{A6FF3A50-E7A3-4D6A-9DCD-C9D95B137832}" dt="2023-09-21T22:39:34.594" v="2" actId="2696"/>
        <pc:sldMkLst>
          <pc:docMk/>
          <pc:sldMk cId="2232321849" sldId="2875"/>
        </pc:sldMkLst>
      </pc:sldChg>
      <pc:sldChg chg="del">
        <pc:chgData name="芳彦 植野" userId="86ab4e6fb1040a80" providerId="LiveId" clId="{A6FF3A50-E7A3-4D6A-9DCD-C9D95B137832}" dt="2023-09-21T22:42:09.034" v="12" actId="2696"/>
        <pc:sldMkLst>
          <pc:docMk/>
          <pc:sldMk cId="1557690208" sldId="2876"/>
        </pc:sldMkLst>
      </pc:sldChg>
      <pc:sldChg chg="del">
        <pc:chgData name="芳彦 植野" userId="86ab4e6fb1040a80" providerId="LiveId" clId="{A6FF3A50-E7A3-4D6A-9DCD-C9D95B137832}" dt="2023-09-21T22:42:25.669" v="17" actId="2696"/>
        <pc:sldMkLst>
          <pc:docMk/>
          <pc:sldMk cId="3967144618" sldId="2883"/>
        </pc:sldMkLst>
      </pc:sldChg>
    </pc:docChg>
  </pc:docChgLst>
</pc:chgInfo>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E:\&#19979;&#26032;&#27211;\&#19979;&#26032;&#27211;&#12487;&#12540;&#12479;.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3.8949398085015907E-2"/>
          <c:y val="5.7283954767126895E-2"/>
          <c:w val="0.70065030279036344"/>
          <c:h val="0.87138323291232134"/>
        </c:manualLayout>
      </c:layout>
      <c:scatterChart>
        <c:scatterStyle val="lineMarker"/>
        <c:varyColors val="0"/>
        <c:ser>
          <c:idx val="0"/>
          <c:order val="0"/>
          <c:tx>
            <c:strRef>
              <c:f>グラフ!$H$2</c:f>
              <c:strCache>
                <c:ptCount val="1"/>
                <c:pt idx="0">
                  <c:v>温度℃</c:v>
                </c:pt>
              </c:strCache>
            </c:strRef>
          </c:tx>
          <c:marker>
            <c:symbol val="none"/>
          </c:marker>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H$6:$H$1136</c:f>
              <c:numCache>
                <c:formatCode>General</c:formatCode>
                <c:ptCount val="1131"/>
                <c:pt idx="0">
                  <c:v>23.3</c:v>
                </c:pt>
                <c:pt idx="1">
                  <c:v>23</c:v>
                </c:pt>
                <c:pt idx="2">
                  <c:v>22.5</c:v>
                </c:pt>
                <c:pt idx="3">
                  <c:v>22.5</c:v>
                </c:pt>
                <c:pt idx="4">
                  <c:v>22.5</c:v>
                </c:pt>
                <c:pt idx="5">
                  <c:v>22.7</c:v>
                </c:pt>
                <c:pt idx="6">
                  <c:v>22.9</c:v>
                </c:pt>
                <c:pt idx="7">
                  <c:v>22.9</c:v>
                </c:pt>
                <c:pt idx="8">
                  <c:v>22.9</c:v>
                </c:pt>
                <c:pt idx="9">
                  <c:v>22.9</c:v>
                </c:pt>
                <c:pt idx="10">
                  <c:v>23</c:v>
                </c:pt>
                <c:pt idx="11">
                  <c:v>23.2</c:v>
                </c:pt>
                <c:pt idx="12">
                  <c:v>23.2</c:v>
                </c:pt>
                <c:pt idx="13">
                  <c:v>23.2</c:v>
                </c:pt>
                <c:pt idx="14">
                  <c:v>23.5</c:v>
                </c:pt>
                <c:pt idx="15">
                  <c:v>23.7</c:v>
                </c:pt>
                <c:pt idx="16">
                  <c:v>23.7</c:v>
                </c:pt>
                <c:pt idx="17">
                  <c:v>23.7</c:v>
                </c:pt>
                <c:pt idx="18">
                  <c:v>23.8</c:v>
                </c:pt>
                <c:pt idx="19">
                  <c:v>23.8</c:v>
                </c:pt>
                <c:pt idx="20">
                  <c:v>24</c:v>
                </c:pt>
                <c:pt idx="21">
                  <c:v>24.1</c:v>
                </c:pt>
                <c:pt idx="22">
                  <c:v>24.3</c:v>
                </c:pt>
                <c:pt idx="23">
                  <c:v>24.3</c:v>
                </c:pt>
                <c:pt idx="24">
                  <c:v>24.8</c:v>
                </c:pt>
                <c:pt idx="25">
                  <c:v>25.7</c:v>
                </c:pt>
                <c:pt idx="26">
                  <c:v>25.9</c:v>
                </c:pt>
                <c:pt idx="27">
                  <c:v>25.9</c:v>
                </c:pt>
                <c:pt idx="28">
                  <c:v>25.9</c:v>
                </c:pt>
                <c:pt idx="29">
                  <c:v>25.9</c:v>
                </c:pt>
                <c:pt idx="30">
                  <c:v>25.7</c:v>
                </c:pt>
                <c:pt idx="31">
                  <c:v>25.7</c:v>
                </c:pt>
                <c:pt idx="32">
                  <c:v>25.7</c:v>
                </c:pt>
                <c:pt idx="33">
                  <c:v>25.7</c:v>
                </c:pt>
                <c:pt idx="34">
                  <c:v>25.9</c:v>
                </c:pt>
                <c:pt idx="35">
                  <c:v>26.2</c:v>
                </c:pt>
                <c:pt idx="36">
                  <c:v>26.4</c:v>
                </c:pt>
                <c:pt idx="37">
                  <c:v>26.7</c:v>
                </c:pt>
                <c:pt idx="38">
                  <c:v>26.9</c:v>
                </c:pt>
                <c:pt idx="39">
                  <c:v>27</c:v>
                </c:pt>
                <c:pt idx="40">
                  <c:v>27</c:v>
                </c:pt>
                <c:pt idx="41">
                  <c:v>26.9</c:v>
                </c:pt>
                <c:pt idx="42">
                  <c:v>26.4</c:v>
                </c:pt>
                <c:pt idx="43">
                  <c:v>25.6</c:v>
                </c:pt>
                <c:pt idx="44">
                  <c:v>25.3</c:v>
                </c:pt>
                <c:pt idx="45">
                  <c:v>24.3</c:v>
                </c:pt>
                <c:pt idx="46">
                  <c:v>23.7</c:v>
                </c:pt>
                <c:pt idx="47">
                  <c:v>23.5</c:v>
                </c:pt>
                <c:pt idx="48">
                  <c:v>21.6</c:v>
                </c:pt>
                <c:pt idx="49">
                  <c:v>20.6</c:v>
                </c:pt>
                <c:pt idx="50">
                  <c:v>20.3</c:v>
                </c:pt>
                <c:pt idx="51">
                  <c:v>20.5</c:v>
                </c:pt>
                <c:pt idx="52">
                  <c:v>21.1</c:v>
                </c:pt>
                <c:pt idx="53">
                  <c:v>20.6</c:v>
                </c:pt>
                <c:pt idx="54">
                  <c:v>20.8</c:v>
                </c:pt>
                <c:pt idx="55">
                  <c:v>21.1</c:v>
                </c:pt>
                <c:pt idx="56">
                  <c:v>21.4</c:v>
                </c:pt>
                <c:pt idx="57">
                  <c:v>21.7</c:v>
                </c:pt>
                <c:pt idx="58">
                  <c:v>22.1</c:v>
                </c:pt>
                <c:pt idx="59">
                  <c:v>22.4</c:v>
                </c:pt>
                <c:pt idx="60">
                  <c:v>22.7</c:v>
                </c:pt>
                <c:pt idx="61">
                  <c:v>23</c:v>
                </c:pt>
                <c:pt idx="62">
                  <c:v>23.2</c:v>
                </c:pt>
                <c:pt idx="63">
                  <c:v>23.2</c:v>
                </c:pt>
                <c:pt idx="64">
                  <c:v>23.3</c:v>
                </c:pt>
                <c:pt idx="65">
                  <c:v>22.4</c:v>
                </c:pt>
                <c:pt idx="66">
                  <c:v>22.1</c:v>
                </c:pt>
                <c:pt idx="67">
                  <c:v>20.5</c:v>
                </c:pt>
                <c:pt idx="68">
                  <c:v>19.3</c:v>
                </c:pt>
                <c:pt idx="69">
                  <c:v>18.399999999999999</c:v>
                </c:pt>
                <c:pt idx="70">
                  <c:v>18.100000000000001</c:v>
                </c:pt>
                <c:pt idx="71">
                  <c:v>18.2</c:v>
                </c:pt>
                <c:pt idx="72">
                  <c:v>16.3</c:v>
                </c:pt>
                <c:pt idx="73">
                  <c:v>15.8</c:v>
                </c:pt>
                <c:pt idx="74">
                  <c:v>15.7</c:v>
                </c:pt>
                <c:pt idx="75">
                  <c:v>16.100000000000001</c:v>
                </c:pt>
                <c:pt idx="76">
                  <c:v>16.600000000000001</c:v>
                </c:pt>
                <c:pt idx="77">
                  <c:v>16.899999999999999</c:v>
                </c:pt>
                <c:pt idx="78">
                  <c:v>17.100000000000001</c:v>
                </c:pt>
                <c:pt idx="79">
                  <c:v>17.100000000000001</c:v>
                </c:pt>
                <c:pt idx="80">
                  <c:v>17.3</c:v>
                </c:pt>
                <c:pt idx="81">
                  <c:v>17.399999999999999</c:v>
                </c:pt>
                <c:pt idx="82">
                  <c:v>17.600000000000001</c:v>
                </c:pt>
                <c:pt idx="83">
                  <c:v>17.7</c:v>
                </c:pt>
                <c:pt idx="84">
                  <c:v>18.2</c:v>
                </c:pt>
                <c:pt idx="85">
                  <c:v>18.7</c:v>
                </c:pt>
                <c:pt idx="86">
                  <c:v>19</c:v>
                </c:pt>
                <c:pt idx="87">
                  <c:v>19.2</c:v>
                </c:pt>
                <c:pt idx="88">
                  <c:v>19</c:v>
                </c:pt>
                <c:pt idx="89">
                  <c:v>18.5</c:v>
                </c:pt>
                <c:pt idx="90">
                  <c:v>18.2</c:v>
                </c:pt>
                <c:pt idx="91">
                  <c:v>17.899999999999999</c:v>
                </c:pt>
                <c:pt idx="92">
                  <c:v>17.600000000000001</c:v>
                </c:pt>
                <c:pt idx="93">
                  <c:v>17.3</c:v>
                </c:pt>
                <c:pt idx="94">
                  <c:v>16.899999999999999</c:v>
                </c:pt>
                <c:pt idx="95">
                  <c:v>16.899999999999999</c:v>
                </c:pt>
                <c:pt idx="96">
                  <c:v>16.8</c:v>
                </c:pt>
                <c:pt idx="97">
                  <c:v>16.899999999999999</c:v>
                </c:pt>
                <c:pt idx="98">
                  <c:v>17.100000000000001</c:v>
                </c:pt>
                <c:pt idx="99">
                  <c:v>17.399999999999999</c:v>
                </c:pt>
                <c:pt idx="100">
                  <c:v>17.600000000000001</c:v>
                </c:pt>
                <c:pt idx="101">
                  <c:v>17.7</c:v>
                </c:pt>
                <c:pt idx="102">
                  <c:v>17.7</c:v>
                </c:pt>
                <c:pt idx="103">
                  <c:v>17.7</c:v>
                </c:pt>
                <c:pt idx="104">
                  <c:v>17.7</c:v>
                </c:pt>
                <c:pt idx="105">
                  <c:v>17.7</c:v>
                </c:pt>
                <c:pt idx="106">
                  <c:v>17.7</c:v>
                </c:pt>
                <c:pt idx="107">
                  <c:v>17.7</c:v>
                </c:pt>
                <c:pt idx="108">
                  <c:v>17.7</c:v>
                </c:pt>
                <c:pt idx="109">
                  <c:v>17.899999999999999</c:v>
                </c:pt>
                <c:pt idx="110">
                  <c:v>17.7</c:v>
                </c:pt>
                <c:pt idx="111">
                  <c:v>17.7</c:v>
                </c:pt>
                <c:pt idx="112">
                  <c:v>17.600000000000001</c:v>
                </c:pt>
                <c:pt idx="113">
                  <c:v>17.600000000000001</c:v>
                </c:pt>
                <c:pt idx="114">
                  <c:v>18.2</c:v>
                </c:pt>
                <c:pt idx="115">
                  <c:v>18.5</c:v>
                </c:pt>
                <c:pt idx="116">
                  <c:v>18.7</c:v>
                </c:pt>
                <c:pt idx="117">
                  <c:v>18.7</c:v>
                </c:pt>
                <c:pt idx="118">
                  <c:v>19.2</c:v>
                </c:pt>
                <c:pt idx="119">
                  <c:v>19.3</c:v>
                </c:pt>
                <c:pt idx="120">
                  <c:v>19.7</c:v>
                </c:pt>
                <c:pt idx="121">
                  <c:v>19.7</c:v>
                </c:pt>
                <c:pt idx="122">
                  <c:v>19.5</c:v>
                </c:pt>
                <c:pt idx="123">
                  <c:v>19.3</c:v>
                </c:pt>
                <c:pt idx="124">
                  <c:v>18.899999999999999</c:v>
                </c:pt>
                <c:pt idx="125">
                  <c:v>18.2</c:v>
                </c:pt>
                <c:pt idx="126">
                  <c:v>18.399999999999999</c:v>
                </c:pt>
                <c:pt idx="127">
                  <c:v>18.7</c:v>
                </c:pt>
                <c:pt idx="128">
                  <c:v>19</c:v>
                </c:pt>
                <c:pt idx="129">
                  <c:v>19.3</c:v>
                </c:pt>
                <c:pt idx="130">
                  <c:v>19.5</c:v>
                </c:pt>
                <c:pt idx="131">
                  <c:v>19.7</c:v>
                </c:pt>
                <c:pt idx="132">
                  <c:v>20</c:v>
                </c:pt>
                <c:pt idx="133">
                  <c:v>20.5</c:v>
                </c:pt>
                <c:pt idx="134">
                  <c:v>20.6</c:v>
                </c:pt>
                <c:pt idx="135">
                  <c:v>20.6</c:v>
                </c:pt>
                <c:pt idx="136">
                  <c:v>20.5</c:v>
                </c:pt>
                <c:pt idx="137">
                  <c:v>20.9</c:v>
                </c:pt>
                <c:pt idx="138">
                  <c:v>20.5</c:v>
                </c:pt>
                <c:pt idx="139">
                  <c:v>20.3</c:v>
                </c:pt>
                <c:pt idx="140">
                  <c:v>19.5</c:v>
                </c:pt>
                <c:pt idx="141">
                  <c:v>18.899999999999999</c:v>
                </c:pt>
                <c:pt idx="142">
                  <c:v>18.399999999999999</c:v>
                </c:pt>
                <c:pt idx="143">
                  <c:v>18.5</c:v>
                </c:pt>
                <c:pt idx="144">
                  <c:v>16.8</c:v>
                </c:pt>
                <c:pt idx="145">
                  <c:v>14.9</c:v>
                </c:pt>
                <c:pt idx="146">
                  <c:v>14.7</c:v>
                </c:pt>
                <c:pt idx="147">
                  <c:v>14.9</c:v>
                </c:pt>
                <c:pt idx="148">
                  <c:v>15.2</c:v>
                </c:pt>
                <c:pt idx="149">
                  <c:v>15.3</c:v>
                </c:pt>
                <c:pt idx="150">
                  <c:v>15.7</c:v>
                </c:pt>
                <c:pt idx="151">
                  <c:v>16</c:v>
                </c:pt>
                <c:pt idx="152">
                  <c:v>16.5</c:v>
                </c:pt>
                <c:pt idx="153">
                  <c:v>16.8</c:v>
                </c:pt>
                <c:pt idx="154">
                  <c:v>17.100000000000001</c:v>
                </c:pt>
                <c:pt idx="155">
                  <c:v>17.399999999999999</c:v>
                </c:pt>
                <c:pt idx="156">
                  <c:v>17.899999999999999</c:v>
                </c:pt>
                <c:pt idx="157">
                  <c:v>18.399999999999999</c:v>
                </c:pt>
                <c:pt idx="158">
                  <c:v>18.5</c:v>
                </c:pt>
                <c:pt idx="159">
                  <c:v>18.399999999999999</c:v>
                </c:pt>
                <c:pt idx="160">
                  <c:v>18.100000000000001</c:v>
                </c:pt>
                <c:pt idx="161">
                  <c:v>17.600000000000001</c:v>
                </c:pt>
                <c:pt idx="162">
                  <c:v>17.3</c:v>
                </c:pt>
                <c:pt idx="163">
                  <c:v>16.5</c:v>
                </c:pt>
                <c:pt idx="164">
                  <c:v>16</c:v>
                </c:pt>
                <c:pt idx="165">
                  <c:v>15</c:v>
                </c:pt>
                <c:pt idx="166">
                  <c:v>14.4</c:v>
                </c:pt>
                <c:pt idx="167">
                  <c:v>14.5</c:v>
                </c:pt>
                <c:pt idx="168">
                  <c:v>12.6</c:v>
                </c:pt>
                <c:pt idx="169">
                  <c:v>11</c:v>
                </c:pt>
                <c:pt idx="170">
                  <c:v>10.7</c:v>
                </c:pt>
                <c:pt idx="171">
                  <c:v>10.9</c:v>
                </c:pt>
                <c:pt idx="172">
                  <c:v>11.2</c:v>
                </c:pt>
                <c:pt idx="173">
                  <c:v>11.5</c:v>
                </c:pt>
                <c:pt idx="174">
                  <c:v>11.7</c:v>
                </c:pt>
                <c:pt idx="175">
                  <c:v>12.1</c:v>
                </c:pt>
                <c:pt idx="176">
                  <c:v>12.5</c:v>
                </c:pt>
                <c:pt idx="177">
                  <c:v>12.9</c:v>
                </c:pt>
                <c:pt idx="178">
                  <c:v>13.3</c:v>
                </c:pt>
                <c:pt idx="179">
                  <c:v>13.4</c:v>
                </c:pt>
                <c:pt idx="180">
                  <c:v>13.9</c:v>
                </c:pt>
                <c:pt idx="181">
                  <c:v>14.2</c:v>
                </c:pt>
                <c:pt idx="182">
                  <c:v>14.4</c:v>
                </c:pt>
                <c:pt idx="183">
                  <c:v>14.1</c:v>
                </c:pt>
                <c:pt idx="184">
                  <c:v>13.9</c:v>
                </c:pt>
                <c:pt idx="185">
                  <c:v>13.7</c:v>
                </c:pt>
                <c:pt idx="186">
                  <c:v>13.6</c:v>
                </c:pt>
                <c:pt idx="187">
                  <c:v>14.2</c:v>
                </c:pt>
                <c:pt idx="188">
                  <c:v>13.7</c:v>
                </c:pt>
                <c:pt idx="189">
                  <c:v>13.7</c:v>
                </c:pt>
                <c:pt idx="190">
                  <c:v>13.7</c:v>
                </c:pt>
                <c:pt idx="191">
                  <c:v>14.1</c:v>
                </c:pt>
                <c:pt idx="192">
                  <c:v>13.9</c:v>
                </c:pt>
                <c:pt idx="193">
                  <c:v>13.4</c:v>
                </c:pt>
                <c:pt idx="194">
                  <c:v>13.7</c:v>
                </c:pt>
                <c:pt idx="195">
                  <c:v>13.7</c:v>
                </c:pt>
                <c:pt idx="196">
                  <c:v>13.9</c:v>
                </c:pt>
                <c:pt idx="197">
                  <c:v>14.1</c:v>
                </c:pt>
                <c:pt idx="198">
                  <c:v>14.2</c:v>
                </c:pt>
                <c:pt idx="199">
                  <c:v>14.2</c:v>
                </c:pt>
                <c:pt idx="200">
                  <c:v>14.4</c:v>
                </c:pt>
                <c:pt idx="201">
                  <c:v>14.5</c:v>
                </c:pt>
                <c:pt idx="202">
                  <c:v>14.5</c:v>
                </c:pt>
                <c:pt idx="203">
                  <c:v>14.7</c:v>
                </c:pt>
                <c:pt idx="204">
                  <c:v>15</c:v>
                </c:pt>
                <c:pt idx="205">
                  <c:v>15.5</c:v>
                </c:pt>
                <c:pt idx="206">
                  <c:v>15.8</c:v>
                </c:pt>
                <c:pt idx="207">
                  <c:v>16</c:v>
                </c:pt>
                <c:pt idx="208">
                  <c:v>16.3</c:v>
                </c:pt>
                <c:pt idx="209">
                  <c:v>16.100000000000001</c:v>
                </c:pt>
                <c:pt idx="210">
                  <c:v>15.7</c:v>
                </c:pt>
                <c:pt idx="211">
                  <c:v>15.7</c:v>
                </c:pt>
                <c:pt idx="212">
                  <c:v>15.3</c:v>
                </c:pt>
                <c:pt idx="213">
                  <c:v>15.3</c:v>
                </c:pt>
                <c:pt idx="214">
                  <c:v>14.9</c:v>
                </c:pt>
                <c:pt idx="215">
                  <c:v>14.5</c:v>
                </c:pt>
                <c:pt idx="216">
                  <c:v>14.4</c:v>
                </c:pt>
                <c:pt idx="217">
                  <c:v>14.2</c:v>
                </c:pt>
                <c:pt idx="218">
                  <c:v>14.2</c:v>
                </c:pt>
                <c:pt idx="219">
                  <c:v>14.4</c:v>
                </c:pt>
                <c:pt idx="220">
                  <c:v>14.5</c:v>
                </c:pt>
                <c:pt idx="221">
                  <c:v>14.5</c:v>
                </c:pt>
                <c:pt idx="222">
                  <c:v>14.5</c:v>
                </c:pt>
                <c:pt idx="223">
                  <c:v>14.4</c:v>
                </c:pt>
                <c:pt idx="224">
                  <c:v>14.5</c:v>
                </c:pt>
                <c:pt idx="225">
                  <c:v>14.9</c:v>
                </c:pt>
                <c:pt idx="226">
                  <c:v>14.7</c:v>
                </c:pt>
                <c:pt idx="227">
                  <c:v>14.7</c:v>
                </c:pt>
                <c:pt idx="228">
                  <c:v>14.9</c:v>
                </c:pt>
                <c:pt idx="229">
                  <c:v>14.9</c:v>
                </c:pt>
                <c:pt idx="230">
                  <c:v>15</c:v>
                </c:pt>
                <c:pt idx="231">
                  <c:v>15.3</c:v>
                </c:pt>
                <c:pt idx="232">
                  <c:v>15.5</c:v>
                </c:pt>
                <c:pt idx="233">
                  <c:v>15.5</c:v>
                </c:pt>
                <c:pt idx="234">
                  <c:v>15.3</c:v>
                </c:pt>
                <c:pt idx="235">
                  <c:v>15</c:v>
                </c:pt>
                <c:pt idx="236">
                  <c:v>14.9</c:v>
                </c:pt>
                <c:pt idx="237">
                  <c:v>14.5</c:v>
                </c:pt>
                <c:pt idx="238">
                  <c:v>14.4</c:v>
                </c:pt>
                <c:pt idx="239">
                  <c:v>14.4</c:v>
                </c:pt>
                <c:pt idx="240">
                  <c:v>14.2</c:v>
                </c:pt>
                <c:pt idx="241">
                  <c:v>14.4</c:v>
                </c:pt>
                <c:pt idx="242">
                  <c:v>14.4</c:v>
                </c:pt>
                <c:pt idx="243">
                  <c:v>14.2</c:v>
                </c:pt>
                <c:pt idx="244">
                  <c:v>14.1</c:v>
                </c:pt>
                <c:pt idx="245">
                  <c:v>14.2</c:v>
                </c:pt>
                <c:pt idx="246">
                  <c:v>14.5</c:v>
                </c:pt>
                <c:pt idx="247">
                  <c:v>14.4</c:v>
                </c:pt>
                <c:pt idx="248">
                  <c:v>14.4</c:v>
                </c:pt>
                <c:pt idx="249">
                  <c:v>14.4</c:v>
                </c:pt>
                <c:pt idx="250">
                  <c:v>14.9</c:v>
                </c:pt>
                <c:pt idx="251">
                  <c:v>14.9</c:v>
                </c:pt>
                <c:pt idx="252">
                  <c:v>14.9</c:v>
                </c:pt>
                <c:pt idx="253">
                  <c:v>14.7</c:v>
                </c:pt>
                <c:pt idx="254">
                  <c:v>14.9</c:v>
                </c:pt>
                <c:pt idx="255">
                  <c:v>15</c:v>
                </c:pt>
                <c:pt idx="256">
                  <c:v>15.3</c:v>
                </c:pt>
                <c:pt idx="257">
                  <c:v>15.3</c:v>
                </c:pt>
                <c:pt idx="258">
                  <c:v>15.5</c:v>
                </c:pt>
                <c:pt idx="259">
                  <c:v>15.3</c:v>
                </c:pt>
                <c:pt idx="260">
                  <c:v>15.3</c:v>
                </c:pt>
                <c:pt idx="261">
                  <c:v>15.3</c:v>
                </c:pt>
                <c:pt idx="262">
                  <c:v>15.3</c:v>
                </c:pt>
                <c:pt idx="263">
                  <c:v>15.3</c:v>
                </c:pt>
                <c:pt idx="264">
                  <c:v>15</c:v>
                </c:pt>
                <c:pt idx="265">
                  <c:v>15.2</c:v>
                </c:pt>
                <c:pt idx="266">
                  <c:v>15.3</c:v>
                </c:pt>
                <c:pt idx="267">
                  <c:v>15.2</c:v>
                </c:pt>
                <c:pt idx="268">
                  <c:v>15.3</c:v>
                </c:pt>
                <c:pt idx="269">
                  <c:v>16</c:v>
                </c:pt>
                <c:pt idx="270">
                  <c:v>16.600000000000001</c:v>
                </c:pt>
                <c:pt idx="271">
                  <c:v>17.600000000000001</c:v>
                </c:pt>
                <c:pt idx="272">
                  <c:v>18.2</c:v>
                </c:pt>
                <c:pt idx="273">
                  <c:v>18.899999999999999</c:v>
                </c:pt>
                <c:pt idx="274">
                  <c:v>19.2</c:v>
                </c:pt>
                <c:pt idx="275">
                  <c:v>19.7</c:v>
                </c:pt>
                <c:pt idx="276">
                  <c:v>20.100000000000001</c:v>
                </c:pt>
                <c:pt idx="277">
                  <c:v>20.6</c:v>
                </c:pt>
                <c:pt idx="278">
                  <c:v>20.9</c:v>
                </c:pt>
                <c:pt idx="279">
                  <c:v>21.6</c:v>
                </c:pt>
                <c:pt idx="280">
                  <c:v>22.1</c:v>
                </c:pt>
                <c:pt idx="281">
                  <c:v>22.9</c:v>
                </c:pt>
                <c:pt idx="282">
                  <c:v>22.9</c:v>
                </c:pt>
                <c:pt idx="283">
                  <c:v>22.9</c:v>
                </c:pt>
                <c:pt idx="284">
                  <c:v>22.1</c:v>
                </c:pt>
                <c:pt idx="285">
                  <c:v>21.1</c:v>
                </c:pt>
                <c:pt idx="286">
                  <c:v>20.100000000000001</c:v>
                </c:pt>
                <c:pt idx="287">
                  <c:v>19.8</c:v>
                </c:pt>
                <c:pt idx="288">
                  <c:v>18.899999999999999</c:v>
                </c:pt>
                <c:pt idx="289">
                  <c:v>17.7</c:v>
                </c:pt>
                <c:pt idx="290">
                  <c:v>16.600000000000001</c:v>
                </c:pt>
                <c:pt idx="291">
                  <c:v>16.100000000000001</c:v>
                </c:pt>
                <c:pt idx="292">
                  <c:v>16.3</c:v>
                </c:pt>
                <c:pt idx="293">
                  <c:v>16.600000000000001</c:v>
                </c:pt>
                <c:pt idx="294">
                  <c:v>16.8</c:v>
                </c:pt>
                <c:pt idx="295">
                  <c:v>16.8</c:v>
                </c:pt>
                <c:pt idx="296">
                  <c:v>16.899999999999999</c:v>
                </c:pt>
                <c:pt idx="297">
                  <c:v>17.100000000000001</c:v>
                </c:pt>
                <c:pt idx="298">
                  <c:v>17.3</c:v>
                </c:pt>
                <c:pt idx="299">
                  <c:v>17.600000000000001</c:v>
                </c:pt>
                <c:pt idx="300">
                  <c:v>18.100000000000001</c:v>
                </c:pt>
                <c:pt idx="301">
                  <c:v>18.2</c:v>
                </c:pt>
                <c:pt idx="302">
                  <c:v>18.7</c:v>
                </c:pt>
                <c:pt idx="303">
                  <c:v>18.899999999999999</c:v>
                </c:pt>
                <c:pt idx="304">
                  <c:v>18.899999999999999</c:v>
                </c:pt>
                <c:pt idx="305">
                  <c:v>18.899999999999999</c:v>
                </c:pt>
                <c:pt idx="306">
                  <c:v>18.5</c:v>
                </c:pt>
                <c:pt idx="307">
                  <c:v>18.399999999999999</c:v>
                </c:pt>
                <c:pt idx="308">
                  <c:v>18.100000000000001</c:v>
                </c:pt>
                <c:pt idx="309">
                  <c:v>17.399999999999999</c:v>
                </c:pt>
                <c:pt idx="310">
                  <c:v>16.899999999999999</c:v>
                </c:pt>
                <c:pt idx="311">
                  <c:v>16.5</c:v>
                </c:pt>
                <c:pt idx="312">
                  <c:v>15.8</c:v>
                </c:pt>
                <c:pt idx="313">
                  <c:v>14.4</c:v>
                </c:pt>
                <c:pt idx="314">
                  <c:v>13.4</c:v>
                </c:pt>
                <c:pt idx="315">
                  <c:v>13.3</c:v>
                </c:pt>
                <c:pt idx="316">
                  <c:v>13.4</c:v>
                </c:pt>
                <c:pt idx="317">
                  <c:v>13.6</c:v>
                </c:pt>
                <c:pt idx="318">
                  <c:v>13.7</c:v>
                </c:pt>
                <c:pt idx="319">
                  <c:v>14.1</c:v>
                </c:pt>
                <c:pt idx="320">
                  <c:v>14.1</c:v>
                </c:pt>
                <c:pt idx="321">
                  <c:v>13.9</c:v>
                </c:pt>
                <c:pt idx="322">
                  <c:v>14.1</c:v>
                </c:pt>
                <c:pt idx="323">
                  <c:v>14.4</c:v>
                </c:pt>
                <c:pt idx="324">
                  <c:v>14.7</c:v>
                </c:pt>
                <c:pt idx="325">
                  <c:v>15.2</c:v>
                </c:pt>
                <c:pt idx="326">
                  <c:v>15.7</c:v>
                </c:pt>
                <c:pt idx="327">
                  <c:v>15.7</c:v>
                </c:pt>
                <c:pt idx="328">
                  <c:v>15.2</c:v>
                </c:pt>
                <c:pt idx="329">
                  <c:v>14.2</c:v>
                </c:pt>
                <c:pt idx="330">
                  <c:v>13.7</c:v>
                </c:pt>
                <c:pt idx="331">
                  <c:v>13.1</c:v>
                </c:pt>
                <c:pt idx="332">
                  <c:v>12.6</c:v>
                </c:pt>
                <c:pt idx="333">
                  <c:v>12.3</c:v>
                </c:pt>
                <c:pt idx="334">
                  <c:v>12.1</c:v>
                </c:pt>
                <c:pt idx="335">
                  <c:v>12</c:v>
                </c:pt>
                <c:pt idx="336">
                  <c:v>12.6</c:v>
                </c:pt>
                <c:pt idx="337">
                  <c:v>13.1</c:v>
                </c:pt>
                <c:pt idx="338">
                  <c:v>12.9</c:v>
                </c:pt>
                <c:pt idx="339">
                  <c:v>12.8</c:v>
                </c:pt>
                <c:pt idx="340">
                  <c:v>13.3</c:v>
                </c:pt>
                <c:pt idx="341">
                  <c:v>14.1</c:v>
                </c:pt>
                <c:pt idx="342">
                  <c:v>14.4</c:v>
                </c:pt>
                <c:pt idx="343">
                  <c:v>14.5</c:v>
                </c:pt>
                <c:pt idx="344">
                  <c:v>14.5</c:v>
                </c:pt>
                <c:pt idx="345">
                  <c:v>14.9</c:v>
                </c:pt>
                <c:pt idx="346">
                  <c:v>15.5</c:v>
                </c:pt>
                <c:pt idx="347">
                  <c:v>15.7</c:v>
                </c:pt>
                <c:pt idx="348">
                  <c:v>16</c:v>
                </c:pt>
                <c:pt idx="349">
                  <c:v>16.100000000000001</c:v>
                </c:pt>
                <c:pt idx="350">
                  <c:v>16.5</c:v>
                </c:pt>
                <c:pt idx="351">
                  <c:v>16.8</c:v>
                </c:pt>
                <c:pt idx="352">
                  <c:v>16.8</c:v>
                </c:pt>
                <c:pt idx="353">
                  <c:v>16.5</c:v>
                </c:pt>
                <c:pt idx="354">
                  <c:v>16.100000000000001</c:v>
                </c:pt>
                <c:pt idx="355">
                  <c:v>16.3</c:v>
                </c:pt>
                <c:pt idx="356">
                  <c:v>16.3</c:v>
                </c:pt>
                <c:pt idx="357">
                  <c:v>16.5</c:v>
                </c:pt>
                <c:pt idx="358">
                  <c:v>16.899999999999999</c:v>
                </c:pt>
                <c:pt idx="359">
                  <c:v>17.3</c:v>
                </c:pt>
                <c:pt idx="360">
                  <c:v>17.600000000000001</c:v>
                </c:pt>
                <c:pt idx="361">
                  <c:v>17.7</c:v>
                </c:pt>
                <c:pt idx="362">
                  <c:v>17.899999999999999</c:v>
                </c:pt>
                <c:pt idx="363">
                  <c:v>18.100000000000001</c:v>
                </c:pt>
                <c:pt idx="364">
                  <c:v>17.7</c:v>
                </c:pt>
                <c:pt idx="365">
                  <c:v>17.7</c:v>
                </c:pt>
                <c:pt idx="366">
                  <c:v>17.3</c:v>
                </c:pt>
                <c:pt idx="367">
                  <c:v>17.3</c:v>
                </c:pt>
                <c:pt idx="368">
                  <c:v>17.600000000000001</c:v>
                </c:pt>
                <c:pt idx="369">
                  <c:v>17.7</c:v>
                </c:pt>
                <c:pt idx="370">
                  <c:v>17.7</c:v>
                </c:pt>
                <c:pt idx="371">
                  <c:v>18.2</c:v>
                </c:pt>
                <c:pt idx="372">
                  <c:v>18.2</c:v>
                </c:pt>
                <c:pt idx="373">
                  <c:v>18.100000000000001</c:v>
                </c:pt>
                <c:pt idx="374">
                  <c:v>18.399999999999999</c:v>
                </c:pt>
                <c:pt idx="375">
                  <c:v>19.8</c:v>
                </c:pt>
                <c:pt idx="376">
                  <c:v>21.4</c:v>
                </c:pt>
                <c:pt idx="377">
                  <c:v>22.5</c:v>
                </c:pt>
                <c:pt idx="378">
                  <c:v>24.3</c:v>
                </c:pt>
                <c:pt idx="379">
                  <c:v>23.7</c:v>
                </c:pt>
                <c:pt idx="380">
                  <c:v>23.2</c:v>
                </c:pt>
                <c:pt idx="381">
                  <c:v>22.9</c:v>
                </c:pt>
                <c:pt idx="382">
                  <c:v>21.9</c:v>
                </c:pt>
                <c:pt idx="383">
                  <c:v>21.1</c:v>
                </c:pt>
                <c:pt idx="384">
                  <c:v>19.7</c:v>
                </c:pt>
                <c:pt idx="385">
                  <c:v>19</c:v>
                </c:pt>
                <c:pt idx="386">
                  <c:v>17.3</c:v>
                </c:pt>
                <c:pt idx="387">
                  <c:v>17.3</c:v>
                </c:pt>
                <c:pt idx="388">
                  <c:v>17.600000000000001</c:v>
                </c:pt>
                <c:pt idx="389">
                  <c:v>17.899999999999999</c:v>
                </c:pt>
                <c:pt idx="390">
                  <c:v>18.100000000000001</c:v>
                </c:pt>
                <c:pt idx="391">
                  <c:v>18.399999999999999</c:v>
                </c:pt>
                <c:pt idx="392">
                  <c:v>18.5</c:v>
                </c:pt>
                <c:pt idx="393">
                  <c:v>19</c:v>
                </c:pt>
                <c:pt idx="394">
                  <c:v>19.3</c:v>
                </c:pt>
                <c:pt idx="395">
                  <c:v>19.5</c:v>
                </c:pt>
                <c:pt idx="396">
                  <c:v>19.3</c:v>
                </c:pt>
                <c:pt idx="397">
                  <c:v>19.8</c:v>
                </c:pt>
                <c:pt idx="398">
                  <c:v>20</c:v>
                </c:pt>
                <c:pt idx="399">
                  <c:v>20.100000000000001</c:v>
                </c:pt>
                <c:pt idx="400">
                  <c:v>21.9</c:v>
                </c:pt>
                <c:pt idx="401">
                  <c:v>23</c:v>
                </c:pt>
                <c:pt idx="402">
                  <c:v>23.3</c:v>
                </c:pt>
                <c:pt idx="403">
                  <c:v>23</c:v>
                </c:pt>
                <c:pt idx="404">
                  <c:v>23</c:v>
                </c:pt>
                <c:pt idx="405">
                  <c:v>22.5</c:v>
                </c:pt>
                <c:pt idx="406">
                  <c:v>21.7</c:v>
                </c:pt>
                <c:pt idx="407">
                  <c:v>21.1</c:v>
                </c:pt>
                <c:pt idx="408">
                  <c:v>20.6</c:v>
                </c:pt>
                <c:pt idx="409">
                  <c:v>19.7</c:v>
                </c:pt>
                <c:pt idx="410">
                  <c:v>19</c:v>
                </c:pt>
                <c:pt idx="411">
                  <c:v>18.899999999999999</c:v>
                </c:pt>
                <c:pt idx="412">
                  <c:v>19</c:v>
                </c:pt>
                <c:pt idx="413">
                  <c:v>19.3</c:v>
                </c:pt>
                <c:pt idx="414">
                  <c:v>19.3</c:v>
                </c:pt>
                <c:pt idx="415">
                  <c:v>19.8</c:v>
                </c:pt>
                <c:pt idx="416">
                  <c:v>20.100000000000001</c:v>
                </c:pt>
                <c:pt idx="417">
                  <c:v>20.6</c:v>
                </c:pt>
                <c:pt idx="418">
                  <c:v>21.1</c:v>
                </c:pt>
                <c:pt idx="419">
                  <c:v>21.9</c:v>
                </c:pt>
                <c:pt idx="420">
                  <c:v>22.4</c:v>
                </c:pt>
                <c:pt idx="421">
                  <c:v>22.9</c:v>
                </c:pt>
                <c:pt idx="422">
                  <c:v>23.2</c:v>
                </c:pt>
                <c:pt idx="423">
                  <c:v>23.5</c:v>
                </c:pt>
                <c:pt idx="424">
                  <c:v>23.7</c:v>
                </c:pt>
                <c:pt idx="425">
                  <c:v>23.5</c:v>
                </c:pt>
                <c:pt idx="426">
                  <c:v>23.5</c:v>
                </c:pt>
                <c:pt idx="427">
                  <c:v>23.7</c:v>
                </c:pt>
                <c:pt idx="428">
                  <c:v>23.2</c:v>
                </c:pt>
                <c:pt idx="429">
                  <c:v>22.5</c:v>
                </c:pt>
                <c:pt idx="430">
                  <c:v>22.5</c:v>
                </c:pt>
                <c:pt idx="431">
                  <c:v>21.7</c:v>
                </c:pt>
                <c:pt idx="432">
                  <c:v>21.3</c:v>
                </c:pt>
                <c:pt idx="433">
                  <c:v>21.1</c:v>
                </c:pt>
                <c:pt idx="434">
                  <c:v>19.8</c:v>
                </c:pt>
                <c:pt idx="435">
                  <c:v>19.3</c:v>
                </c:pt>
                <c:pt idx="436">
                  <c:v>19.5</c:v>
                </c:pt>
                <c:pt idx="437">
                  <c:v>19.8</c:v>
                </c:pt>
                <c:pt idx="438">
                  <c:v>20</c:v>
                </c:pt>
                <c:pt idx="439">
                  <c:v>20</c:v>
                </c:pt>
                <c:pt idx="440">
                  <c:v>20.100000000000001</c:v>
                </c:pt>
                <c:pt idx="441">
                  <c:v>20.5</c:v>
                </c:pt>
                <c:pt idx="442">
                  <c:v>20.6</c:v>
                </c:pt>
                <c:pt idx="443">
                  <c:v>20.3</c:v>
                </c:pt>
                <c:pt idx="444">
                  <c:v>20.8</c:v>
                </c:pt>
                <c:pt idx="445">
                  <c:v>21.3</c:v>
                </c:pt>
                <c:pt idx="446">
                  <c:v>21.9</c:v>
                </c:pt>
                <c:pt idx="447">
                  <c:v>22.5</c:v>
                </c:pt>
                <c:pt idx="448">
                  <c:v>22.7</c:v>
                </c:pt>
                <c:pt idx="449">
                  <c:v>22.4</c:v>
                </c:pt>
                <c:pt idx="450">
                  <c:v>22.4</c:v>
                </c:pt>
                <c:pt idx="451">
                  <c:v>22.5</c:v>
                </c:pt>
                <c:pt idx="452">
                  <c:v>20.9</c:v>
                </c:pt>
                <c:pt idx="453">
                  <c:v>20.100000000000001</c:v>
                </c:pt>
                <c:pt idx="454">
                  <c:v>19.7</c:v>
                </c:pt>
                <c:pt idx="455">
                  <c:v>19.2</c:v>
                </c:pt>
                <c:pt idx="456">
                  <c:v>18.7</c:v>
                </c:pt>
                <c:pt idx="457">
                  <c:v>18.100000000000001</c:v>
                </c:pt>
                <c:pt idx="458">
                  <c:v>15.8</c:v>
                </c:pt>
                <c:pt idx="459">
                  <c:v>15.2</c:v>
                </c:pt>
                <c:pt idx="460">
                  <c:v>14.7</c:v>
                </c:pt>
                <c:pt idx="461">
                  <c:v>14.9</c:v>
                </c:pt>
                <c:pt idx="462">
                  <c:v>15</c:v>
                </c:pt>
                <c:pt idx="463">
                  <c:v>15.2</c:v>
                </c:pt>
                <c:pt idx="464">
                  <c:v>15.3</c:v>
                </c:pt>
                <c:pt idx="465">
                  <c:v>15.7</c:v>
                </c:pt>
                <c:pt idx="466">
                  <c:v>16</c:v>
                </c:pt>
                <c:pt idx="467">
                  <c:v>16.3</c:v>
                </c:pt>
                <c:pt idx="468">
                  <c:v>16.5</c:v>
                </c:pt>
                <c:pt idx="469">
                  <c:v>16.899999999999999</c:v>
                </c:pt>
                <c:pt idx="470">
                  <c:v>17.3</c:v>
                </c:pt>
                <c:pt idx="471">
                  <c:v>17.7</c:v>
                </c:pt>
                <c:pt idx="472">
                  <c:v>17.899999999999999</c:v>
                </c:pt>
                <c:pt idx="473">
                  <c:v>17.899999999999999</c:v>
                </c:pt>
                <c:pt idx="474">
                  <c:v>17.7</c:v>
                </c:pt>
                <c:pt idx="475">
                  <c:v>17.7</c:v>
                </c:pt>
                <c:pt idx="476">
                  <c:v>16.600000000000001</c:v>
                </c:pt>
                <c:pt idx="477">
                  <c:v>16.3</c:v>
                </c:pt>
                <c:pt idx="478">
                  <c:v>15.7</c:v>
                </c:pt>
                <c:pt idx="479">
                  <c:v>15.3</c:v>
                </c:pt>
                <c:pt idx="480">
                  <c:v>14.7</c:v>
                </c:pt>
                <c:pt idx="481">
                  <c:v>14.9</c:v>
                </c:pt>
                <c:pt idx="482">
                  <c:v>14.4</c:v>
                </c:pt>
                <c:pt idx="483">
                  <c:v>14.5</c:v>
                </c:pt>
                <c:pt idx="484">
                  <c:v>14.9</c:v>
                </c:pt>
                <c:pt idx="485">
                  <c:v>15.3</c:v>
                </c:pt>
                <c:pt idx="486">
                  <c:v>15.3</c:v>
                </c:pt>
                <c:pt idx="487">
                  <c:v>15.7</c:v>
                </c:pt>
                <c:pt idx="488">
                  <c:v>16</c:v>
                </c:pt>
                <c:pt idx="489">
                  <c:v>16.5</c:v>
                </c:pt>
                <c:pt idx="490">
                  <c:v>16.600000000000001</c:v>
                </c:pt>
                <c:pt idx="491">
                  <c:v>16.899999999999999</c:v>
                </c:pt>
                <c:pt idx="492">
                  <c:v>17.399999999999999</c:v>
                </c:pt>
                <c:pt idx="493">
                  <c:v>17.7</c:v>
                </c:pt>
                <c:pt idx="494">
                  <c:v>18.2</c:v>
                </c:pt>
                <c:pt idx="495">
                  <c:v>18.5</c:v>
                </c:pt>
                <c:pt idx="496">
                  <c:v>18.7</c:v>
                </c:pt>
                <c:pt idx="497">
                  <c:v>18.899999999999999</c:v>
                </c:pt>
                <c:pt idx="498">
                  <c:v>18.5</c:v>
                </c:pt>
                <c:pt idx="499">
                  <c:v>17.899999999999999</c:v>
                </c:pt>
                <c:pt idx="500">
                  <c:v>17.399999999999999</c:v>
                </c:pt>
                <c:pt idx="501">
                  <c:v>17.3</c:v>
                </c:pt>
                <c:pt idx="502">
                  <c:v>16.899999999999999</c:v>
                </c:pt>
                <c:pt idx="503">
                  <c:v>15.7</c:v>
                </c:pt>
                <c:pt idx="504">
                  <c:v>15</c:v>
                </c:pt>
                <c:pt idx="505">
                  <c:v>14.4</c:v>
                </c:pt>
                <c:pt idx="506">
                  <c:v>14.1</c:v>
                </c:pt>
                <c:pt idx="507">
                  <c:v>13.9</c:v>
                </c:pt>
                <c:pt idx="508">
                  <c:v>13.9</c:v>
                </c:pt>
                <c:pt idx="509">
                  <c:v>14.1</c:v>
                </c:pt>
                <c:pt idx="510">
                  <c:v>14.2</c:v>
                </c:pt>
                <c:pt idx="511">
                  <c:v>14.4</c:v>
                </c:pt>
                <c:pt idx="512">
                  <c:v>14.5</c:v>
                </c:pt>
                <c:pt idx="513">
                  <c:v>14.7</c:v>
                </c:pt>
                <c:pt idx="514">
                  <c:v>14.9</c:v>
                </c:pt>
                <c:pt idx="515">
                  <c:v>15.2</c:v>
                </c:pt>
                <c:pt idx="516">
                  <c:v>15.3</c:v>
                </c:pt>
                <c:pt idx="517">
                  <c:v>15.5</c:v>
                </c:pt>
                <c:pt idx="518">
                  <c:v>16</c:v>
                </c:pt>
                <c:pt idx="519">
                  <c:v>16.600000000000001</c:v>
                </c:pt>
                <c:pt idx="520">
                  <c:v>16.8</c:v>
                </c:pt>
                <c:pt idx="521">
                  <c:v>16.5</c:v>
                </c:pt>
                <c:pt idx="522">
                  <c:v>16.3</c:v>
                </c:pt>
                <c:pt idx="523">
                  <c:v>15.5</c:v>
                </c:pt>
                <c:pt idx="524">
                  <c:v>15</c:v>
                </c:pt>
                <c:pt idx="525">
                  <c:v>14.4</c:v>
                </c:pt>
                <c:pt idx="526">
                  <c:v>14.5</c:v>
                </c:pt>
                <c:pt idx="527">
                  <c:v>14.4</c:v>
                </c:pt>
                <c:pt idx="528">
                  <c:v>14.2</c:v>
                </c:pt>
                <c:pt idx="529">
                  <c:v>14.1</c:v>
                </c:pt>
                <c:pt idx="530">
                  <c:v>13.9</c:v>
                </c:pt>
                <c:pt idx="531">
                  <c:v>13.6</c:v>
                </c:pt>
                <c:pt idx="532">
                  <c:v>13.4</c:v>
                </c:pt>
                <c:pt idx="533">
                  <c:v>13.4</c:v>
                </c:pt>
                <c:pt idx="534">
                  <c:v>13.6</c:v>
                </c:pt>
                <c:pt idx="535">
                  <c:v>13.7</c:v>
                </c:pt>
                <c:pt idx="536">
                  <c:v>13.7</c:v>
                </c:pt>
                <c:pt idx="537">
                  <c:v>13.9</c:v>
                </c:pt>
                <c:pt idx="538">
                  <c:v>14.4</c:v>
                </c:pt>
                <c:pt idx="539">
                  <c:v>14.5</c:v>
                </c:pt>
                <c:pt idx="540">
                  <c:v>14.7</c:v>
                </c:pt>
                <c:pt idx="541">
                  <c:v>14.7</c:v>
                </c:pt>
                <c:pt idx="542">
                  <c:v>14.9</c:v>
                </c:pt>
                <c:pt idx="543">
                  <c:v>15</c:v>
                </c:pt>
                <c:pt idx="544">
                  <c:v>15.3</c:v>
                </c:pt>
                <c:pt idx="545">
                  <c:v>15.5</c:v>
                </c:pt>
                <c:pt idx="546">
                  <c:v>15.7</c:v>
                </c:pt>
                <c:pt idx="547">
                  <c:v>15.7</c:v>
                </c:pt>
                <c:pt idx="548">
                  <c:v>15.7</c:v>
                </c:pt>
                <c:pt idx="549">
                  <c:v>15.8</c:v>
                </c:pt>
                <c:pt idx="550">
                  <c:v>16</c:v>
                </c:pt>
                <c:pt idx="551">
                  <c:v>16</c:v>
                </c:pt>
                <c:pt idx="552">
                  <c:v>16.100000000000001</c:v>
                </c:pt>
                <c:pt idx="553">
                  <c:v>16.3</c:v>
                </c:pt>
                <c:pt idx="554">
                  <c:v>16</c:v>
                </c:pt>
                <c:pt idx="555">
                  <c:v>16</c:v>
                </c:pt>
                <c:pt idx="556">
                  <c:v>16</c:v>
                </c:pt>
                <c:pt idx="557">
                  <c:v>16</c:v>
                </c:pt>
                <c:pt idx="558">
                  <c:v>16</c:v>
                </c:pt>
                <c:pt idx="559">
                  <c:v>15.8</c:v>
                </c:pt>
                <c:pt idx="560">
                  <c:v>16</c:v>
                </c:pt>
                <c:pt idx="561">
                  <c:v>16.100000000000001</c:v>
                </c:pt>
                <c:pt idx="562">
                  <c:v>16.3</c:v>
                </c:pt>
                <c:pt idx="563">
                  <c:v>16.100000000000001</c:v>
                </c:pt>
                <c:pt idx="564">
                  <c:v>16.100000000000001</c:v>
                </c:pt>
                <c:pt idx="565">
                  <c:v>16.3</c:v>
                </c:pt>
                <c:pt idx="566">
                  <c:v>16.5</c:v>
                </c:pt>
                <c:pt idx="567">
                  <c:v>16.5</c:v>
                </c:pt>
                <c:pt idx="568">
                  <c:v>16.600000000000001</c:v>
                </c:pt>
                <c:pt idx="569">
                  <c:v>16.600000000000001</c:v>
                </c:pt>
                <c:pt idx="570">
                  <c:v>16.5</c:v>
                </c:pt>
                <c:pt idx="571">
                  <c:v>16.5</c:v>
                </c:pt>
                <c:pt idx="572">
                  <c:v>16.100000000000001</c:v>
                </c:pt>
                <c:pt idx="573">
                  <c:v>16</c:v>
                </c:pt>
                <c:pt idx="574">
                  <c:v>16</c:v>
                </c:pt>
                <c:pt idx="575">
                  <c:v>15.7</c:v>
                </c:pt>
                <c:pt idx="576">
                  <c:v>15.3</c:v>
                </c:pt>
                <c:pt idx="577">
                  <c:v>15</c:v>
                </c:pt>
                <c:pt idx="578">
                  <c:v>14.7</c:v>
                </c:pt>
                <c:pt idx="579">
                  <c:v>14.5</c:v>
                </c:pt>
                <c:pt idx="580">
                  <c:v>14.2</c:v>
                </c:pt>
                <c:pt idx="581">
                  <c:v>14.4</c:v>
                </c:pt>
                <c:pt idx="582">
                  <c:v>14.4</c:v>
                </c:pt>
                <c:pt idx="583">
                  <c:v>14.7</c:v>
                </c:pt>
                <c:pt idx="584">
                  <c:v>15.2</c:v>
                </c:pt>
                <c:pt idx="585">
                  <c:v>15</c:v>
                </c:pt>
                <c:pt idx="586">
                  <c:v>17.3</c:v>
                </c:pt>
                <c:pt idx="587">
                  <c:v>17.3</c:v>
                </c:pt>
                <c:pt idx="588">
                  <c:v>17.3</c:v>
                </c:pt>
                <c:pt idx="589">
                  <c:v>17.3</c:v>
                </c:pt>
                <c:pt idx="590">
                  <c:v>17.3</c:v>
                </c:pt>
                <c:pt idx="591">
                  <c:v>15.8</c:v>
                </c:pt>
                <c:pt idx="592">
                  <c:v>16.3</c:v>
                </c:pt>
                <c:pt idx="593">
                  <c:v>17.3</c:v>
                </c:pt>
                <c:pt idx="594">
                  <c:v>16.3</c:v>
                </c:pt>
                <c:pt idx="595">
                  <c:v>16</c:v>
                </c:pt>
                <c:pt idx="596">
                  <c:v>16</c:v>
                </c:pt>
                <c:pt idx="597">
                  <c:v>16.8</c:v>
                </c:pt>
                <c:pt idx="598">
                  <c:v>17.100000000000001</c:v>
                </c:pt>
                <c:pt idx="599">
                  <c:v>16.899999999999999</c:v>
                </c:pt>
                <c:pt idx="600">
                  <c:v>16.600000000000001</c:v>
                </c:pt>
                <c:pt idx="601">
                  <c:v>16.600000000000001</c:v>
                </c:pt>
                <c:pt idx="602">
                  <c:v>17.100000000000001</c:v>
                </c:pt>
                <c:pt idx="603">
                  <c:v>17.399999999999999</c:v>
                </c:pt>
                <c:pt idx="604">
                  <c:v>18.2</c:v>
                </c:pt>
                <c:pt idx="605">
                  <c:v>19.2</c:v>
                </c:pt>
                <c:pt idx="606">
                  <c:v>18.5</c:v>
                </c:pt>
                <c:pt idx="607">
                  <c:v>20.5</c:v>
                </c:pt>
                <c:pt idx="608">
                  <c:v>20.8</c:v>
                </c:pt>
                <c:pt idx="609">
                  <c:v>20.9</c:v>
                </c:pt>
                <c:pt idx="610">
                  <c:v>21.4</c:v>
                </c:pt>
                <c:pt idx="611">
                  <c:v>22.1</c:v>
                </c:pt>
                <c:pt idx="612">
                  <c:v>22.5</c:v>
                </c:pt>
                <c:pt idx="613">
                  <c:v>22.7</c:v>
                </c:pt>
                <c:pt idx="614">
                  <c:v>22.9</c:v>
                </c:pt>
                <c:pt idx="615">
                  <c:v>22.7</c:v>
                </c:pt>
                <c:pt idx="616">
                  <c:v>22.5</c:v>
                </c:pt>
                <c:pt idx="617">
                  <c:v>22.7</c:v>
                </c:pt>
                <c:pt idx="618">
                  <c:v>22.7</c:v>
                </c:pt>
                <c:pt idx="619">
                  <c:v>21.9</c:v>
                </c:pt>
                <c:pt idx="620">
                  <c:v>20.6</c:v>
                </c:pt>
                <c:pt idx="621">
                  <c:v>20.5</c:v>
                </c:pt>
                <c:pt idx="622">
                  <c:v>20.5</c:v>
                </c:pt>
                <c:pt idx="623">
                  <c:v>18.5</c:v>
                </c:pt>
                <c:pt idx="624">
                  <c:v>17.7</c:v>
                </c:pt>
                <c:pt idx="625">
                  <c:v>17.899999999999999</c:v>
                </c:pt>
                <c:pt idx="626">
                  <c:v>18.2</c:v>
                </c:pt>
                <c:pt idx="627">
                  <c:v>18.899999999999999</c:v>
                </c:pt>
                <c:pt idx="628">
                  <c:v>19.2</c:v>
                </c:pt>
                <c:pt idx="629">
                  <c:v>19.7</c:v>
                </c:pt>
                <c:pt idx="630">
                  <c:v>20.100000000000001</c:v>
                </c:pt>
                <c:pt idx="631">
                  <c:v>20.5</c:v>
                </c:pt>
                <c:pt idx="632">
                  <c:v>20.9</c:v>
                </c:pt>
                <c:pt idx="633">
                  <c:v>21.4</c:v>
                </c:pt>
                <c:pt idx="634">
                  <c:v>21.9</c:v>
                </c:pt>
                <c:pt idx="635">
                  <c:v>22.5</c:v>
                </c:pt>
                <c:pt idx="636">
                  <c:v>23.2</c:v>
                </c:pt>
                <c:pt idx="637">
                  <c:v>23.3</c:v>
                </c:pt>
                <c:pt idx="638">
                  <c:v>23.3</c:v>
                </c:pt>
                <c:pt idx="639">
                  <c:v>23.8</c:v>
                </c:pt>
                <c:pt idx="640">
                  <c:v>23.7</c:v>
                </c:pt>
                <c:pt idx="641">
                  <c:v>21.1</c:v>
                </c:pt>
                <c:pt idx="642">
                  <c:v>20.5</c:v>
                </c:pt>
                <c:pt idx="643">
                  <c:v>19</c:v>
                </c:pt>
                <c:pt idx="644">
                  <c:v>18.399999999999999</c:v>
                </c:pt>
                <c:pt idx="645">
                  <c:v>16.899999999999999</c:v>
                </c:pt>
                <c:pt idx="646">
                  <c:v>16.8</c:v>
                </c:pt>
                <c:pt idx="647">
                  <c:v>15.2</c:v>
                </c:pt>
                <c:pt idx="648">
                  <c:v>14.5</c:v>
                </c:pt>
                <c:pt idx="649">
                  <c:v>14.9</c:v>
                </c:pt>
                <c:pt idx="650">
                  <c:v>15.2</c:v>
                </c:pt>
                <c:pt idx="651">
                  <c:v>15.5</c:v>
                </c:pt>
                <c:pt idx="652">
                  <c:v>15.7</c:v>
                </c:pt>
                <c:pt idx="653">
                  <c:v>16</c:v>
                </c:pt>
                <c:pt idx="654">
                  <c:v>16.3</c:v>
                </c:pt>
                <c:pt idx="655">
                  <c:v>16.8</c:v>
                </c:pt>
                <c:pt idx="656">
                  <c:v>17.100000000000001</c:v>
                </c:pt>
                <c:pt idx="657">
                  <c:v>17.3</c:v>
                </c:pt>
                <c:pt idx="658">
                  <c:v>17.600000000000001</c:v>
                </c:pt>
                <c:pt idx="659">
                  <c:v>18.2</c:v>
                </c:pt>
                <c:pt idx="660">
                  <c:v>19.2</c:v>
                </c:pt>
                <c:pt idx="661">
                  <c:v>19.3</c:v>
                </c:pt>
                <c:pt idx="662">
                  <c:v>19.7</c:v>
                </c:pt>
                <c:pt idx="663">
                  <c:v>19.8</c:v>
                </c:pt>
                <c:pt idx="664">
                  <c:v>19.5</c:v>
                </c:pt>
                <c:pt idx="665">
                  <c:v>19</c:v>
                </c:pt>
                <c:pt idx="666">
                  <c:v>18.5</c:v>
                </c:pt>
                <c:pt idx="667">
                  <c:v>18.5</c:v>
                </c:pt>
                <c:pt idx="668">
                  <c:v>16.3</c:v>
                </c:pt>
                <c:pt idx="669">
                  <c:v>15.8</c:v>
                </c:pt>
                <c:pt idx="670">
                  <c:v>15.2</c:v>
                </c:pt>
                <c:pt idx="671">
                  <c:v>14.7</c:v>
                </c:pt>
                <c:pt idx="672">
                  <c:v>14.7</c:v>
                </c:pt>
                <c:pt idx="673">
                  <c:v>15</c:v>
                </c:pt>
                <c:pt idx="674">
                  <c:v>15.2</c:v>
                </c:pt>
                <c:pt idx="675">
                  <c:v>15.5</c:v>
                </c:pt>
                <c:pt idx="676">
                  <c:v>15.8</c:v>
                </c:pt>
                <c:pt idx="677">
                  <c:v>16</c:v>
                </c:pt>
                <c:pt idx="678">
                  <c:v>16.5</c:v>
                </c:pt>
                <c:pt idx="679">
                  <c:v>16.600000000000001</c:v>
                </c:pt>
                <c:pt idx="680">
                  <c:v>16.8</c:v>
                </c:pt>
                <c:pt idx="681">
                  <c:v>16.899999999999999</c:v>
                </c:pt>
                <c:pt idx="682">
                  <c:v>17.3</c:v>
                </c:pt>
                <c:pt idx="683">
                  <c:v>17.7</c:v>
                </c:pt>
                <c:pt idx="684">
                  <c:v>18.100000000000001</c:v>
                </c:pt>
                <c:pt idx="685">
                  <c:v>18.5</c:v>
                </c:pt>
                <c:pt idx="686">
                  <c:v>19.2</c:v>
                </c:pt>
                <c:pt idx="687">
                  <c:v>14.7</c:v>
                </c:pt>
                <c:pt idx="688">
                  <c:v>12.5</c:v>
                </c:pt>
                <c:pt idx="689">
                  <c:v>11.2</c:v>
                </c:pt>
                <c:pt idx="690">
                  <c:v>11.3</c:v>
                </c:pt>
                <c:pt idx="691">
                  <c:v>11.8</c:v>
                </c:pt>
                <c:pt idx="692">
                  <c:v>12.1</c:v>
                </c:pt>
                <c:pt idx="693">
                  <c:v>12.8</c:v>
                </c:pt>
                <c:pt idx="694">
                  <c:v>12.9</c:v>
                </c:pt>
                <c:pt idx="695">
                  <c:v>13.6</c:v>
                </c:pt>
                <c:pt idx="696">
                  <c:v>14.9</c:v>
                </c:pt>
                <c:pt idx="697">
                  <c:v>14.7</c:v>
                </c:pt>
                <c:pt idx="698">
                  <c:v>14.5</c:v>
                </c:pt>
                <c:pt idx="699">
                  <c:v>14.2</c:v>
                </c:pt>
                <c:pt idx="700">
                  <c:v>14.5</c:v>
                </c:pt>
                <c:pt idx="701">
                  <c:v>13.9</c:v>
                </c:pt>
                <c:pt idx="702">
                  <c:v>13.1</c:v>
                </c:pt>
                <c:pt idx="703">
                  <c:v>12.6</c:v>
                </c:pt>
                <c:pt idx="704">
                  <c:v>12</c:v>
                </c:pt>
                <c:pt idx="705">
                  <c:v>11.7</c:v>
                </c:pt>
                <c:pt idx="706">
                  <c:v>11.3</c:v>
                </c:pt>
                <c:pt idx="707">
                  <c:v>11.2</c:v>
                </c:pt>
                <c:pt idx="708">
                  <c:v>11.2</c:v>
                </c:pt>
                <c:pt idx="709">
                  <c:v>11</c:v>
                </c:pt>
                <c:pt idx="710">
                  <c:v>11</c:v>
                </c:pt>
                <c:pt idx="711">
                  <c:v>11</c:v>
                </c:pt>
                <c:pt idx="712">
                  <c:v>11.2</c:v>
                </c:pt>
                <c:pt idx="713">
                  <c:v>11.5</c:v>
                </c:pt>
                <c:pt idx="714">
                  <c:v>12.1</c:v>
                </c:pt>
                <c:pt idx="715">
                  <c:v>12.3</c:v>
                </c:pt>
                <c:pt idx="716">
                  <c:v>12.8</c:v>
                </c:pt>
                <c:pt idx="717">
                  <c:v>12.9</c:v>
                </c:pt>
                <c:pt idx="718">
                  <c:v>12.8</c:v>
                </c:pt>
                <c:pt idx="719">
                  <c:v>12.6</c:v>
                </c:pt>
                <c:pt idx="720">
                  <c:v>12.3</c:v>
                </c:pt>
                <c:pt idx="721">
                  <c:v>11.8</c:v>
                </c:pt>
                <c:pt idx="722">
                  <c:v>11.7</c:v>
                </c:pt>
                <c:pt idx="723">
                  <c:v>11.2</c:v>
                </c:pt>
                <c:pt idx="724">
                  <c:v>10.4</c:v>
                </c:pt>
                <c:pt idx="725">
                  <c:v>10.5</c:v>
                </c:pt>
                <c:pt idx="726">
                  <c:v>10.9</c:v>
                </c:pt>
                <c:pt idx="727">
                  <c:v>10.9</c:v>
                </c:pt>
                <c:pt idx="728">
                  <c:v>11</c:v>
                </c:pt>
                <c:pt idx="729">
                  <c:v>11.3</c:v>
                </c:pt>
                <c:pt idx="730">
                  <c:v>11.8</c:v>
                </c:pt>
                <c:pt idx="731">
                  <c:v>12.1</c:v>
                </c:pt>
                <c:pt idx="732">
                  <c:v>12.6</c:v>
                </c:pt>
                <c:pt idx="733">
                  <c:v>13.3</c:v>
                </c:pt>
                <c:pt idx="734">
                  <c:v>12.9</c:v>
                </c:pt>
                <c:pt idx="735">
                  <c:v>12.3</c:v>
                </c:pt>
                <c:pt idx="736">
                  <c:v>12.1</c:v>
                </c:pt>
                <c:pt idx="737">
                  <c:v>11.5</c:v>
                </c:pt>
                <c:pt idx="738">
                  <c:v>11</c:v>
                </c:pt>
                <c:pt idx="739">
                  <c:v>10.7</c:v>
                </c:pt>
                <c:pt idx="740">
                  <c:v>10.199999999999999</c:v>
                </c:pt>
                <c:pt idx="741">
                  <c:v>10.4</c:v>
                </c:pt>
                <c:pt idx="742">
                  <c:v>10.7</c:v>
                </c:pt>
                <c:pt idx="743">
                  <c:v>10.9</c:v>
                </c:pt>
                <c:pt idx="744">
                  <c:v>11</c:v>
                </c:pt>
                <c:pt idx="745">
                  <c:v>11.3</c:v>
                </c:pt>
                <c:pt idx="746">
                  <c:v>11.5</c:v>
                </c:pt>
                <c:pt idx="747">
                  <c:v>11.7</c:v>
                </c:pt>
                <c:pt idx="748">
                  <c:v>11.8</c:v>
                </c:pt>
                <c:pt idx="749">
                  <c:v>12.1</c:v>
                </c:pt>
                <c:pt idx="750">
                  <c:v>12.1</c:v>
                </c:pt>
                <c:pt idx="751">
                  <c:v>12.5</c:v>
                </c:pt>
                <c:pt idx="752">
                  <c:v>12.5</c:v>
                </c:pt>
                <c:pt idx="753">
                  <c:v>12.5</c:v>
                </c:pt>
                <c:pt idx="754">
                  <c:v>12.1</c:v>
                </c:pt>
                <c:pt idx="755">
                  <c:v>12.1</c:v>
                </c:pt>
                <c:pt idx="756">
                  <c:v>12.3</c:v>
                </c:pt>
                <c:pt idx="757">
                  <c:v>12.6</c:v>
                </c:pt>
                <c:pt idx="758">
                  <c:v>12.9</c:v>
                </c:pt>
                <c:pt idx="759">
                  <c:v>13.9</c:v>
                </c:pt>
                <c:pt idx="760">
                  <c:v>14.5</c:v>
                </c:pt>
                <c:pt idx="761">
                  <c:v>15.5</c:v>
                </c:pt>
                <c:pt idx="762">
                  <c:v>15.2</c:v>
                </c:pt>
                <c:pt idx="763">
                  <c:v>15.8</c:v>
                </c:pt>
                <c:pt idx="764">
                  <c:v>16</c:v>
                </c:pt>
                <c:pt idx="765">
                  <c:v>15.3</c:v>
                </c:pt>
                <c:pt idx="766">
                  <c:v>14.7</c:v>
                </c:pt>
                <c:pt idx="767">
                  <c:v>15</c:v>
                </c:pt>
                <c:pt idx="768">
                  <c:v>16.5</c:v>
                </c:pt>
                <c:pt idx="769">
                  <c:v>16.8</c:v>
                </c:pt>
                <c:pt idx="770">
                  <c:v>13.1</c:v>
                </c:pt>
                <c:pt idx="771">
                  <c:v>12.9</c:v>
                </c:pt>
                <c:pt idx="772">
                  <c:v>12.5</c:v>
                </c:pt>
                <c:pt idx="773">
                  <c:v>12.1</c:v>
                </c:pt>
                <c:pt idx="774">
                  <c:v>11.3</c:v>
                </c:pt>
                <c:pt idx="775">
                  <c:v>10.4</c:v>
                </c:pt>
                <c:pt idx="776">
                  <c:v>10.199999999999999</c:v>
                </c:pt>
                <c:pt idx="777">
                  <c:v>10.199999999999999</c:v>
                </c:pt>
                <c:pt idx="778">
                  <c:v>10.1</c:v>
                </c:pt>
                <c:pt idx="779">
                  <c:v>10.4</c:v>
                </c:pt>
                <c:pt idx="780">
                  <c:v>10.7</c:v>
                </c:pt>
                <c:pt idx="781">
                  <c:v>10.7</c:v>
                </c:pt>
                <c:pt idx="782">
                  <c:v>10.7</c:v>
                </c:pt>
                <c:pt idx="783">
                  <c:v>11</c:v>
                </c:pt>
                <c:pt idx="784">
                  <c:v>11.2</c:v>
                </c:pt>
                <c:pt idx="785">
                  <c:v>11.7</c:v>
                </c:pt>
                <c:pt idx="786">
                  <c:v>12.5</c:v>
                </c:pt>
                <c:pt idx="787">
                  <c:v>13.1</c:v>
                </c:pt>
                <c:pt idx="788">
                  <c:v>13.7</c:v>
                </c:pt>
                <c:pt idx="789">
                  <c:v>13.6</c:v>
                </c:pt>
                <c:pt idx="790">
                  <c:v>13.4</c:v>
                </c:pt>
                <c:pt idx="791">
                  <c:v>12.9</c:v>
                </c:pt>
                <c:pt idx="792">
                  <c:v>12.8</c:v>
                </c:pt>
                <c:pt idx="793">
                  <c:v>11.8</c:v>
                </c:pt>
                <c:pt idx="794">
                  <c:v>11.5</c:v>
                </c:pt>
                <c:pt idx="795">
                  <c:v>12.6</c:v>
                </c:pt>
                <c:pt idx="796">
                  <c:v>13.4</c:v>
                </c:pt>
                <c:pt idx="797">
                  <c:v>13.9</c:v>
                </c:pt>
                <c:pt idx="798">
                  <c:v>14.1</c:v>
                </c:pt>
                <c:pt idx="799">
                  <c:v>14.5</c:v>
                </c:pt>
                <c:pt idx="800">
                  <c:v>14.7</c:v>
                </c:pt>
                <c:pt idx="801">
                  <c:v>15</c:v>
                </c:pt>
                <c:pt idx="802">
                  <c:v>15.3</c:v>
                </c:pt>
                <c:pt idx="803">
                  <c:v>16</c:v>
                </c:pt>
                <c:pt idx="804">
                  <c:v>16.100000000000001</c:v>
                </c:pt>
                <c:pt idx="805">
                  <c:v>15.8</c:v>
                </c:pt>
                <c:pt idx="806">
                  <c:v>15.7</c:v>
                </c:pt>
                <c:pt idx="807">
                  <c:v>15.3</c:v>
                </c:pt>
                <c:pt idx="808">
                  <c:v>13.6</c:v>
                </c:pt>
                <c:pt idx="809">
                  <c:v>12.8</c:v>
                </c:pt>
                <c:pt idx="810">
                  <c:v>12.6</c:v>
                </c:pt>
                <c:pt idx="811">
                  <c:v>12.9</c:v>
                </c:pt>
                <c:pt idx="812">
                  <c:v>14.2</c:v>
                </c:pt>
                <c:pt idx="813">
                  <c:v>14.9</c:v>
                </c:pt>
                <c:pt idx="814">
                  <c:v>15</c:v>
                </c:pt>
                <c:pt idx="815">
                  <c:v>15.2</c:v>
                </c:pt>
                <c:pt idx="816">
                  <c:v>15.3</c:v>
                </c:pt>
                <c:pt idx="817">
                  <c:v>15.7</c:v>
                </c:pt>
                <c:pt idx="818">
                  <c:v>16</c:v>
                </c:pt>
                <c:pt idx="819">
                  <c:v>17.100000000000001</c:v>
                </c:pt>
                <c:pt idx="820">
                  <c:v>17.399999999999999</c:v>
                </c:pt>
                <c:pt idx="821">
                  <c:v>17.399999999999999</c:v>
                </c:pt>
                <c:pt idx="822">
                  <c:v>17.899999999999999</c:v>
                </c:pt>
                <c:pt idx="823">
                  <c:v>17.100000000000001</c:v>
                </c:pt>
                <c:pt idx="824">
                  <c:v>15.2</c:v>
                </c:pt>
                <c:pt idx="825">
                  <c:v>14.9</c:v>
                </c:pt>
                <c:pt idx="826">
                  <c:v>14.5</c:v>
                </c:pt>
                <c:pt idx="827">
                  <c:v>11.3</c:v>
                </c:pt>
                <c:pt idx="828">
                  <c:v>11.8</c:v>
                </c:pt>
                <c:pt idx="829">
                  <c:v>12.3</c:v>
                </c:pt>
                <c:pt idx="830">
                  <c:v>12.5</c:v>
                </c:pt>
                <c:pt idx="831">
                  <c:v>12.8</c:v>
                </c:pt>
                <c:pt idx="832">
                  <c:v>12.5</c:v>
                </c:pt>
                <c:pt idx="833">
                  <c:v>11.7</c:v>
                </c:pt>
                <c:pt idx="834">
                  <c:v>11.3</c:v>
                </c:pt>
                <c:pt idx="835">
                  <c:v>11.2</c:v>
                </c:pt>
                <c:pt idx="836">
                  <c:v>10.5</c:v>
                </c:pt>
                <c:pt idx="837">
                  <c:v>9.6999999999999993</c:v>
                </c:pt>
                <c:pt idx="838">
                  <c:v>8.9</c:v>
                </c:pt>
                <c:pt idx="839">
                  <c:v>8.6</c:v>
                </c:pt>
                <c:pt idx="840">
                  <c:v>8</c:v>
                </c:pt>
                <c:pt idx="841">
                  <c:v>7.2</c:v>
                </c:pt>
                <c:pt idx="842">
                  <c:v>7.3</c:v>
                </c:pt>
                <c:pt idx="843">
                  <c:v>7.5</c:v>
                </c:pt>
                <c:pt idx="844">
                  <c:v>7.7</c:v>
                </c:pt>
                <c:pt idx="845">
                  <c:v>8</c:v>
                </c:pt>
                <c:pt idx="846">
                  <c:v>8.3000000000000007</c:v>
                </c:pt>
                <c:pt idx="847">
                  <c:v>8.6</c:v>
                </c:pt>
                <c:pt idx="848">
                  <c:v>9.3000000000000007</c:v>
                </c:pt>
                <c:pt idx="849">
                  <c:v>9.6</c:v>
                </c:pt>
                <c:pt idx="850">
                  <c:v>9.6999999999999993</c:v>
                </c:pt>
                <c:pt idx="851">
                  <c:v>10.4</c:v>
                </c:pt>
                <c:pt idx="852">
                  <c:v>10.4</c:v>
                </c:pt>
                <c:pt idx="853">
                  <c:v>9.9</c:v>
                </c:pt>
                <c:pt idx="854">
                  <c:v>8.8000000000000007</c:v>
                </c:pt>
                <c:pt idx="855">
                  <c:v>8.6</c:v>
                </c:pt>
                <c:pt idx="856">
                  <c:v>8.6</c:v>
                </c:pt>
                <c:pt idx="857">
                  <c:v>8.5</c:v>
                </c:pt>
                <c:pt idx="858">
                  <c:v>8.5</c:v>
                </c:pt>
                <c:pt idx="859">
                  <c:v>7.8</c:v>
                </c:pt>
                <c:pt idx="860">
                  <c:v>7.8</c:v>
                </c:pt>
                <c:pt idx="861">
                  <c:v>7.5</c:v>
                </c:pt>
                <c:pt idx="862">
                  <c:v>7.2</c:v>
                </c:pt>
                <c:pt idx="863">
                  <c:v>6.9</c:v>
                </c:pt>
                <c:pt idx="864">
                  <c:v>6.4</c:v>
                </c:pt>
                <c:pt idx="865">
                  <c:v>6.4</c:v>
                </c:pt>
                <c:pt idx="866">
                  <c:v>6.5</c:v>
                </c:pt>
                <c:pt idx="867">
                  <c:v>6.7</c:v>
                </c:pt>
                <c:pt idx="868">
                  <c:v>6.7</c:v>
                </c:pt>
                <c:pt idx="869">
                  <c:v>7</c:v>
                </c:pt>
                <c:pt idx="870">
                  <c:v>7.2</c:v>
                </c:pt>
                <c:pt idx="871">
                  <c:v>7</c:v>
                </c:pt>
                <c:pt idx="872">
                  <c:v>6.9</c:v>
                </c:pt>
                <c:pt idx="873">
                  <c:v>6.4</c:v>
                </c:pt>
                <c:pt idx="874">
                  <c:v>7.2</c:v>
                </c:pt>
                <c:pt idx="875">
                  <c:v>7</c:v>
                </c:pt>
                <c:pt idx="876">
                  <c:v>6.7</c:v>
                </c:pt>
                <c:pt idx="877">
                  <c:v>6.5</c:v>
                </c:pt>
                <c:pt idx="878">
                  <c:v>6.1</c:v>
                </c:pt>
                <c:pt idx="879">
                  <c:v>6.5</c:v>
                </c:pt>
                <c:pt idx="880">
                  <c:v>6.7</c:v>
                </c:pt>
                <c:pt idx="881">
                  <c:v>6.9</c:v>
                </c:pt>
                <c:pt idx="882">
                  <c:v>7.5</c:v>
                </c:pt>
                <c:pt idx="883">
                  <c:v>7.8</c:v>
                </c:pt>
                <c:pt idx="884">
                  <c:v>8.1</c:v>
                </c:pt>
                <c:pt idx="885">
                  <c:v>8.5</c:v>
                </c:pt>
                <c:pt idx="886">
                  <c:v>8.9</c:v>
                </c:pt>
                <c:pt idx="887">
                  <c:v>9.3000000000000007</c:v>
                </c:pt>
                <c:pt idx="888">
                  <c:v>9.4</c:v>
                </c:pt>
                <c:pt idx="889">
                  <c:v>9.6999999999999993</c:v>
                </c:pt>
                <c:pt idx="890">
                  <c:v>9.9</c:v>
                </c:pt>
                <c:pt idx="891">
                  <c:v>10.5</c:v>
                </c:pt>
                <c:pt idx="892">
                  <c:v>10.5</c:v>
                </c:pt>
                <c:pt idx="893">
                  <c:v>10.4</c:v>
                </c:pt>
                <c:pt idx="894">
                  <c:v>10.4</c:v>
                </c:pt>
                <c:pt idx="895">
                  <c:v>10.4</c:v>
                </c:pt>
                <c:pt idx="896">
                  <c:v>10.4</c:v>
                </c:pt>
                <c:pt idx="897">
                  <c:v>10.9</c:v>
                </c:pt>
                <c:pt idx="898">
                  <c:v>11.5</c:v>
                </c:pt>
                <c:pt idx="899">
                  <c:v>11.5</c:v>
                </c:pt>
                <c:pt idx="900">
                  <c:v>11.8</c:v>
                </c:pt>
                <c:pt idx="901">
                  <c:v>12</c:v>
                </c:pt>
                <c:pt idx="902">
                  <c:v>12.3</c:v>
                </c:pt>
                <c:pt idx="903">
                  <c:v>12.5</c:v>
                </c:pt>
                <c:pt idx="904">
                  <c:v>12.8</c:v>
                </c:pt>
                <c:pt idx="905">
                  <c:v>12.8</c:v>
                </c:pt>
                <c:pt idx="906">
                  <c:v>12.8</c:v>
                </c:pt>
                <c:pt idx="907">
                  <c:v>12.5</c:v>
                </c:pt>
                <c:pt idx="908">
                  <c:v>13.7</c:v>
                </c:pt>
                <c:pt idx="909">
                  <c:v>13.6</c:v>
                </c:pt>
                <c:pt idx="910">
                  <c:v>15.7</c:v>
                </c:pt>
                <c:pt idx="911">
                  <c:v>17.399999999999999</c:v>
                </c:pt>
                <c:pt idx="912">
                  <c:v>17.899999999999999</c:v>
                </c:pt>
                <c:pt idx="913">
                  <c:v>17.7</c:v>
                </c:pt>
                <c:pt idx="914">
                  <c:v>10.5</c:v>
                </c:pt>
                <c:pt idx="915">
                  <c:v>10.199999999999999</c:v>
                </c:pt>
                <c:pt idx="916">
                  <c:v>10.199999999999999</c:v>
                </c:pt>
                <c:pt idx="917">
                  <c:v>10.199999999999999</c:v>
                </c:pt>
                <c:pt idx="918">
                  <c:v>10.7</c:v>
                </c:pt>
                <c:pt idx="919">
                  <c:v>10.7</c:v>
                </c:pt>
                <c:pt idx="920">
                  <c:v>10.5</c:v>
                </c:pt>
                <c:pt idx="921">
                  <c:v>10.4</c:v>
                </c:pt>
                <c:pt idx="922">
                  <c:v>10.4</c:v>
                </c:pt>
                <c:pt idx="923">
                  <c:v>10.4</c:v>
                </c:pt>
                <c:pt idx="924">
                  <c:v>10.4</c:v>
                </c:pt>
                <c:pt idx="925">
                  <c:v>9.9</c:v>
                </c:pt>
                <c:pt idx="926">
                  <c:v>8.6</c:v>
                </c:pt>
                <c:pt idx="927">
                  <c:v>8.3000000000000007</c:v>
                </c:pt>
                <c:pt idx="928">
                  <c:v>8.1</c:v>
                </c:pt>
                <c:pt idx="929">
                  <c:v>8.1</c:v>
                </c:pt>
                <c:pt idx="930">
                  <c:v>8.3000000000000007</c:v>
                </c:pt>
                <c:pt idx="931">
                  <c:v>8.1</c:v>
                </c:pt>
                <c:pt idx="932">
                  <c:v>8.5</c:v>
                </c:pt>
                <c:pt idx="933">
                  <c:v>8.6</c:v>
                </c:pt>
                <c:pt idx="934">
                  <c:v>9.1</c:v>
                </c:pt>
                <c:pt idx="935">
                  <c:v>9.6</c:v>
                </c:pt>
                <c:pt idx="936">
                  <c:v>10.1</c:v>
                </c:pt>
                <c:pt idx="937">
                  <c:v>11.2</c:v>
                </c:pt>
                <c:pt idx="938">
                  <c:v>20.5</c:v>
                </c:pt>
                <c:pt idx="939">
                  <c:v>21.6</c:v>
                </c:pt>
                <c:pt idx="940">
                  <c:v>20.3</c:v>
                </c:pt>
                <c:pt idx="941">
                  <c:v>18.899999999999999</c:v>
                </c:pt>
                <c:pt idx="942">
                  <c:v>17.7</c:v>
                </c:pt>
                <c:pt idx="943">
                  <c:v>16.899999999999999</c:v>
                </c:pt>
                <c:pt idx="944">
                  <c:v>17.100000000000001</c:v>
                </c:pt>
                <c:pt idx="945">
                  <c:v>17.100000000000001</c:v>
                </c:pt>
                <c:pt idx="946">
                  <c:v>17.399999999999999</c:v>
                </c:pt>
                <c:pt idx="947">
                  <c:v>17.7</c:v>
                </c:pt>
                <c:pt idx="948">
                  <c:v>18.100000000000001</c:v>
                </c:pt>
                <c:pt idx="949">
                  <c:v>19.2</c:v>
                </c:pt>
                <c:pt idx="950">
                  <c:v>19.8</c:v>
                </c:pt>
                <c:pt idx="951">
                  <c:v>20.5</c:v>
                </c:pt>
                <c:pt idx="952">
                  <c:v>21.1</c:v>
                </c:pt>
                <c:pt idx="953">
                  <c:v>21.4</c:v>
                </c:pt>
                <c:pt idx="954">
                  <c:v>21.3</c:v>
                </c:pt>
                <c:pt idx="955">
                  <c:v>21.1</c:v>
                </c:pt>
                <c:pt idx="956">
                  <c:v>20.8</c:v>
                </c:pt>
                <c:pt idx="957">
                  <c:v>20.5</c:v>
                </c:pt>
                <c:pt idx="958">
                  <c:v>20</c:v>
                </c:pt>
                <c:pt idx="959">
                  <c:v>18.7</c:v>
                </c:pt>
                <c:pt idx="960">
                  <c:v>17.899999999999999</c:v>
                </c:pt>
                <c:pt idx="961">
                  <c:v>16.100000000000001</c:v>
                </c:pt>
                <c:pt idx="962">
                  <c:v>15.3</c:v>
                </c:pt>
                <c:pt idx="963">
                  <c:v>15.3</c:v>
                </c:pt>
                <c:pt idx="964">
                  <c:v>16</c:v>
                </c:pt>
                <c:pt idx="965">
                  <c:v>16.3</c:v>
                </c:pt>
                <c:pt idx="966">
                  <c:v>17.3</c:v>
                </c:pt>
                <c:pt idx="967">
                  <c:v>17.600000000000001</c:v>
                </c:pt>
                <c:pt idx="968">
                  <c:v>18.2</c:v>
                </c:pt>
                <c:pt idx="969">
                  <c:v>18.7</c:v>
                </c:pt>
                <c:pt idx="970">
                  <c:v>18.899999999999999</c:v>
                </c:pt>
                <c:pt idx="971">
                  <c:v>19.3</c:v>
                </c:pt>
                <c:pt idx="972">
                  <c:v>19.5</c:v>
                </c:pt>
                <c:pt idx="973">
                  <c:v>18.7</c:v>
                </c:pt>
                <c:pt idx="974">
                  <c:v>18.2</c:v>
                </c:pt>
                <c:pt idx="975">
                  <c:v>17.399999999999999</c:v>
                </c:pt>
                <c:pt idx="976">
                  <c:v>16.600000000000001</c:v>
                </c:pt>
                <c:pt idx="977">
                  <c:v>15.8</c:v>
                </c:pt>
                <c:pt idx="978">
                  <c:v>15.8</c:v>
                </c:pt>
                <c:pt idx="979">
                  <c:v>15</c:v>
                </c:pt>
                <c:pt idx="980">
                  <c:v>14.5</c:v>
                </c:pt>
                <c:pt idx="981">
                  <c:v>14.2</c:v>
                </c:pt>
                <c:pt idx="982">
                  <c:v>14.4</c:v>
                </c:pt>
                <c:pt idx="983">
                  <c:v>14.9</c:v>
                </c:pt>
                <c:pt idx="984">
                  <c:v>15.2</c:v>
                </c:pt>
                <c:pt idx="985">
                  <c:v>15.5</c:v>
                </c:pt>
                <c:pt idx="986">
                  <c:v>15.8</c:v>
                </c:pt>
                <c:pt idx="987">
                  <c:v>16.100000000000001</c:v>
                </c:pt>
                <c:pt idx="988">
                  <c:v>16.5</c:v>
                </c:pt>
                <c:pt idx="989">
                  <c:v>16.600000000000001</c:v>
                </c:pt>
                <c:pt idx="990">
                  <c:v>16.899999999999999</c:v>
                </c:pt>
                <c:pt idx="991">
                  <c:v>17.399999999999999</c:v>
                </c:pt>
                <c:pt idx="992">
                  <c:v>17.7</c:v>
                </c:pt>
                <c:pt idx="993">
                  <c:v>18.2</c:v>
                </c:pt>
                <c:pt idx="994">
                  <c:v>18.399999999999999</c:v>
                </c:pt>
                <c:pt idx="995">
                  <c:v>18.5</c:v>
                </c:pt>
                <c:pt idx="996">
                  <c:v>18.5</c:v>
                </c:pt>
                <c:pt idx="997">
                  <c:v>18.399999999999999</c:v>
                </c:pt>
                <c:pt idx="998">
                  <c:v>18.100000000000001</c:v>
                </c:pt>
                <c:pt idx="999">
                  <c:v>17.399999999999999</c:v>
                </c:pt>
                <c:pt idx="1000">
                  <c:v>16.3</c:v>
                </c:pt>
                <c:pt idx="1001">
                  <c:v>16</c:v>
                </c:pt>
                <c:pt idx="1002">
                  <c:v>15</c:v>
                </c:pt>
                <c:pt idx="1003">
                  <c:v>12.8</c:v>
                </c:pt>
                <c:pt idx="1004">
                  <c:v>12.8</c:v>
                </c:pt>
                <c:pt idx="1005">
                  <c:v>12.8</c:v>
                </c:pt>
                <c:pt idx="1006">
                  <c:v>12.6</c:v>
                </c:pt>
                <c:pt idx="1007">
                  <c:v>12.1</c:v>
                </c:pt>
                <c:pt idx="1008">
                  <c:v>10.199999999999999</c:v>
                </c:pt>
                <c:pt idx="1009">
                  <c:v>9.9</c:v>
                </c:pt>
                <c:pt idx="1010">
                  <c:v>10.199999999999999</c:v>
                </c:pt>
                <c:pt idx="1011">
                  <c:v>10.4</c:v>
                </c:pt>
                <c:pt idx="1012">
                  <c:v>10.5</c:v>
                </c:pt>
                <c:pt idx="1013">
                  <c:v>10.7</c:v>
                </c:pt>
                <c:pt idx="1014">
                  <c:v>11</c:v>
                </c:pt>
                <c:pt idx="1015">
                  <c:v>11.2</c:v>
                </c:pt>
                <c:pt idx="1016">
                  <c:v>11.2</c:v>
                </c:pt>
                <c:pt idx="1017">
                  <c:v>11.2</c:v>
                </c:pt>
                <c:pt idx="1018">
                  <c:v>10.9</c:v>
                </c:pt>
                <c:pt idx="1019">
                  <c:v>10.4</c:v>
                </c:pt>
                <c:pt idx="1020">
                  <c:v>10.1</c:v>
                </c:pt>
                <c:pt idx="1021">
                  <c:v>9.1</c:v>
                </c:pt>
                <c:pt idx="1022">
                  <c:v>8.8000000000000007</c:v>
                </c:pt>
                <c:pt idx="1023">
                  <c:v>8.6</c:v>
                </c:pt>
                <c:pt idx="1024">
                  <c:v>7.8</c:v>
                </c:pt>
                <c:pt idx="1025">
                  <c:v>7.2</c:v>
                </c:pt>
                <c:pt idx="1026">
                  <c:v>7.5</c:v>
                </c:pt>
                <c:pt idx="1027">
                  <c:v>7.5</c:v>
                </c:pt>
                <c:pt idx="1028">
                  <c:v>7.7</c:v>
                </c:pt>
                <c:pt idx="1029">
                  <c:v>7.8</c:v>
                </c:pt>
                <c:pt idx="1030">
                  <c:v>8.3000000000000007</c:v>
                </c:pt>
                <c:pt idx="1031">
                  <c:v>8.6</c:v>
                </c:pt>
                <c:pt idx="1032">
                  <c:v>8.9</c:v>
                </c:pt>
                <c:pt idx="1033">
                  <c:v>9.4</c:v>
                </c:pt>
                <c:pt idx="1034">
                  <c:v>9.4</c:v>
                </c:pt>
                <c:pt idx="1035">
                  <c:v>9.6999999999999993</c:v>
                </c:pt>
                <c:pt idx="1036">
                  <c:v>9.9</c:v>
                </c:pt>
                <c:pt idx="1037">
                  <c:v>10.4</c:v>
                </c:pt>
                <c:pt idx="1038">
                  <c:v>10.7</c:v>
                </c:pt>
                <c:pt idx="1039">
                  <c:v>10.9</c:v>
                </c:pt>
                <c:pt idx="1040">
                  <c:v>11.3</c:v>
                </c:pt>
                <c:pt idx="1041">
                  <c:v>11.3</c:v>
                </c:pt>
                <c:pt idx="1042">
                  <c:v>11.2</c:v>
                </c:pt>
                <c:pt idx="1043">
                  <c:v>11</c:v>
                </c:pt>
                <c:pt idx="1044">
                  <c:v>10.9</c:v>
                </c:pt>
                <c:pt idx="1045">
                  <c:v>10.7</c:v>
                </c:pt>
                <c:pt idx="1046">
                  <c:v>10.9</c:v>
                </c:pt>
                <c:pt idx="1047">
                  <c:v>11.8</c:v>
                </c:pt>
                <c:pt idx="1048">
                  <c:v>11.3</c:v>
                </c:pt>
                <c:pt idx="1049">
                  <c:v>11.3</c:v>
                </c:pt>
                <c:pt idx="1050">
                  <c:v>11.2</c:v>
                </c:pt>
                <c:pt idx="1051">
                  <c:v>11.2</c:v>
                </c:pt>
                <c:pt idx="1052">
                  <c:v>12.3</c:v>
                </c:pt>
                <c:pt idx="1053">
                  <c:v>12.1</c:v>
                </c:pt>
                <c:pt idx="1054">
                  <c:v>12.1</c:v>
                </c:pt>
                <c:pt idx="1055">
                  <c:v>12.5</c:v>
                </c:pt>
                <c:pt idx="1056">
                  <c:v>14.4</c:v>
                </c:pt>
                <c:pt idx="1057">
                  <c:v>16</c:v>
                </c:pt>
                <c:pt idx="1058">
                  <c:v>16</c:v>
                </c:pt>
                <c:pt idx="1059">
                  <c:v>16.899999999999999</c:v>
                </c:pt>
                <c:pt idx="1060">
                  <c:v>17.3</c:v>
                </c:pt>
                <c:pt idx="1061">
                  <c:v>17.899999999999999</c:v>
                </c:pt>
                <c:pt idx="1062">
                  <c:v>18.5</c:v>
                </c:pt>
                <c:pt idx="1063">
                  <c:v>18.399999999999999</c:v>
                </c:pt>
                <c:pt idx="1064">
                  <c:v>17.899999999999999</c:v>
                </c:pt>
                <c:pt idx="1065">
                  <c:v>16.899999999999999</c:v>
                </c:pt>
                <c:pt idx="1066">
                  <c:v>15.8</c:v>
                </c:pt>
                <c:pt idx="1067">
                  <c:v>14.9</c:v>
                </c:pt>
                <c:pt idx="1068">
                  <c:v>14.1</c:v>
                </c:pt>
                <c:pt idx="1069">
                  <c:v>13.4</c:v>
                </c:pt>
                <c:pt idx="1070">
                  <c:v>13.4</c:v>
                </c:pt>
                <c:pt idx="1071">
                  <c:v>13.6</c:v>
                </c:pt>
                <c:pt idx="1072">
                  <c:v>13.9</c:v>
                </c:pt>
                <c:pt idx="1073">
                  <c:v>14.1</c:v>
                </c:pt>
                <c:pt idx="1074">
                  <c:v>14.2</c:v>
                </c:pt>
                <c:pt idx="1075">
                  <c:v>14.7</c:v>
                </c:pt>
                <c:pt idx="1076">
                  <c:v>15.2</c:v>
                </c:pt>
                <c:pt idx="1077">
                  <c:v>15.7</c:v>
                </c:pt>
                <c:pt idx="1078">
                  <c:v>16.3</c:v>
                </c:pt>
                <c:pt idx="1079">
                  <c:v>16.899999999999999</c:v>
                </c:pt>
                <c:pt idx="1080">
                  <c:v>17.399999999999999</c:v>
                </c:pt>
                <c:pt idx="1081">
                  <c:v>18.100000000000001</c:v>
                </c:pt>
                <c:pt idx="1082">
                  <c:v>18.5</c:v>
                </c:pt>
                <c:pt idx="1083">
                  <c:v>18.7</c:v>
                </c:pt>
                <c:pt idx="1084">
                  <c:v>18.7</c:v>
                </c:pt>
                <c:pt idx="1085">
                  <c:v>18.399999999999999</c:v>
                </c:pt>
                <c:pt idx="1086">
                  <c:v>18.100000000000001</c:v>
                </c:pt>
                <c:pt idx="1087">
                  <c:v>17.3</c:v>
                </c:pt>
                <c:pt idx="1088">
                  <c:v>16.100000000000001</c:v>
                </c:pt>
                <c:pt idx="1089">
                  <c:v>15.2</c:v>
                </c:pt>
                <c:pt idx="1090">
                  <c:v>14.4</c:v>
                </c:pt>
                <c:pt idx="1091">
                  <c:v>13.4</c:v>
                </c:pt>
                <c:pt idx="1092">
                  <c:v>13.1</c:v>
                </c:pt>
                <c:pt idx="1093">
                  <c:v>12.3</c:v>
                </c:pt>
                <c:pt idx="1094">
                  <c:v>12.3</c:v>
                </c:pt>
                <c:pt idx="1095">
                  <c:v>12.6</c:v>
                </c:pt>
                <c:pt idx="1096">
                  <c:v>12.9</c:v>
                </c:pt>
                <c:pt idx="1097">
                  <c:v>13.1</c:v>
                </c:pt>
                <c:pt idx="1098">
                  <c:v>13.7</c:v>
                </c:pt>
                <c:pt idx="1099">
                  <c:v>13.9</c:v>
                </c:pt>
                <c:pt idx="1100">
                  <c:v>14.4</c:v>
                </c:pt>
                <c:pt idx="1101">
                  <c:v>14.7</c:v>
                </c:pt>
                <c:pt idx="1102">
                  <c:v>15.2</c:v>
                </c:pt>
                <c:pt idx="1103">
                  <c:v>15.7</c:v>
                </c:pt>
                <c:pt idx="1104">
                  <c:v>16</c:v>
                </c:pt>
                <c:pt idx="1105">
                  <c:v>16.5</c:v>
                </c:pt>
                <c:pt idx="1106">
                  <c:v>17.3</c:v>
                </c:pt>
                <c:pt idx="1107">
                  <c:v>17.899999999999999</c:v>
                </c:pt>
                <c:pt idx="1108">
                  <c:v>18.2</c:v>
                </c:pt>
                <c:pt idx="1109">
                  <c:v>17.899999999999999</c:v>
                </c:pt>
                <c:pt idx="1110">
                  <c:v>17.3</c:v>
                </c:pt>
                <c:pt idx="1111">
                  <c:v>16.5</c:v>
                </c:pt>
                <c:pt idx="1112">
                  <c:v>15.2</c:v>
                </c:pt>
                <c:pt idx="1113">
                  <c:v>14.2</c:v>
                </c:pt>
                <c:pt idx="1114">
                  <c:v>12.6</c:v>
                </c:pt>
                <c:pt idx="1115">
                  <c:v>12.1</c:v>
                </c:pt>
                <c:pt idx="1116">
                  <c:v>12</c:v>
                </c:pt>
                <c:pt idx="1117">
                  <c:v>11</c:v>
                </c:pt>
                <c:pt idx="1118">
                  <c:v>11.2</c:v>
                </c:pt>
                <c:pt idx="1119">
                  <c:v>11.5</c:v>
                </c:pt>
                <c:pt idx="1120">
                  <c:v>11.8</c:v>
                </c:pt>
                <c:pt idx="1121">
                  <c:v>12.1</c:v>
                </c:pt>
                <c:pt idx="1122">
                  <c:v>12.8</c:v>
                </c:pt>
                <c:pt idx="1123">
                  <c:v>13.6</c:v>
                </c:pt>
                <c:pt idx="1124">
                  <c:v>13.9</c:v>
                </c:pt>
                <c:pt idx="1125">
                  <c:v>14.4</c:v>
                </c:pt>
                <c:pt idx="1126">
                  <c:v>14.9</c:v>
                </c:pt>
                <c:pt idx="1127">
                  <c:v>15.2</c:v>
                </c:pt>
                <c:pt idx="1128">
                  <c:v>15.7</c:v>
                </c:pt>
                <c:pt idx="1129">
                  <c:v>16</c:v>
                </c:pt>
                <c:pt idx="1130">
                  <c:v>16</c:v>
                </c:pt>
              </c:numCache>
            </c:numRef>
          </c:yVal>
          <c:smooth val="0"/>
          <c:extLst>
            <c:ext xmlns:c16="http://schemas.microsoft.com/office/drawing/2014/chart" uri="{C3380CC4-5D6E-409C-BE32-E72D297353CC}">
              <c16:uniqueId val="{00000000-A97B-4A5D-A22D-F275A00FA2D2}"/>
            </c:ext>
          </c:extLst>
        </c:ser>
        <c:ser>
          <c:idx val="1"/>
          <c:order val="1"/>
          <c:tx>
            <c:strRef>
              <c:f>グラフ!$I$2</c:f>
              <c:strCache>
                <c:ptCount val="1"/>
                <c:pt idx="0">
                  <c:v>変位/10mm</c:v>
                </c:pt>
              </c:strCache>
            </c:strRef>
          </c:tx>
          <c:marker>
            <c:symbol val="none"/>
          </c:marker>
          <c:trendline>
            <c:trendlineType val="linear"/>
            <c:dispRSqr val="0"/>
            <c:dispEq val="1"/>
            <c:trendlineLbl>
              <c:layout>
                <c:manualLayout>
                  <c:x val="-4.6247769028871392E-2"/>
                  <c:y val="-0.1267543110365642"/>
                </c:manualLayout>
              </c:layout>
              <c:numFmt formatCode="General" sourceLinked="0"/>
              <c:txPr>
                <a:bodyPr/>
                <a:lstStyle/>
                <a:p>
                  <a:pPr>
                    <a:defRPr lang="ja-JP"/>
                  </a:pPr>
                  <a:endParaRPr lang="ja-JP"/>
                </a:p>
              </c:txPr>
            </c:trendlineLbl>
          </c:trendline>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I$6:$I$1136</c:f>
              <c:numCache>
                <c:formatCode>0.0</c:formatCode>
                <c:ptCount val="1131"/>
                <c:pt idx="0">
                  <c:v>56.2</c:v>
                </c:pt>
                <c:pt idx="1">
                  <c:v>55.2</c:v>
                </c:pt>
                <c:pt idx="2">
                  <c:v>55.2</c:v>
                </c:pt>
                <c:pt idx="3">
                  <c:v>55.2</c:v>
                </c:pt>
                <c:pt idx="4">
                  <c:v>54.7</c:v>
                </c:pt>
                <c:pt idx="5">
                  <c:v>54.7</c:v>
                </c:pt>
                <c:pt idx="6">
                  <c:v>54.7</c:v>
                </c:pt>
                <c:pt idx="7">
                  <c:v>54.2</c:v>
                </c:pt>
                <c:pt idx="8">
                  <c:v>53.8</c:v>
                </c:pt>
                <c:pt idx="9">
                  <c:v>53.3</c:v>
                </c:pt>
                <c:pt idx="10">
                  <c:v>51.3</c:v>
                </c:pt>
                <c:pt idx="11">
                  <c:v>50.8</c:v>
                </c:pt>
                <c:pt idx="12">
                  <c:v>50.8</c:v>
                </c:pt>
                <c:pt idx="13">
                  <c:v>50.3</c:v>
                </c:pt>
                <c:pt idx="14">
                  <c:v>49.9</c:v>
                </c:pt>
                <c:pt idx="15">
                  <c:v>49.9</c:v>
                </c:pt>
                <c:pt idx="16">
                  <c:v>49.4</c:v>
                </c:pt>
                <c:pt idx="17">
                  <c:v>48.9</c:v>
                </c:pt>
                <c:pt idx="18">
                  <c:v>46.9</c:v>
                </c:pt>
                <c:pt idx="19">
                  <c:v>46.4</c:v>
                </c:pt>
                <c:pt idx="20">
                  <c:v>43</c:v>
                </c:pt>
                <c:pt idx="21">
                  <c:v>42.5</c:v>
                </c:pt>
                <c:pt idx="22">
                  <c:v>41.6</c:v>
                </c:pt>
                <c:pt idx="23">
                  <c:v>39.6</c:v>
                </c:pt>
                <c:pt idx="24">
                  <c:v>33.700000000000003</c:v>
                </c:pt>
                <c:pt idx="25">
                  <c:v>33.700000000000003</c:v>
                </c:pt>
                <c:pt idx="26">
                  <c:v>33.700000000000003</c:v>
                </c:pt>
                <c:pt idx="27">
                  <c:v>33.700000000000003</c:v>
                </c:pt>
                <c:pt idx="28">
                  <c:v>33.700000000000003</c:v>
                </c:pt>
                <c:pt idx="29">
                  <c:v>33.700000000000003</c:v>
                </c:pt>
                <c:pt idx="30">
                  <c:v>33.299999999999997</c:v>
                </c:pt>
                <c:pt idx="31">
                  <c:v>33.299999999999997</c:v>
                </c:pt>
                <c:pt idx="32">
                  <c:v>33.299999999999997</c:v>
                </c:pt>
                <c:pt idx="33">
                  <c:v>32.799999999999997</c:v>
                </c:pt>
                <c:pt idx="34">
                  <c:v>30.3</c:v>
                </c:pt>
                <c:pt idx="35">
                  <c:v>30.3</c:v>
                </c:pt>
                <c:pt idx="36">
                  <c:v>29.8</c:v>
                </c:pt>
                <c:pt idx="37">
                  <c:v>29.3</c:v>
                </c:pt>
                <c:pt idx="38">
                  <c:v>27.4</c:v>
                </c:pt>
                <c:pt idx="39">
                  <c:v>25</c:v>
                </c:pt>
                <c:pt idx="40">
                  <c:v>23</c:v>
                </c:pt>
                <c:pt idx="41">
                  <c:v>18.100000000000001</c:v>
                </c:pt>
                <c:pt idx="42">
                  <c:v>16.2</c:v>
                </c:pt>
                <c:pt idx="43">
                  <c:v>15.2</c:v>
                </c:pt>
                <c:pt idx="44">
                  <c:v>14.2</c:v>
                </c:pt>
                <c:pt idx="45">
                  <c:v>14.2</c:v>
                </c:pt>
                <c:pt idx="46">
                  <c:v>13.7</c:v>
                </c:pt>
                <c:pt idx="47">
                  <c:v>13.7</c:v>
                </c:pt>
                <c:pt idx="48">
                  <c:v>13.2</c:v>
                </c:pt>
                <c:pt idx="49">
                  <c:v>13.2</c:v>
                </c:pt>
                <c:pt idx="50">
                  <c:v>13.2</c:v>
                </c:pt>
                <c:pt idx="51">
                  <c:v>13.2</c:v>
                </c:pt>
                <c:pt idx="52">
                  <c:v>13.2</c:v>
                </c:pt>
                <c:pt idx="53">
                  <c:v>13.2</c:v>
                </c:pt>
                <c:pt idx="54">
                  <c:v>13.2</c:v>
                </c:pt>
                <c:pt idx="55">
                  <c:v>13.2</c:v>
                </c:pt>
                <c:pt idx="56">
                  <c:v>12.7</c:v>
                </c:pt>
                <c:pt idx="57">
                  <c:v>12.7</c:v>
                </c:pt>
                <c:pt idx="58">
                  <c:v>12.7</c:v>
                </c:pt>
                <c:pt idx="59">
                  <c:v>12.3</c:v>
                </c:pt>
                <c:pt idx="60">
                  <c:v>12.3</c:v>
                </c:pt>
                <c:pt idx="61">
                  <c:v>12.3</c:v>
                </c:pt>
                <c:pt idx="62">
                  <c:v>11.8</c:v>
                </c:pt>
                <c:pt idx="63">
                  <c:v>11.8</c:v>
                </c:pt>
                <c:pt idx="64">
                  <c:v>11.3</c:v>
                </c:pt>
                <c:pt idx="65">
                  <c:v>11.3</c:v>
                </c:pt>
                <c:pt idx="66">
                  <c:v>10.8</c:v>
                </c:pt>
                <c:pt idx="67">
                  <c:v>10.8</c:v>
                </c:pt>
                <c:pt idx="68">
                  <c:v>10.8</c:v>
                </c:pt>
                <c:pt idx="69">
                  <c:v>10.8</c:v>
                </c:pt>
                <c:pt idx="70">
                  <c:v>10.8</c:v>
                </c:pt>
                <c:pt idx="71">
                  <c:v>10.8</c:v>
                </c:pt>
                <c:pt idx="72">
                  <c:v>10.8</c:v>
                </c:pt>
                <c:pt idx="73">
                  <c:v>10.8</c:v>
                </c:pt>
                <c:pt idx="74">
                  <c:v>10.8</c:v>
                </c:pt>
                <c:pt idx="75">
                  <c:v>10.8</c:v>
                </c:pt>
                <c:pt idx="76">
                  <c:v>10.8</c:v>
                </c:pt>
                <c:pt idx="77">
                  <c:v>10.8</c:v>
                </c:pt>
                <c:pt idx="78">
                  <c:v>10.8</c:v>
                </c:pt>
                <c:pt idx="79">
                  <c:v>10.8</c:v>
                </c:pt>
                <c:pt idx="80">
                  <c:v>10.8</c:v>
                </c:pt>
                <c:pt idx="81">
                  <c:v>10.8</c:v>
                </c:pt>
                <c:pt idx="82">
                  <c:v>10.8</c:v>
                </c:pt>
                <c:pt idx="83">
                  <c:v>10.8</c:v>
                </c:pt>
                <c:pt idx="84">
                  <c:v>10.8</c:v>
                </c:pt>
                <c:pt idx="85">
                  <c:v>10.8</c:v>
                </c:pt>
                <c:pt idx="86">
                  <c:v>10.8</c:v>
                </c:pt>
                <c:pt idx="87">
                  <c:v>10.8</c:v>
                </c:pt>
                <c:pt idx="88">
                  <c:v>10.8</c:v>
                </c:pt>
                <c:pt idx="89">
                  <c:v>10.8</c:v>
                </c:pt>
                <c:pt idx="90">
                  <c:v>10.8</c:v>
                </c:pt>
                <c:pt idx="91">
                  <c:v>10.8</c:v>
                </c:pt>
                <c:pt idx="92">
                  <c:v>10.8</c:v>
                </c:pt>
                <c:pt idx="93">
                  <c:v>10.3</c:v>
                </c:pt>
                <c:pt idx="94">
                  <c:v>10.3</c:v>
                </c:pt>
                <c:pt idx="95">
                  <c:v>10.8</c:v>
                </c:pt>
                <c:pt idx="96">
                  <c:v>10.8</c:v>
                </c:pt>
                <c:pt idx="97">
                  <c:v>10.8</c:v>
                </c:pt>
                <c:pt idx="98">
                  <c:v>10.8</c:v>
                </c:pt>
                <c:pt idx="99">
                  <c:v>10.8</c:v>
                </c:pt>
                <c:pt idx="100">
                  <c:v>10.8</c:v>
                </c:pt>
                <c:pt idx="101">
                  <c:v>10.8</c:v>
                </c:pt>
                <c:pt idx="102">
                  <c:v>10.8</c:v>
                </c:pt>
                <c:pt idx="103">
                  <c:v>10.8</c:v>
                </c:pt>
                <c:pt idx="104">
                  <c:v>10.8</c:v>
                </c:pt>
                <c:pt idx="105">
                  <c:v>10.8</c:v>
                </c:pt>
                <c:pt idx="106">
                  <c:v>11.3</c:v>
                </c:pt>
                <c:pt idx="107">
                  <c:v>11.3</c:v>
                </c:pt>
                <c:pt idx="108">
                  <c:v>11.3</c:v>
                </c:pt>
                <c:pt idx="109">
                  <c:v>11.3</c:v>
                </c:pt>
                <c:pt idx="110">
                  <c:v>11.3</c:v>
                </c:pt>
                <c:pt idx="111">
                  <c:v>11.3</c:v>
                </c:pt>
                <c:pt idx="112">
                  <c:v>11.3</c:v>
                </c:pt>
                <c:pt idx="113">
                  <c:v>11.3</c:v>
                </c:pt>
                <c:pt idx="114">
                  <c:v>11.3</c:v>
                </c:pt>
                <c:pt idx="115">
                  <c:v>11.3</c:v>
                </c:pt>
                <c:pt idx="116">
                  <c:v>11.3</c:v>
                </c:pt>
                <c:pt idx="117">
                  <c:v>11.3</c:v>
                </c:pt>
                <c:pt idx="118">
                  <c:v>11.3</c:v>
                </c:pt>
                <c:pt idx="119">
                  <c:v>11.3</c:v>
                </c:pt>
                <c:pt idx="120">
                  <c:v>11.3</c:v>
                </c:pt>
                <c:pt idx="121">
                  <c:v>11.3</c:v>
                </c:pt>
                <c:pt idx="122">
                  <c:v>11.3</c:v>
                </c:pt>
                <c:pt idx="123">
                  <c:v>11.3</c:v>
                </c:pt>
                <c:pt idx="124">
                  <c:v>11.3</c:v>
                </c:pt>
                <c:pt idx="125">
                  <c:v>11.3</c:v>
                </c:pt>
                <c:pt idx="126">
                  <c:v>11.3</c:v>
                </c:pt>
                <c:pt idx="127">
                  <c:v>11.3</c:v>
                </c:pt>
                <c:pt idx="128">
                  <c:v>11.3</c:v>
                </c:pt>
                <c:pt idx="129">
                  <c:v>11.3</c:v>
                </c:pt>
                <c:pt idx="130">
                  <c:v>11.3</c:v>
                </c:pt>
                <c:pt idx="131">
                  <c:v>11.3</c:v>
                </c:pt>
                <c:pt idx="132">
                  <c:v>11.3</c:v>
                </c:pt>
                <c:pt idx="133">
                  <c:v>11.3</c:v>
                </c:pt>
                <c:pt idx="134">
                  <c:v>11.3</c:v>
                </c:pt>
                <c:pt idx="135">
                  <c:v>11.3</c:v>
                </c:pt>
                <c:pt idx="136">
                  <c:v>11.3</c:v>
                </c:pt>
                <c:pt idx="137">
                  <c:v>11.3</c:v>
                </c:pt>
                <c:pt idx="138">
                  <c:v>11.3</c:v>
                </c:pt>
                <c:pt idx="139">
                  <c:v>11.3</c:v>
                </c:pt>
                <c:pt idx="140">
                  <c:v>10.8</c:v>
                </c:pt>
                <c:pt idx="141">
                  <c:v>10.8</c:v>
                </c:pt>
                <c:pt idx="142">
                  <c:v>10.8</c:v>
                </c:pt>
                <c:pt idx="143">
                  <c:v>10.8</c:v>
                </c:pt>
                <c:pt idx="144">
                  <c:v>10.8</c:v>
                </c:pt>
                <c:pt idx="145">
                  <c:v>10.8</c:v>
                </c:pt>
                <c:pt idx="146">
                  <c:v>10.8</c:v>
                </c:pt>
                <c:pt idx="147">
                  <c:v>10.8</c:v>
                </c:pt>
                <c:pt idx="148">
                  <c:v>10.8</c:v>
                </c:pt>
                <c:pt idx="149">
                  <c:v>10.8</c:v>
                </c:pt>
                <c:pt idx="150">
                  <c:v>10.8</c:v>
                </c:pt>
                <c:pt idx="151">
                  <c:v>10.8</c:v>
                </c:pt>
                <c:pt idx="152">
                  <c:v>10.8</c:v>
                </c:pt>
                <c:pt idx="153">
                  <c:v>10.8</c:v>
                </c:pt>
                <c:pt idx="154">
                  <c:v>10.8</c:v>
                </c:pt>
                <c:pt idx="155">
                  <c:v>10.8</c:v>
                </c:pt>
                <c:pt idx="156">
                  <c:v>10.8</c:v>
                </c:pt>
                <c:pt idx="157">
                  <c:v>10.8</c:v>
                </c:pt>
                <c:pt idx="158">
                  <c:v>10.8</c:v>
                </c:pt>
                <c:pt idx="159">
                  <c:v>10.8</c:v>
                </c:pt>
                <c:pt idx="160">
                  <c:v>10.8</c:v>
                </c:pt>
                <c:pt idx="161">
                  <c:v>10.8</c:v>
                </c:pt>
                <c:pt idx="162">
                  <c:v>10.8</c:v>
                </c:pt>
                <c:pt idx="163">
                  <c:v>10.8</c:v>
                </c:pt>
                <c:pt idx="164">
                  <c:v>10.3</c:v>
                </c:pt>
                <c:pt idx="165">
                  <c:v>10.8</c:v>
                </c:pt>
                <c:pt idx="166">
                  <c:v>10.8</c:v>
                </c:pt>
                <c:pt idx="167">
                  <c:v>10.8</c:v>
                </c:pt>
                <c:pt idx="168">
                  <c:v>10.8</c:v>
                </c:pt>
                <c:pt idx="169">
                  <c:v>11.3</c:v>
                </c:pt>
                <c:pt idx="170">
                  <c:v>11.3</c:v>
                </c:pt>
                <c:pt idx="171">
                  <c:v>11.3</c:v>
                </c:pt>
                <c:pt idx="172">
                  <c:v>10.8</c:v>
                </c:pt>
                <c:pt idx="173">
                  <c:v>10.8</c:v>
                </c:pt>
                <c:pt idx="174">
                  <c:v>10.8</c:v>
                </c:pt>
                <c:pt idx="175">
                  <c:v>10.8</c:v>
                </c:pt>
                <c:pt idx="176">
                  <c:v>10.8</c:v>
                </c:pt>
                <c:pt idx="177">
                  <c:v>10.3</c:v>
                </c:pt>
                <c:pt idx="178">
                  <c:v>10.3</c:v>
                </c:pt>
                <c:pt idx="179">
                  <c:v>10.3</c:v>
                </c:pt>
                <c:pt idx="180">
                  <c:v>10.3</c:v>
                </c:pt>
                <c:pt idx="181">
                  <c:v>10.3</c:v>
                </c:pt>
                <c:pt idx="182">
                  <c:v>10.3</c:v>
                </c:pt>
                <c:pt idx="183">
                  <c:v>10.3</c:v>
                </c:pt>
                <c:pt idx="184">
                  <c:v>10.3</c:v>
                </c:pt>
                <c:pt idx="185">
                  <c:v>10.3</c:v>
                </c:pt>
                <c:pt idx="186">
                  <c:v>10.3</c:v>
                </c:pt>
                <c:pt idx="187">
                  <c:v>10.3</c:v>
                </c:pt>
                <c:pt idx="188">
                  <c:v>10.3</c:v>
                </c:pt>
                <c:pt idx="189">
                  <c:v>10.3</c:v>
                </c:pt>
                <c:pt idx="190">
                  <c:v>10.3</c:v>
                </c:pt>
                <c:pt idx="191">
                  <c:v>10.3</c:v>
                </c:pt>
                <c:pt idx="192">
                  <c:v>10.3</c:v>
                </c:pt>
                <c:pt idx="193">
                  <c:v>10.3</c:v>
                </c:pt>
                <c:pt idx="194">
                  <c:v>10.3</c:v>
                </c:pt>
                <c:pt idx="195">
                  <c:v>10.3</c:v>
                </c:pt>
                <c:pt idx="196">
                  <c:v>10.3</c:v>
                </c:pt>
                <c:pt idx="197">
                  <c:v>10.3</c:v>
                </c:pt>
                <c:pt idx="198">
                  <c:v>10.3</c:v>
                </c:pt>
                <c:pt idx="199">
                  <c:v>9.8000000000000007</c:v>
                </c:pt>
                <c:pt idx="200">
                  <c:v>9.8000000000000007</c:v>
                </c:pt>
                <c:pt idx="201">
                  <c:v>9.8000000000000007</c:v>
                </c:pt>
                <c:pt idx="202">
                  <c:v>9.8000000000000007</c:v>
                </c:pt>
                <c:pt idx="203">
                  <c:v>9.8000000000000007</c:v>
                </c:pt>
                <c:pt idx="204">
                  <c:v>9.8000000000000007</c:v>
                </c:pt>
                <c:pt idx="205">
                  <c:v>9.8000000000000007</c:v>
                </c:pt>
                <c:pt idx="206">
                  <c:v>9.8000000000000007</c:v>
                </c:pt>
                <c:pt idx="207">
                  <c:v>9.8000000000000007</c:v>
                </c:pt>
                <c:pt idx="208">
                  <c:v>9.8000000000000007</c:v>
                </c:pt>
                <c:pt idx="209">
                  <c:v>10.3</c:v>
                </c:pt>
                <c:pt idx="210">
                  <c:v>10.3</c:v>
                </c:pt>
                <c:pt idx="211">
                  <c:v>10.3</c:v>
                </c:pt>
                <c:pt idx="212">
                  <c:v>10.3</c:v>
                </c:pt>
                <c:pt idx="213">
                  <c:v>10.3</c:v>
                </c:pt>
                <c:pt idx="214">
                  <c:v>10.3</c:v>
                </c:pt>
                <c:pt idx="215">
                  <c:v>10.3</c:v>
                </c:pt>
                <c:pt idx="216">
                  <c:v>10.3</c:v>
                </c:pt>
                <c:pt idx="217">
                  <c:v>10.3</c:v>
                </c:pt>
                <c:pt idx="218">
                  <c:v>10.3</c:v>
                </c:pt>
                <c:pt idx="219">
                  <c:v>10.3</c:v>
                </c:pt>
                <c:pt idx="220">
                  <c:v>10.3</c:v>
                </c:pt>
                <c:pt idx="221">
                  <c:v>10.3</c:v>
                </c:pt>
                <c:pt idx="222">
                  <c:v>10.3</c:v>
                </c:pt>
                <c:pt idx="223">
                  <c:v>10.3</c:v>
                </c:pt>
                <c:pt idx="224">
                  <c:v>10.3</c:v>
                </c:pt>
                <c:pt idx="225">
                  <c:v>10.3</c:v>
                </c:pt>
                <c:pt idx="226">
                  <c:v>10.3</c:v>
                </c:pt>
                <c:pt idx="227">
                  <c:v>10.3</c:v>
                </c:pt>
                <c:pt idx="228">
                  <c:v>10.3</c:v>
                </c:pt>
                <c:pt idx="229">
                  <c:v>10.3</c:v>
                </c:pt>
                <c:pt idx="230">
                  <c:v>10.3</c:v>
                </c:pt>
                <c:pt idx="231">
                  <c:v>10.3</c:v>
                </c:pt>
                <c:pt idx="232">
                  <c:v>10.3</c:v>
                </c:pt>
                <c:pt idx="233">
                  <c:v>10.3</c:v>
                </c:pt>
                <c:pt idx="234">
                  <c:v>10.3</c:v>
                </c:pt>
                <c:pt idx="235">
                  <c:v>10.3</c:v>
                </c:pt>
                <c:pt idx="236">
                  <c:v>10.3</c:v>
                </c:pt>
                <c:pt idx="237">
                  <c:v>10.3</c:v>
                </c:pt>
                <c:pt idx="238">
                  <c:v>10.3</c:v>
                </c:pt>
                <c:pt idx="239">
                  <c:v>10.3</c:v>
                </c:pt>
                <c:pt idx="240">
                  <c:v>10.3</c:v>
                </c:pt>
                <c:pt idx="241">
                  <c:v>10.8</c:v>
                </c:pt>
                <c:pt idx="242">
                  <c:v>10.8</c:v>
                </c:pt>
                <c:pt idx="243">
                  <c:v>10.8</c:v>
                </c:pt>
                <c:pt idx="244">
                  <c:v>10.8</c:v>
                </c:pt>
                <c:pt idx="245">
                  <c:v>10.8</c:v>
                </c:pt>
                <c:pt idx="246">
                  <c:v>10.8</c:v>
                </c:pt>
                <c:pt idx="247">
                  <c:v>10.8</c:v>
                </c:pt>
                <c:pt idx="248">
                  <c:v>10.8</c:v>
                </c:pt>
                <c:pt idx="249">
                  <c:v>10.8</c:v>
                </c:pt>
                <c:pt idx="250">
                  <c:v>10.8</c:v>
                </c:pt>
                <c:pt idx="251">
                  <c:v>10.8</c:v>
                </c:pt>
                <c:pt idx="252">
                  <c:v>10.8</c:v>
                </c:pt>
                <c:pt idx="253">
                  <c:v>10.8</c:v>
                </c:pt>
                <c:pt idx="254">
                  <c:v>10.8</c:v>
                </c:pt>
                <c:pt idx="255">
                  <c:v>10.8</c:v>
                </c:pt>
                <c:pt idx="256">
                  <c:v>10.8</c:v>
                </c:pt>
                <c:pt idx="257">
                  <c:v>10.8</c:v>
                </c:pt>
                <c:pt idx="258">
                  <c:v>10.8</c:v>
                </c:pt>
                <c:pt idx="259">
                  <c:v>10.8</c:v>
                </c:pt>
                <c:pt idx="260">
                  <c:v>10.8</c:v>
                </c:pt>
                <c:pt idx="261">
                  <c:v>10.8</c:v>
                </c:pt>
                <c:pt idx="262">
                  <c:v>10.8</c:v>
                </c:pt>
                <c:pt idx="263">
                  <c:v>10.8</c:v>
                </c:pt>
                <c:pt idx="264">
                  <c:v>11.3</c:v>
                </c:pt>
                <c:pt idx="265">
                  <c:v>11.3</c:v>
                </c:pt>
                <c:pt idx="266">
                  <c:v>11.3</c:v>
                </c:pt>
                <c:pt idx="267">
                  <c:v>11.3</c:v>
                </c:pt>
                <c:pt idx="268">
                  <c:v>11.3</c:v>
                </c:pt>
                <c:pt idx="269">
                  <c:v>11.3</c:v>
                </c:pt>
                <c:pt idx="270">
                  <c:v>11.3</c:v>
                </c:pt>
                <c:pt idx="271">
                  <c:v>11.8</c:v>
                </c:pt>
                <c:pt idx="272">
                  <c:v>11.8</c:v>
                </c:pt>
                <c:pt idx="273">
                  <c:v>11.8</c:v>
                </c:pt>
                <c:pt idx="274">
                  <c:v>11.3</c:v>
                </c:pt>
                <c:pt idx="275">
                  <c:v>11.3</c:v>
                </c:pt>
                <c:pt idx="276">
                  <c:v>11.3</c:v>
                </c:pt>
                <c:pt idx="277">
                  <c:v>11.3</c:v>
                </c:pt>
                <c:pt idx="278">
                  <c:v>11.3</c:v>
                </c:pt>
                <c:pt idx="279">
                  <c:v>11.8</c:v>
                </c:pt>
                <c:pt idx="280">
                  <c:v>11.8</c:v>
                </c:pt>
                <c:pt idx="281">
                  <c:v>11.8</c:v>
                </c:pt>
                <c:pt idx="282">
                  <c:v>11.3</c:v>
                </c:pt>
                <c:pt idx="283">
                  <c:v>11.3</c:v>
                </c:pt>
                <c:pt idx="284">
                  <c:v>11.3</c:v>
                </c:pt>
                <c:pt idx="285">
                  <c:v>11.3</c:v>
                </c:pt>
                <c:pt idx="286">
                  <c:v>10.8</c:v>
                </c:pt>
                <c:pt idx="287">
                  <c:v>10.8</c:v>
                </c:pt>
                <c:pt idx="288">
                  <c:v>10.8</c:v>
                </c:pt>
                <c:pt idx="289">
                  <c:v>10.8</c:v>
                </c:pt>
                <c:pt idx="290">
                  <c:v>10.8</c:v>
                </c:pt>
                <c:pt idx="291">
                  <c:v>10.8</c:v>
                </c:pt>
                <c:pt idx="292">
                  <c:v>10.8</c:v>
                </c:pt>
                <c:pt idx="293">
                  <c:v>10.8</c:v>
                </c:pt>
                <c:pt idx="294">
                  <c:v>10.8</c:v>
                </c:pt>
                <c:pt idx="295">
                  <c:v>10.8</c:v>
                </c:pt>
                <c:pt idx="296">
                  <c:v>10.8</c:v>
                </c:pt>
                <c:pt idx="297">
                  <c:v>10.8</c:v>
                </c:pt>
                <c:pt idx="298">
                  <c:v>10.8</c:v>
                </c:pt>
                <c:pt idx="299">
                  <c:v>10.8</c:v>
                </c:pt>
                <c:pt idx="300">
                  <c:v>10.8</c:v>
                </c:pt>
                <c:pt idx="301">
                  <c:v>10.8</c:v>
                </c:pt>
                <c:pt idx="302">
                  <c:v>10.8</c:v>
                </c:pt>
                <c:pt idx="303">
                  <c:v>10.8</c:v>
                </c:pt>
                <c:pt idx="304">
                  <c:v>11.3</c:v>
                </c:pt>
                <c:pt idx="305">
                  <c:v>10.8</c:v>
                </c:pt>
                <c:pt idx="306">
                  <c:v>10.8</c:v>
                </c:pt>
                <c:pt idx="307">
                  <c:v>10.8</c:v>
                </c:pt>
                <c:pt idx="308">
                  <c:v>10.8</c:v>
                </c:pt>
                <c:pt idx="309">
                  <c:v>10.3</c:v>
                </c:pt>
                <c:pt idx="310">
                  <c:v>10.3</c:v>
                </c:pt>
                <c:pt idx="311">
                  <c:v>10.3</c:v>
                </c:pt>
                <c:pt idx="312">
                  <c:v>10.3</c:v>
                </c:pt>
                <c:pt idx="313">
                  <c:v>10.3</c:v>
                </c:pt>
                <c:pt idx="314">
                  <c:v>10.8</c:v>
                </c:pt>
                <c:pt idx="315">
                  <c:v>10.8</c:v>
                </c:pt>
                <c:pt idx="316">
                  <c:v>10.8</c:v>
                </c:pt>
                <c:pt idx="317">
                  <c:v>10.3</c:v>
                </c:pt>
                <c:pt idx="318">
                  <c:v>10.3</c:v>
                </c:pt>
                <c:pt idx="319">
                  <c:v>10.3</c:v>
                </c:pt>
                <c:pt idx="320">
                  <c:v>10.3</c:v>
                </c:pt>
                <c:pt idx="321">
                  <c:v>10.3</c:v>
                </c:pt>
                <c:pt idx="322">
                  <c:v>10.3</c:v>
                </c:pt>
                <c:pt idx="323">
                  <c:v>10.3</c:v>
                </c:pt>
                <c:pt idx="324">
                  <c:v>10.3</c:v>
                </c:pt>
                <c:pt idx="325">
                  <c:v>10.3</c:v>
                </c:pt>
                <c:pt idx="326">
                  <c:v>10.3</c:v>
                </c:pt>
                <c:pt idx="327">
                  <c:v>10.3</c:v>
                </c:pt>
                <c:pt idx="328">
                  <c:v>10.3</c:v>
                </c:pt>
                <c:pt idx="329">
                  <c:v>10.8</c:v>
                </c:pt>
                <c:pt idx="330">
                  <c:v>10.8</c:v>
                </c:pt>
                <c:pt idx="331">
                  <c:v>10.8</c:v>
                </c:pt>
                <c:pt idx="332">
                  <c:v>10.8</c:v>
                </c:pt>
                <c:pt idx="333">
                  <c:v>10.8</c:v>
                </c:pt>
                <c:pt idx="334">
                  <c:v>10.8</c:v>
                </c:pt>
                <c:pt idx="335">
                  <c:v>10.8</c:v>
                </c:pt>
                <c:pt idx="336">
                  <c:v>10.8</c:v>
                </c:pt>
                <c:pt idx="337">
                  <c:v>10.8</c:v>
                </c:pt>
                <c:pt idx="338">
                  <c:v>10.8</c:v>
                </c:pt>
                <c:pt idx="339">
                  <c:v>10.8</c:v>
                </c:pt>
                <c:pt idx="340">
                  <c:v>10.8</c:v>
                </c:pt>
                <c:pt idx="341">
                  <c:v>10.8</c:v>
                </c:pt>
                <c:pt idx="342">
                  <c:v>10.3</c:v>
                </c:pt>
                <c:pt idx="343">
                  <c:v>10.3</c:v>
                </c:pt>
                <c:pt idx="344">
                  <c:v>10.3</c:v>
                </c:pt>
                <c:pt idx="345">
                  <c:v>10.3</c:v>
                </c:pt>
                <c:pt idx="346">
                  <c:v>10.3</c:v>
                </c:pt>
                <c:pt idx="347">
                  <c:v>10.3</c:v>
                </c:pt>
                <c:pt idx="348">
                  <c:v>10.3</c:v>
                </c:pt>
                <c:pt idx="349">
                  <c:v>10.3</c:v>
                </c:pt>
                <c:pt idx="350">
                  <c:v>10.3</c:v>
                </c:pt>
                <c:pt idx="351">
                  <c:v>10.3</c:v>
                </c:pt>
                <c:pt idx="352">
                  <c:v>10.3</c:v>
                </c:pt>
                <c:pt idx="353">
                  <c:v>10.3</c:v>
                </c:pt>
                <c:pt idx="354">
                  <c:v>10.3</c:v>
                </c:pt>
                <c:pt idx="355">
                  <c:v>10.3</c:v>
                </c:pt>
                <c:pt idx="356">
                  <c:v>10.3</c:v>
                </c:pt>
                <c:pt idx="357">
                  <c:v>10.3</c:v>
                </c:pt>
                <c:pt idx="358">
                  <c:v>10.3</c:v>
                </c:pt>
                <c:pt idx="359">
                  <c:v>10.3</c:v>
                </c:pt>
                <c:pt idx="360">
                  <c:v>10.3</c:v>
                </c:pt>
                <c:pt idx="361">
                  <c:v>10.8</c:v>
                </c:pt>
                <c:pt idx="362">
                  <c:v>10.8</c:v>
                </c:pt>
                <c:pt idx="363">
                  <c:v>10.8</c:v>
                </c:pt>
                <c:pt idx="364">
                  <c:v>10.8</c:v>
                </c:pt>
                <c:pt idx="365">
                  <c:v>10.8</c:v>
                </c:pt>
                <c:pt idx="366">
                  <c:v>11.3</c:v>
                </c:pt>
                <c:pt idx="367">
                  <c:v>11.3</c:v>
                </c:pt>
                <c:pt idx="368">
                  <c:v>11.3</c:v>
                </c:pt>
                <c:pt idx="369">
                  <c:v>11.3</c:v>
                </c:pt>
                <c:pt idx="370">
                  <c:v>11.3</c:v>
                </c:pt>
                <c:pt idx="371">
                  <c:v>11.3</c:v>
                </c:pt>
                <c:pt idx="372">
                  <c:v>11.3</c:v>
                </c:pt>
                <c:pt idx="373">
                  <c:v>11.3</c:v>
                </c:pt>
                <c:pt idx="374">
                  <c:v>11.3</c:v>
                </c:pt>
                <c:pt idx="375">
                  <c:v>11.3</c:v>
                </c:pt>
                <c:pt idx="376">
                  <c:v>11.3</c:v>
                </c:pt>
                <c:pt idx="377">
                  <c:v>11.3</c:v>
                </c:pt>
                <c:pt idx="378">
                  <c:v>10.8</c:v>
                </c:pt>
                <c:pt idx="379">
                  <c:v>10.8</c:v>
                </c:pt>
                <c:pt idx="380">
                  <c:v>10.8</c:v>
                </c:pt>
                <c:pt idx="381">
                  <c:v>10.3</c:v>
                </c:pt>
                <c:pt idx="382">
                  <c:v>10.3</c:v>
                </c:pt>
                <c:pt idx="383">
                  <c:v>10.3</c:v>
                </c:pt>
                <c:pt idx="384">
                  <c:v>10.3</c:v>
                </c:pt>
                <c:pt idx="385">
                  <c:v>10.3</c:v>
                </c:pt>
                <c:pt idx="386">
                  <c:v>10.8</c:v>
                </c:pt>
                <c:pt idx="387">
                  <c:v>10.8</c:v>
                </c:pt>
                <c:pt idx="388">
                  <c:v>10.8</c:v>
                </c:pt>
                <c:pt idx="389">
                  <c:v>10.8</c:v>
                </c:pt>
                <c:pt idx="390">
                  <c:v>10.8</c:v>
                </c:pt>
                <c:pt idx="391">
                  <c:v>10.8</c:v>
                </c:pt>
                <c:pt idx="392">
                  <c:v>10.8</c:v>
                </c:pt>
                <c:pt idx="393">
                  <c:v>10.8</c:v>
                </c:pt>
                <c:pt idx="394">
                  <c:v>10.8</c:v>
                </c:pt>
                <c:pt idx="395">
                  <c:v>10.8</c:v>
                </c:pt>
                <c:pt idx="396">
                  <c:v>11.3</c:v>
                </c:pt>
                <c:pt idx="397">
                  <c:v>11.3</c:v>
                </c:pt>
                <c:pt idx="398">
                  <c:v>11.3</c:v>
                </c:pt>
                <c:pt idx="399">
                  <c:v>11.3</c:v>
                </c:pt>
                <c:pt idx="400">
                  <c:v>11.3</c:v>
                </c:pt>
                <c:pt idx="401">
                  <c:v>11.3</c:v>
                </c:pt>
                <c:pt idx="402">
                  <c:v>10.8</c:v>
                </c:pt>
                <c:pt idx="403">
                  <c:v>10.8</c:v>
                </c:pt>
                <c:pt idx="404">
                  <c:v>11.3</c:v>
                </c:pt>
                <c:pt idx="405">
                  <c:v>10.8</c:v>
                </c:pt>
                <c:pt idx="406">
                  <c:v>10.8</c:v>
                </c:pt>
                <c:pt idx="407">
                  <c:v>10.8</c:v>
                </c:pt>
                <c:pt idx="408">
                  <c:v>10.3</c:v>
                </c:pt>
                <c:pt idx="409">
                  <c:v>10.8</c:v>
                </c:pt>
                <c:pt idx="410">
                  <c:v>10.8</c:v>
                </c:pt>
                <c:pt idx="411">
                  <c:v>10.8</c:v>
                </c:pt>
                <c:pt idx="412">
                  <c:v>10.8</c:v>
                </c:pt>
                <c:pt idx="413">
                  <c:v>10.8</c:v>
                </c:pt>
                <c:pt idx="414">
                  <c:v>10.8</c:v>
                </c:pt>
                <c:pt idx="415">
                  <c:v>10.8</c:v>
                </c:pt>
                <c:pt idx="416">
                  <c:v>10.8</c:v>
                </c:pt>
                <c:pt idx="417">
                  <c:v>11.3</c:v>
                </c:pt>
                <c:pt idx="418">
                  <c:v>11.3</c:v>
                </c:pt>
                <c:pt idx="419">
                  <c:v>11.3</c:v>
                </c:pt>
                <c:pt idx="420">
                  <c:v>11.3</c:v>
                </c:pt>
                <c:pt idx="421">
                  <c:v>11.3</c:v>
                </c:pt>
                <c:pt idx="422">
                  <c:v>11.3</c:v>
                </c:pt>
                <c:pt idx="423">
                  <c:v>11.3</c:v>
                </c:pt>
                <c:pt idx="424">
                  <c:v>10.8</c:v>
                </c:pt>
                <c:pt idx="425">
                  <c:v>10.8</c:v>
                </c:pt>
                <c:pt idx="426">
                  <c:v>10.8</c:v>
                </c:pt>
                <c:pt idx="427">
                  <c:v>10.3</c:v>
                </c:pt>
                <c:pt idx="428">
                  <c:v>10.3</c:v>
                </c:pt>
                <c:pt idx="429">
                  <c:v>9.8000000000000007</c:v>
                </c:pt>
                <c:pt idx="430">
                  <c:v>9.8000000000000007</c:v>
                </c:pt>
                <c:pt idx="431">
                  <c:v>9.8000000000000007</c:v>
                </c:pt>
                <c:pt idx="432">
                  <c:v>9.3000000000000007</c:v>
                </c:pt>
                <c:pt idx="433">
                  <c:v>8.8000000000000007</c:v>
                </c:pt>
                <c:pt idx="434">
                  <c:v>8.8000000000000007</c:v>
                </c:pt>
                <c:pt idx="435">
                  <c:v>8.8000000000000007</c:v>
                </c:pt>
                <c:pt idx="436">
                  <c:v>8.8000000000000007</c:v>
                </c:pt>
                <c:pt idx="437">
                  <c:v>8.8000000000000007</c:v>
                </c:pt>
                <c:pt idx="438">
                  <c:v>8.8000000000000007</c:v>
                </c:pt>
                <c:pt idx="439">
                  <c:v>8.8000000000000007</c:v>
                </c:pt>
                <c:pt idx="440">
                  <c:v>9.3000000000000007</c:v>
                </c:pt>
                <c:pt idx="441">
                  <c:v>9.3000000000000007</c:v>
                </c:pt>
                <c:pt idx="442">
                  <c:v>9.3000000000000007</c:v>
                </c:pt>
                <c:pt idx="443">
                  <c:v>9.3000000000000007</c:v>
                </c:pt>
                <c:pt idx="444">
                  <c:v>9.3000000000000007</c:v>
                </c:pt>
                <c:pt idx="445">
                  <c:v>9.3000000000000007</c:v>
                </c:pt>
                <c:pt idx="446">
                  <c:v>9.3000000000000007</c:v>
                </c:pt>
                <c:pt idx="447">
                  <c:v>9.3000000000000007</c:v>
                </c:pt>
                <c:pt idx="448">
                  <c:v>9.3000000000000007</c:v>
                </c:pt>
                <c:pt idx="449">
                  <c:v>9.3000000000000007</c:v>
                </c:pt>
                <c:pt idx="450">
                  <c:v>8.8000000000000007</c:v>
                </c:pt>
                <c:pt idx="451">
                  <c:v>8.3000000000000007</c:v>
                </c:pt>
                <c:pt idx="452">
                  <c:v>8.3000000000000007</c:v>
                </c:pt>
                <c:pt idx="453">
                  <c:v>7.9</c:v>
                </c:pt>
                <c:pt idx="454">
                  <c:v>7.9</c:v>
                </c:pt>
                <c:pt idx="455">
                  <c:v>7.9</c:v>
                </c:pt>
                <c:pt idx="456">
                  <c:v>7.4</c:v>
                </c:pt>
                <c:pt idx="457">
                  <c:v>7.9</c:v>
                </c:pt>
                <c:pt idx="458">
                  <c:v>7.9</c:v>
                </c:pt>
                <c:pt idx="459">
                  <c:v>7.9</c:v>
                </c:pt>
                <c:pt idx="460">
                  <c:v>7.9</c:v>
                </c:pt>
                <c:pt idx="461">
                  <c:v>7.9</c:v>
                </c:pt>
                <c:pt idx="462">
                  <c:v>7.9</c:v>
                </c:pt>
                <c:pt idx="463">
                  <c:v>7.9</c:v>
                </c:pt>
                <c:pt idx="464">
                  <c:v>7.9</c:v>
                </c:pt>
                <c:pt idx="465">
                  <c:v>7.9</c:v>
                </c:pt>
                <c:pt idx="466">
                  <c:v>7.9</c:v>
                </c:pt>
                <c:pt idx="467">
                  <c:v>7.9</c:v>
                </c:pt>
                <c:pt idx="468">
                  <c:v>7.9</c:v>
                </c:pt>
                <c:pt idx="469">
                  <c:v>7.9</c:v>
                </c:pt>
                <c:pt idx="470">
                  <c:v>7.9</c:v>
                </c:pt>
                <c:pt idx="471">
                  <c:v>7.9</c:v>
                </c:pt>
                <c:pt idx="472">
                  <c:v>7.9</c:v>
                </c:pt>
                <c:pt idx="473">
                  <c:v>7.9</c:v>
                </c:pt>
                <c:pt idx="474">
                  <c:v>7.9</c:v>
                </c:pt>
                <c:pt idx="475">
                  <c:v>7.9</c:v>
                </c:pt>
                <c:pt idx="476">
                  <c:v>7.9</c:v>
                </c:pt>
                <c:pt idx="477">
                  <c:v>7.4</c:v>
                </c:pt>
                <c:pt idx="478">
                  <c:v>7.4</c:v>
                </c:pt>
                <c:pt idx="479">
                  <c:v>7.4</c:v>
                </c:pt>
                <c:pt idx="480">
                  <c:v>7.4</c:v>
                </c:pt>
                <c:pt idx="481">
                  <c:v>7.4</c:v>
                </c:pt>
                <c:pt idx="482">
                  <c:v>7.4</c:v>
                </c:pt>
                <c:pt idx="483">
                  <c:v>7.4</c:v>
                </c:pt>
                <c:pt idx="484">
                  <c:v>7.4</c:v>
                </c:pt>
                <c:pt idx="485">
                  <c:v>6.9</c:v>
                </c:pt>
                <c:pt idx="486">
                  <c:v>6.9</c:v>
                </c:pt>
                <c:pt idx="487">
                  <c:v>7.4</c:v>
                </c:pt>
                <c:pt idx="488">
                  <c:v>6.9</c:v>
                </c:pt>
                <c:pt idx="489">
                  <c:v>6.9</c:v>
                </c:pt>
                <c:pt idx="490">
                  <c:v>6.9</c:v>
                </c:pt>
                <c:pt idx="491">
                  <c:v>6.9</c:v>
                </c:pt>
                <c:pt idx="492">
                  <c:v>6.9</c:v>
                </c:pt>
                <c:pt idx="493">
                  <c:v>6.9</c:v>
                </c:pt>
                <c:pt idx="494">
                  <c:v>6.9</c:v>
                </c:pt>
                <c:pt idx="495">
                  <c:v>6.9</c:v>
                </c:pt>
                <c:pt idx="496">
                  <c:v>6.9</c:v>
                </c:pt>
                <c:pt idx="497">
                  <c:v>6.4</c:v>
                </c:pt>
                <c:pt idx="498">
                  <c:v>6.9</c:v>
                </c:pt>
                <c:pt idx="499">
                  <c:v>6.9</c:v>
                </c:pt>
                <c:pt idx="500">
                  <c:v>6.9</c:v>
                </c:pt>
                <c:pt idx="501">
                  <c:v>6.9</c:v>
                </c:pt>
                <c:pt idx="502">
                  <c:v>6.9</c:v>
                </c:pt>
                <c:pt idx="503">
                  <c:v>6.9</c:v>
                </c:pt>
                <c:pt idx="504">
                  <c:v>7.4</c:v>
                </c:pt>
                <c:pt idx="505">
                  <c:v>7.4</c:v>
                </c:pt>
                <c:pt idx="506">
                  <c:v>7.4</c:v>
                </c:pt>
                <c:pt idx="507">
                  <c:v>7.4</c:v>
                </c:pt>
                <c:pt idx="508">
                  <c:v>7.4</c:v>
                </c:pt>
                <c:pt idx="509">
                  <c:v>7.4</c:v>
                </c:pt>
                <c:pt idx="510">
                  <c:v>7.4</c:v>
                </c:pt>
                <c:pt idx="511">
                  <c:v>7.4</c:v>
                </c:pt>
                <c:pt idx="512">
                  <c:v>7.4</c:v>
                </c:pt>
                <c:pt idx="513">
                  <c:v>7.4</c:v>
                </c:pt>
                <c:pt idx="514">
                  <c:v>7.4</c:v>
                </c:pt>
                <c:pt idx="515">
                  <c:v>7.4</c:v>
                </c:pt>
                <c:pt idx="516">
                  <c:v>7.4</c:v>
                </c:pt>
                <c:pt idx="517">
                  <c:v>7.4</c:v>
                </c:pt>
                <c:pt idx="518">
                  <c:v>7.4</c:v>
                </c:pt>
                <c:pt idx="519">
                  <c:v>7.4</c:v>
                </c:pt>
                <c:pt idx="520">
                  <c:v>7.4</c:v>
                </c:pt>
                <c:pt idx="521">
                  <c:v>7.4</c:v>
                </c:pt>
                <c:pt idx="522">
                  <c:v>7.4</c:v>
                </c:pt>
                <c:pt idx="523">
                  <c:v>7.4</c:v>
                </c:pt>
                <c:pt idx="524">
                  <c:v>7.4</c:v>
                </c:pt>
                <c:pt idx="525">
                  <c:v>7.4</c:v>
                </c:pt>
                <c:pt idx="526">
                  <c:v>7.4</c:v>
                </c:pt>
                <c:pt idx="527">
                  <c:v>7.4</c:v>
                </c:pt>
                <c:pt idx="528">
                  <c:v>6.9</c:v>
                </c:pt>
                <c:pt idx="529">
                  <c:v>6.9</c:v>
                </c:pt>
                <c:pt idx="530">
                  <c:v>7.4</c:v>
                </c:pt>
                <c:pt idx="531">
                  <c:v>7.4</c:v>
                </c:pt>
                <c:pt idx="532">
                  <c:v>7.4</c:v>
                </c:pt>
                <c:pt idx="533">
                  <c:v>7.4</c:v>
                </c:pt>
                <c:pt idx="534">
                  <c:v>7.4</c:v>
                </c:pt>
                <c:pt idx="535">
                  <c:v>7.4</c:v>
                </c:pt>
                <c:pt idx="536">
                  <c:v>7.4</c:v>
                </c:pt>
                <c:pt idx="537">
                  <c:v>7.4</c:v>
                </c:pt>
                <c:pt idx="538">
                  <c:v>6.9</c:v>
                </c:pt>
                <c:pt idx="539">
                  <c:v>6.9</c:v>
                </c:pt>
                <c:pt idx="540">
                  <c:v>6.9</c:v>
                </c:pt>
                <c:pt idx="541">
                  <c:v>6.9</c:v>
                </c:pt>
                <c:pt idx="542">
                  <c:v>6.9</c:v>
                </c:pt>
                <c:pt idx="543">
                  <c:v>6.9</c:v>
                </c:pt>
                <c:pt idx="544">
                  <c:v>6.9</c:v>
                </c:pt>
                <c:pt idx="545">
                  <c:v>6.9</c:v>
                </c:pt>
                <c:pt idx="546">
                  <c:v>6.9</c:v>
                </c:pt>
                <c:pt idx="547">
                  <c:v>7.4</c:v>
                </c:pt>
                <c:pt idx="548">
                  <c:v>7.4</c:v>
                </c:pt>
                <c:pt idx="549">
                  <c:v>7.4</c:v>
                </c:pt>
                <c:pt idx="550">
                  <c:v>7.4</c:v>
                </c:pt>
                <c:pt idx="551">
                  <c:v>7.4</c:v>
                </c:pt>
                <c:pt idx="552">
                  <c:v>7.4</c:v>
                </c:pt>
                <c:pt idx="553">
                  <c:v>7.4</c:v>
                </c:pt>
                <c:pt idx="554">
                  <c:v>7.4</c:v>
                </c:pt>
                <c:pt idx="555">
                  <c:v>7.4</c:v>
                </c:pt>
                <c:pt idx="556">
                  <c:v>7.4</c:v>
                </c:pt>
                <c:pt idx="557">
                  <c:v>7.4</c:v>
                </c:pt>
                <c:pt idx="558">
                  <c:v>7.4</c:v>
                </c:pt>
                <c:pt idx="559">
                  <c:v>7.4</c:v>
                </c:pt>
                <c:pt idx="560">
                  <c:v>7.4</c:v>
                </c:pt>
                <c:pt idx="561">
                  <c:v>7.4</c:v>
                </c:pt>
                <c:pt idx="562">
                  <c:v>7.4</c:v>
                </c:pt>
                <c:pt idx="563">
                  <c:v>7.4</c:v>
                </c:pt>
                <c:pt idx="564">
                  <c:v>7.4</c:v>
                </c:pt>
                <c:pt idx="565">
                  <c:v>7.4</c:v>
                </c:pt>
                <c:pt idx="566">
                  <c:v>7.4</c:v>
                </c:pt>
                <c:pt idx="567">
                  <c:v>7.4</c:v>
                </c:pt>
                <c:pt idx="568">
                  <c:v>7.4</c:v>
                </c:pt>
                <c:pt idx="569">
                  <c:v>7.4</c:v>
                </c:pt>
                <c:pt idx="570">
                  <c:v>7.4</c:v>
                </c:pt>
                <c:pt idx="571">
                  <c:v>7.4</c:v>
                </c:pt>
                <c:pt idx="572">
                  <c:v>7.4</c:v>
                </c:pt>
                <c:pt idx="573">
                  <c:v>7.4</c:v>
                </c:pt>
                <c:pt idx="574">
                  <c:v>7.4</c:v>
                </c:pt>
                <c:pt idx="575">
                  <c:v>7.9</c:v>
                </c:pt>
                <c:pt idx="576">
                  <c:v>7.9</c:v>
                </c:pt>
                <c:pt idx="577">
                  <c:v>7.9</c:v>
                </c:pt>
                <c:pt idx="578">
                  <c:v>7.9</c:v>
                </c:pt>
                <c:pt idx="579">
                  <c:v>7.9</c:v>
                </c:pt>
                <c:pt idx="580">
                  <c:v>7.9</c:v>
                </c:pt>
                <c:pt idx="581">
                  <c:v>7.9</c:v>
                </c:pt>
                <c:pt idx="582">
                  <c:v>7.9</c:v>
                </c:pt>
                <c:pt idx="583">
                  <c:v>7.9</c:v>
                </c:pt>
                <c:pt idx="584">
                  <c:v>7.9</c:v>
                </c:pt>
                <c:pt idx="585">
                  <c:v>7.9</c:v>
                </c:pt>
                <c:pt idx="586">
                  <c:v>8.3000000000000007</c:v>
                </c:pt>
                <c:pt idx="587">
                  <c:v>8.3000000000000007</c:v>
                </c:pt>
                <c:pt idx="588">
                  <c:v>8.3000000000000007</c:v>
                </c:pt>
                <c:pt idx="589">
                  <c:v>8.3000000000000007</c:v>
                </c:pt>
                <c:pt idx="590">
                  <c:v>8.3000000000000007</c:v>
                </c:pt>
                <c:pt idx="591">
                  <c:v>7.9</c:v>
                </c:pt>
                <c:pt idx="592">
                  <c:v>7.9</c:v>
                </c:pt>
                <c:pt idx="593">
                  <c:v>8.3000000000000007</c:v>
                </c:pt>
                <c:pt idx="594">
                  <c:v>8.3000000000000007</c:v>
                </c:pt>
                <c:pt idx="595">
                  <c:v>8.3000000000000007</c:v>
                </c:pt>
                <c:pt idx="596">
                  <c:v>8.3000000000000007</c:v>
                </c:pt>
                <c:pt idx="597">
                  <c:v>8.3000000000000007</c:v>
                </c:pt>
                <c:pt idx="598">
                  <c:v>8.3000000000000007</c:v>
                </c:pt>
                <c:pt idx="599">
                  <c:v>8.3000000000000007</c:v>
                </c:pt>
                <c:pt idx="600">
                  <c:v>8.8000000000000007</c:v>
                </c:pt>
                <c:pt idx="601">
                  <c:v>8.8000000000000007</c:v>
                </c:pt>
                <c:pt idx="602">
                  <c:v>8.8000000000000007</c:v>
                </c:pt>
                <c:pt idx="603">
                  <c:v>8.8000000000000007</c:v>
                </c:pt>
                <c:pt idx="604">
                  <c:v>8.8000000000000007</c:v>
                </c:pt>
                <c:pt idx="605">
                  <c:v>8.8000000000000007</c:v>
                </c:pt>
                <c:pt idx="606">
                  <c:v>8.8000000000000007</c:v>
                </c:pt>
                <c:pt idx="607">
                  <c:v>8.8000000000000007</c:v>
                </c:pt>
                <c:pt idx="608">
                  <c:v>8.8000000000000007</c:v>
                </c:pt>
                <c:pt idx="609">
                  <c:v>8.8000000000000007</c:v>
                </c:pt>
                <c:pt idx="610">
                  <c:v>8.8000000000000007</c:v>
                </c:pt>
                <c:pt idx="611">
                  <c:v>8.8000000000000007</c:v>
                </c:pt>
                <c:pt idx="612">
                  <c:v>8.8000000000000007</c:v>
                </c:pt>
                <c:pt idx="613">
                  <c:v>8.8000000000000007</c:v>
                </c:pt>
                <c:pt idx="614">
                  <c:v>8.8000000000000007</c:v>
                </c:pt>
                <c:pt idx="615">
                  <c:v>8.8000000000000007</c:v>
                </c:pt>
                <c:pt idx="616">
                  <c:v>8.3000000000000007</c:v>
                </c:pt>
                <c:pt idx="617">
                  <c:v>7.9</c:v>
                </c:pt>
                <c:pt idx="618">
                  <c:v>7.9</c:v>
                </c:pt>
                <c:pt idx="619">
                  <c:v>7.9</c:v>
                </c:pt>
                <c:pt idx="620">
                  <c:v>7.9</c:v>
                </c:pt>
                <c:pt idx="621">
                  <c:v>7.4</c:v>
                </c:pt>
                <c:pt idx="622">
                  <c:v>7.4</c:v>
                </c:pt>
                <c:pt idx="623">
                  <c:v>7.4</c:v>
                </c:pt>
                <c:pt idx="624">
                  <c:v>7.9</c:v>
                </c:pt>
                <c:pt idx="625">
                  <c:v>7.9</c:v>
                </c:pt>
                <c:pt idx="626">
                  <c:v>7.9</c:v>
                </c:pt>
                <c:pt idx="627">
                  <c:v>7.9</c:v>
                </c:pt>
                <c:pt idx="628">
                  <c:v>7.9</c:v>
                </c:pt>
                <c:pt idx="629">
                  <c:v>7.9</c:v>
                </c:pt>
                <c:pt idx="630">
                  <c:v>7.9</c:v>
                </c:pt>
                <c:pt idx="631">
                  <c:v>7.9</c:v>
                </c:pt>
                <c:pt idx="632">
                  <c:v>7.9</c:v>
                </c:pt>
                <c:pt idx="633">
                  <c:v>7.9</c:v>
                </c:pt>
                <c:pt idx="634">
                  <c:v>7.4</c:v>
                </c:pt>
                <c:pt idx="635">
                  <c:v>7.4</c:v>
                </c:pt>
                <c:pt idx="636">
                  <c:v>6.9</c:v>
                </c:pt>
                <c:pt idx="637">
                  <c:v>6.4</c:v>
                </c:pt>
                <c:pt idx="638">
                  <c:v>6.4</c:v>
                </c:pt>
                <c:pt idx="639">
                  <c:v>6.4</c:v>
                </c:pt>
                <c:pt idx="640">
                  <c:v>5.9</c:v>
                </c:pt>
                <c:pt idx="641">
                  <c:v>5.9</c:v>
                </c:pt>
                <c:pt idx="642">
                  <c:v>5.9</c:v>
                </c:pt>
                <c:pt idx="643">
                  <c:v>5.9</c:v>
                </c:pt>
                <c:pt idx="644">
                  <c:v>5.4</c:v>
                </c:pt>
                <c:pt idx="645">
                  <c:v>5.4</c:v>
                </c:pt>
                <c:pt idx="646">
                  <c:v>5.4</c:v>
                </c:pt>
                <c:pt idx="647">
                  <c:v>5.4</c:v>
                </c:pt>
                <c:pt idx="648">
                  <c:v>5.4</c:v>
                </c:pt>
                <c:pt idx="649">
                  <c:v>5.4</c:v>
                </c:pt>
                <c:pt idx="650">
                  <c:v>5.4</c:v>
                </c:pt>
                <c:pt idx="651">
                  <c:v>5.4</c:v>
                </c:pt>
                <c:pt idx="652">
                  <c:v>5.4</c:v>
                </c:pt>
                <c:pt idx="653">
                  <c:v>5.4</c:v>
                </c:pt>
                <c:pt idx="654">
                  <c:v>5.4</c:v>
                </c:pt>
                <c:pt idx="655">
                  <c:v>5.4</c:v>
                </c:pt>
                <c:pt idx="656">
                  <c:v>5.4</c:v>
                </c:pt>
                <c:pt idx="657">
                  <c:v>5.4</c:v>
                </c:pt>
                <c:pt idx="658">
                  <c:v>5.4</c:v>
                </c:pt>
                <c:pt idx="659">
                  <c:v>5.4</c:v>
                </c:pt>
                <c:pt idx="660">
                  <c:v>5.4</c:v>
                </c:pt>
                <c:pt idx="661">
                  <c:v>5.4</c:v>
                </c:pt>
                <c:pt idx="662">
                  <c:v>5.4</c:v>
                </c:pt>
                <c:pt idx="663">
                  <c:v>4.9000000000000004</c:v>
                </c:pt>
                <c:pt idx="664">
                  <c:v>4.9000000000000004</c:v>
                </c:pt>
                <c:pt idx="665">
                  <c:v>4.9000000000000004</c:v>
                </c:pt>
                <c:pt idx="666">
                  <c:v>4.9000000000000004</c:v>
                </c:pt>
                <c:pt idx="667">
                  <c:v>4.9000000000000004</c:v>
                </c:pt>
                <c:pt idx="668">
                  <c:v>4.4000000000000004</c:v>
                </c:pt>
                <c:pt idx="669">
                  <c:v>4.4000000000000004</c:v>
                </c:pt>
                <c:pt idx="670">
                  <c:v>4.4000000000000004</c:v>
                </c:pt>
                <c:pt idx="671">
                  <c:v>4.4000000000000004</c:v>
                </c:pt>
                <c:pt idx="672">
                  <c:v>4.4000000000000004</c:v>
                </c:pt>
                <c:pt idx="673">
                  <c:v>4.4000000000000004</c:v>
                </c:pt>
                <c:pt idx="674">
                  <c:v>4.4000000000000004</c:v>
                </c:pt>
                <c:pt idx="675">
                  <c:v>4.4000000000000004</c:v>
                </c:pt>
                <c:pt idx="676">
                  <c:v>4.4000000000000004</c:v>
                </c:pt>
                <c:pt idx="677">
                  <c:v>4.4000000000000004</c:v>
                </c:pt>
                <c:pt idx="678">
                  <c:v>4.4000000000000004</c:v>
                </c:pt>
                <c:pt idx="679">
                  <c:v>4.4000000000000004</c:v>
                </c:pt>
                <c:pt idx="680">
                  <c:v>4.4000000000000004</c:v>
                </c:pt>
                <c:pt idx="681">
                  <c:v>4.4000000000000004</c:v>
                </c:pt>
                <c:pt idx="682">
                  <c:v>4.4000000000000004</c:v>
                </c:pt>
                <c:pt idx="683">
                  <c:v>4.4000000000000004</c:v>
                </c:pt>
                <c:pt idx="684">
                  <c:v>4.4000000000000004</c:v>
                </c:pt>
                <c:pt idx="685">
                  <c:v>4.4000000000000004</c:v>
                </c:pt>
                <c:pt idx="686">
                  <c:v>4.4000000000000004</c:v>
                </c:pt>
                <c:pt idx="687">
                  <c:v>4</c:v>
                </c:pt>
                <c:pt idx="688">
                  <c:v>4</c:v>
                </c:pt>
                <c:pt idx="689">
                  <c:v>4</c:v>
                </c:pt>
                <c:pt idx="690">
                  <c:v>4</c:v>
                </c:pt>
                <c:pt idx="691">
                  <c:v>4</c:v>
                </c:pt>
                <c:pt idx="692">
                  <c:v>4</c:v>
                </c:pt>
                <c:pt idx="693">
                  <c:v>4</c:v>
                </c:pt>
                <c:pt idx="694">
                  <c:v>4</c:v>
                </c:pt>
                <c:pt idx="695">
                  <c:v>4</c:v>
                </c:pt>
                <c:pt idx="696">
                  <c:v>4</c:v>
                </c:pt>
                <c:pt idx="697">
                  <c:v>4</c:v>
                </c:pt>
                <c:pt idx="698">
                  <c:v>4</c:v>
                </c:pt>
                <c:pt idx="699">
                  <c:v>4</c:v>
                </c:pt>
                <c:pt idx="700">
                  <c:v>4</c:v>
                </c:pt>
                <c:pt idx="701">
                  <c:v>4</c:v>
                </c:pt>
                <c:pt idx="702">
                  <c:v>4</c:v>
                </c:pt>
                <c:pt idx="703">
                  <c:v>4.4000000000000004</c:v>
                </c:pt>
                <c:pt idx="704">
                  <c:v>4.4000000000000004</c:v>
                </c:pt>
                <c:pt idx="705">
                  <c:v>4.4000000000000004</c:v>
                </c:pt>
                <c:pt idx="706">
                  <c:v>4.4000000000000004</c:v>
                </c:pt>
                <c:pt idx="707">
                  <c:v>4.4000000000000004</c:v>
                </c:pt>
                <c:pt idx="708">
                  <c:v>4.4000000000000004</c:v>
                </c:pt>
                <c:pt idx="709">
                  <c:v>4.4000000000000004</c:v>
                </c:pt>
                <c:pt idx="710">
                  <c:v>4.4000000000000004</c:v>
                </c:pt>
                <c:pt idx="711">
                  <c:v>4.4000000000000004</c:v>
                </c:pt>
                <c:pt idx="712">
                  <c:v>4.4000000000000004</c:v>
                </c:pt>
                <c:pt idx="713">
                  <c:v>4.4000000000000004</c:v>
                </c:pt>
                <c:pt idx="714">
                  <c:v>4.4000000000000004</c:v>
                </c:pt>
                <c:pt idx="715">
                  <c:v>4.4000000000000004</c:v>
                </c:pt>
                <c:pt idx="716">
                  <c:v>4.4000000000000004</c:v>
                </c:pt>
                <c:pt idx="717">
                  <c:v>4.4000000000000004</c:v>
                </c:pt>
                <c:pt idx="718">
                  <c:v>4.4000000000000004</c:v>
                </c:pt>
                <c:pt idx="719">
                  <c:v>4.9000000000000004</c:v>
                </c:pt>
                <c:pt idx="720">
                  <c:v>4.9000000000000004</c:v>
                </c:pt>
                <c:pt idx="721">
                  <c:v>4.4000000000000004</c:v>
                </c:pt>
                <c:pt idx="722">
                  <c:v>4.4000000000000004</c:v>
                </c:pt>
                <c:pt idx="723">
                  <c:v>4.4000000000000004</c:v>
                </c:pt>
                <c:pt idx="724">
                  <c:v>4.4000000000000004</c:v>
                </c:pt>
                <c:pt idx="725">
                  <c:v>4.4000000000000004</c:v>
                </c:pt>
                <c:pt idx="726">
                  <c:v>4.4000000000000004</c:v>
                </c:pt>
                <c:pt idx="727">
                  <c:v>4.4000000000000004</c:v>
                </c:pt>
                <c:pt idx="728">
                  <c:v>4.4000000000000004</c:v>
                </c:pt>
                <c:pt idx="729">
                  <c:v>4.4000000000000004</c:v>
                </c:pt>
                <c:pt idx="730">
                  <c:v>4.4000000000000004</c:v>
                </c:pt>
                <c:pt idx="731">
                  <c:v>4.4000000000000004</c:v>
                </c:pt>
                <c:pt idx="732">
                  <c:v>4.4000000000000004</c:v>
                </c:pt>
                <c:pt idx="733">
                  <c:v>4.4000000000000004</c:v>
                </c:pt>
                <c:pt idx="734">
                  <c:v>4.4000000000000004</c:v>
                </c:pt>
                <c:pt idx="735">
                  <c:v>4.4000000000000004</c:v>
                </c:pt>
                <c:pt idx="736">
                  <c:v>4.4000000000000004</c:v>
                </c:pt>
                <c:pt idx="737">
                  <c:v>4.4000000000000004</c:v>
                </c:pt>
                <c:pt idx="738">
                  <c:v>4.4000000000000004</c:v>
                </c:pt>
                <c:pt idx="739">
                  <c:v>4.4000000000000004</c:v>
                </c:pt>
                <c:pt idx="740">
                  <c:v>4.4000000000000004</c:v>
                </c:pt>
                <c:pt idx="741">
                  <c:v>4.4000000000000004</c:v>
                </c:pt>
                <c:pt idx="742">
                  <c:v>4.4000000000000004</c:v>
                </c:pt>
                <c:pt idx="743">
                  <c:v>4.4000000000000004</c:v>
                </c:pt>
                <c:pt idx="744">
                  <c:v>4.4000000000000004</c:v>
                </c:pt>
                <c:pt idx="745">
                  <c:v>4.4000000000000004</c:v>
                </c:pt>
                <c:pt idx="746">
                  <c:v>4.4000000000000004</c:v>
                </c:pt>
                <c:pt idx="747">
                  <c:v>4</c:v>
                </c:pt>
                <c:pt idx="748">
                  <c:v>4</c:v>
                </c:pt>
                <c:pt idx="749">
                  <c:v>4</c:v>
                </c:pt>
                <c:pt idx="750">
                  <c:v>4.4000000000000004</c:v>
                </c:pt>
                <c:pt idx="751">
                  <c:v>4.4000000000000004</c:v>
                </c:pt>
                <c:pt idx="752">
                  <c:v>4.4000000000000004</c:v>
                </c:pt>
                <c:pt idx="753">
                  <c:v>4.4000000000000004</c:v>
                </c:pt>
                <c:pt idx="754">
                  <c:v>4.4000000000000004</c:v>
                </c:pt>
                <c:pt idx="755">
                  <c:v>4.4000000000000004</c:v>
                </c:pt>
                <c:pt idx="756">
                  <c:v>4</c:v>
                </c:pt>
                <c:pt idx="757">
                  <c:v>4</c:v>
                </c:pt>
                <c:pt idx="758">
                  <c:v>4</c:v>
                </c:pt>
                <c:pt idx="759">
                  <c:v>4</c:v>
                </c:pt>
                <c:pt idx="760">
                  <c:v>4</c:v>
                </c:pt>
                <c:pt idx="761">
                  <c:v>4</c:v>
                </c:pt>
                <c:pt idx="762">
                  <c:v>4.4000000000000004</c:v>
                </c:pt>
                <c:pt idx="763">
                  <c:v>4.4000000000000004</c:v>
                </c:pt>
                <c:pt idx="764">
                  <c:v>4</c:v>
                </c:pt>
                <c:pt idx="765">
                  <c:v>4</c:v>
                </c:pt>
                <c:pt idx="766">
                  <c:v>4.4000000000000004</c:v>
                </c:pt>
                <c:pt idx="767">
                  <c:v>4.4000000000000004</c:v>
                </c:pt>
                <c:pt idx="768">
                  <c:v>4.4000000000000004</c:v>
                </c:pt>
                <c:pt idx="769">
                  <c:v>4.4000000000000004</c:v>
                </c:pt>
                <c:pt idx="770">
                  <c:v>4.4000000000000004</c:v>
                </c:pt>
                <c:pt idx="771">
                  <c:v>4.9000000000000004</c:v>
                </c:pt>
                <c:pt idx="772">
                  <c:v>4.9000000000000004</c:v>
                </c:pt>
                <c:pt idx="773">
                  <c:v>4.9000000000000004</c:v>
                </c:pt>
                <c:pt idx="774">
                  <c:v>4.9000000000000004</c:v>
                </c:pt>
                <c:pt idx="775">
                  <c:v>4.4000000000000004</c:v>
                </c:pt>
                <c:pt idx="776">
                  <c:v>4.4000000000000004</c:v>
                </c:pt>
                <c:pt idx="777">
                  <c:v>4.4000000000000004</c:v>
                </c:pt>
                <c:pt idx="778">
                  <c:v>4.4000000000000004</c:v>
                </c:pt>
                <c:pt idx="779">
                  <c:v>4.9000000000000004</c:v>
                </c:pt>
                <c:pt idx="780">
                  <c:v>4.9000000000000004</c:v>
                </c:pt>
                <c:pt idx="781">
                  <c:v>4.9000000000000004</c:v>
                </c:pt>
                <c:pt idx="782">
                  <c:v>4.4000000000000004</c:v>
                </c:pt>
                <c:pt idx="783">
                  <c:v>4.4000000000000004</c:v>
                </c:pt>
                <c:pt idx="784">
                  <c:v>4.4000000000000004</c:v>
                </c:pt>
                <c:pt idx="785">
                  <c:v>4.4000000000000004</c:v>
                </c:pt>
                <c:pt idx="786">
                  <c:v>4.4000000000000004</c:v>
                </c:pt>
                <c:pt idx="787">
                  <c:v>4.4000000000000004</c:v>
                </c:pt>
                <c:pt idx="788">
                  <c:v>4.4000000000000004</c:v>
                </c:pt>
                <c:pt idx="789">
                  <c:v>4.4000000000000004</c:v>
                </c:pt>
                <c:pt idx="790">
                  <c:v>4.4000000000000004</c:v>
                </c:pt>
                <c:pt idx="791">
                  <c:v>4.4000000000000004</c:v>
                </c:pt>
                <c:pt idx="792">
                  <c:v>4.4000000000000004</c:v>
                </c:pt>
                <c:pt idx="793">
                  <c:v>4</c:v>
                </c:pt>
                <c:pt idx="794">
                  <c:v>4</c:v>
                </c:pt>
                <c:pt idx="795">
                  <c:v>4</c:v>
                </c:pt>
                <c:pt idx="796">
                  <c:v>4</c:v>
                </c:pt>
                <c:pt idx="797">
                  <c:v>4</c:v>
                </c:pt>
                <c:pt idx="798">
                  <c:v>4</c:v>
                </c:pt>
                <c:pt idx="799">
                  <c:v>4</c:v>
                </c:pt>
                <c:pt idx="800">
                  <c:v>4</c:v>
                </c:pt>
                <c:pt idx="801">
                  <c:v>4</c:v>
                </c:pt>
                <c:pt idx="802">
                  <c:v>4</c:v>
                </c:pt>
                <c:pt idx="803">
                  <c:v>4</c:v>
                </c:pt>
                <c:pt idx="804">
                  <c:v>4.4000000000000004</c:v>
                </c:pt>
                <c:pt idx="805">
                  <c:v>4.4000000000000004</c:v>
                </c:pt>
                <c:pt idx="806">
                  <c:v>4.4000000000000004</c:v>
                </c:pt>
                <c:pt idx="807">
                  <c:v>4</c:v>
                </c:pt>
                <c:pt idx="808">
                  <c:v>4</c:v>
                </c:pt>
                <c:pt idx="809">
                  <c:v>4</c:v>
                </c:pt>
                <c:pt idx="810">
                  <c:v>4</c:v>
                </c:pt>
                <c:pt idx="811">
                  <c:v>4</c:v>
                </c:pt>
                <c:pt idx="812">
                  <c:v>4</c:v>
                </c:pt>
                <c:pt idx="813">
                  <c:v>4</c:v>
                </c:pt>
                <c:pt idx="814">
                  <c:v>4</c:v>
                </c:pt>
                <c:pt idx="815">
                  <c:v>4</c:v>
                </c:pt>
                <c:pt idx="816">
                  <c:v>4</c:v>
                </c:pt>
                <c:pt idx="817">
                  <c:v>4</c:v>
                </c:pt>
                <c:pt idx="818">
                  <c:v>4</c:v>
                </c:pt>
                <c:pt idx="819">
                  <c:v>4</c:v>
                </c:pt>
                <c:pt idx="820">
                  <c:v>4</c:v>
                </c:pt>
                <c:pt idx="821">
                  <c:v>4</c:v>
                </c:pt>
                <c:pt idx="822">
                  <c:v>4</c:v>
                </c:pt>
                <c:pt idx="823">
                  <c:v>4</c:v>
                </c:pt>
                <c:pt idx="824">
                  <c:v>4.4000000000000004</c:v>
                </c:pt>
                <c:pt idx="825">
                  <c:v>4.4000000000000004</c:v>
                </c:pt>
                <c:pt idx="826">
                  <c:v>4.4000000000000004</c:v>
                </c:pt>
                <c:pt idx="827">
                  <c:v>4.9000000000000004</c:v>
                </c:pt>
                <c:pt idx="828">
                  <c:v>4.9000000000000004</c:v>
                </c:pt>
                <c:pt idx="829">
                  <c:v>4.9000000000000004</c:v>
                </c:pt>
                <c:pt idx="830">
                  <c:v>4.9000000000000004</c:v>
                </c:pt>
                <c:pt idx="831">
                  <c:v>4.9000000000000004</c:v>
                </c:pt>
                <c:pt idx="832">
                  <c:v>4.9000000000000004</c:v>
                </c:pt>
                <c:pt idx="833">
                  <c:v>4.9000000000000004</c:v>
                </c:pt>
                <c:pt idx="834">
                  <c:v>4.9000000000000004</c:v>
                </c:pt>
                <c:pt idx="835">
                  <c:v>4.9000000000000004</c:v>
                </c:pt>
                <c:pt idx="836">
                  <c:v>5.4</c:v>
                </c:pt>
                <c:pt idx="837">
                  <c:v>4.9000000000000004</c:v>
                </c:pt>
                <c:pt idx="838">
                  <c:v>5.4</c:v>
                </c:pt>
                <c:pt idx="839">
                  <c:v>5.4</c:v>
                </c:pt>
                <c:pt idx="840">
                  <c:v>5.4</c:v>
                </c:pt>
                <c:pt idx="841">
                  <c:v>5.4</c:v>
                </c:pt>
                <c:pt idx="842">
                  <c:v>5.4</c:v>
                </c:pt>
                <c:pt idx="843">
                  <c:v>5.4</c:v>
                </c:pt>
                <c:pt idx="844">
                  <c:v>4.9000000000000004</c:v>
                </c:pt>
                <c:pt idx="845">
                  <c:v>4.9000000000000004</c:v>
                </c:pt>
                <c:pt idx="846">
                  <c:v>4.9000000000000004</c:v>
                </c:pt>
                <c:pt idx="847">
                  <c:v>4.9000000000000004</c:v>
                </c:pt>
                <c:pt idx="848">
                  <c:v>4.9000000000000004</c:v>
                </c:pt>
                <c:pt idx="849">
                  <c:v>4.9000000000000004</c:v>
                </c:pt>
                <c:pt idx="850">
                  <c:v>4.9000000000000004</c:v>
                </c:pt>
                <c:pt idx="851">
                  <c:v>4.9000000000000004</c:v>
                </c:pt>
                <c:pt idx="852">
                  <c:v>4.9000000000000004</c:v>
                </c:pt>
                <c:pt idx="853">
                  <c:v>4.9000000000000004</c:v>
                </c:pt>
                <c:pt idx="854">
                  <c:v>5.4</c:v>
                </c:pt>
                <c:pt idx="855">
                  <c:v>5.4</c:v>
                </c:pt>
                <c:pt idx="856">
                  <c:v>5.4</c:v>
                </c:pt>
                <c:pt idx="857">
                  <c:v>5.4</c:v>
                </c:pt>
                <c:pt idx="858">
                  <c:v>5.4</c:v>
                </c:pt>
                <c:pt idx="859">
                  <c:v>5.4</c:v>
                </c:pt>
                <c:pt idx="860">
                  <c:v>5.4</c:v>
                </c:pt>
                <c:pt idx="861">
                  <c:v>5.4</c:v>
                </c:pt>
                <c:pt idx="862">
                  <c:v>5.4</c:v>
                </c:pt>
                <c:pt idx="863">
                  <c:v>5.4</c:v>
                </c:pt>
                <c:pt idx="864">
                  <c:v>5.4</c:v>
                </c:pt>
                <c:pt idx="865">
                  <c:v>5.4</c:v>
                </c:pt>
                <c:pt idx="866">
                  <c:v>5.4</c:v>
                </c:pt>
                <c:pt idx="867">
                  <c:v>5.4</c:v>
                </c:pt>
                <c:pt idx="868">
                  <c:v>5.4</c:v>
                </c:pt>
                <c:pt idx="869">
                  <c:v>5.4</c:v>
                </c:pt>
                <c:pt idx="870">
                  <c:v>5.4</c:v>
                </c:pt>
                <c:pt idx="871">
                  <c:v>5.4</c:v>
                </c:pt>
                <c:pt idx="872">
                  <c:v>5.4</c:v>
                </c:pt>
                <c:pt idx="873">
                  <c:v>5.4</c:v>
                </c:pt>
                <c:pt idx="874">
                  <c:v>5.4</c:v>
                </c:pt>
                <c:pt idx="875">
                  <c:v>5.4</c:v>
                </c:pt>
                <c:pt idx="876">
                  <c:v>5.4</c:v>
                </c:pt>
                <c:pt idx="877">
                  <c:v>4.4000000000000004</c:v>
                </c:pt>
                <c:pt idx="878">
                  <c:v>4.4000000000000004</c:v>
                </c:pt>
                <c:pt idx="879">
                  <c:v>4</c:v>
                </c:pt>
                <c:pt idx="880">
                  <c:v>3.5</c:v>
                </c:pt>
                <c:pt idx="881">
                  <c:v>3</c:v>
                </c:pt>
                <c:pt idx="882">
                  <c:v>3</c:v>
                </c:pt>
                <c:pt idx="883">
                  <c:v>2.5</c:v>
                </c:pt>
                <c:pt idx="884">
                  <c:v>2.5</c:v>
                </c:pt>
                <c:pt idx="885">
                  <c:v>2.5</c:v>
                </c:pt>
                <c:pt idx="886">
                  <c:v>2</c:v>
                </c:pt>
                <c:pt idx="887">
                  <c:v>2</c:v>
                </c:pt>
                <c:pt idx="888">
                  <c:v>2</c:v>
                </c:pt>
                <c:pt idx="889">
                  <c:v>2</c:v>
                </c:pt>
                <c:pt idx="890">
                  <c:v>2</c:v>
                </c:pt>
                <c:pt idx="891">
                  <c:v>2</c:v>
                </c:pt>
                <c:pt idx="892">
                  <c:v>2</c:v>
                </c:pt>
                <c:pt idx="893">
                  <c:v>2</c:v>
                </c:pt>
                <c:pt idx="894">
                  <c:v>2</c:v>
                </c:pt>
                <c:pt idx="895">
                  <c:v>1.5</c:v>
                </c:pt>
                <c:pt idx="896">
                  <c:v>1.5</c:v>
                </c:pt>
                <c:pt idx="897">
                  <c:v>1.5</c:v>
                </c:pt>
                <c:pt idx="898">
                  <c:v>1.5</c:v>
                </c:pt>
                <c:pt idx="899">
                  <c:v>1.5</c:v>
                </c:pt>
                <c:pt idx="900">
                  <c:v>1.5</c:v>
                </c:pt>
                <c:pt idx="901">
                  <c:v>1.5</c:v>
                </c:pt>
                <c:pt idx="902">
                  <c:v>1.5</c:v>
                </c:pt>
                <c:pt idx="903">
                  <c:v>1.5</c:v>
                </c:pt>
                <c:pt idx="904">
                  <c:v>1.5</c:v>
                </c:pt>
                <c:pt idx="905">
                  <c:v>1.5</c:v>
                </c:pt>
                <c:pt idx="906">
                  <c:v>1.5</c:v>
                </c:pt>
                <c:pt idx="907">
                  <c:v>1.5</c:v>
                </c:pt>
                <c:pt idx="908">
                  <c:v>1.5</c:v>
                </c:pt>
                <c:pt idx="909">
                  <c:v>1.5</c:v>
                </c:pt>
                <c:pt idx="910">
                  <c:v>1.5</c:v>
                </c:pt>
                <c:pt idx="911">
                  <c:v>1.5</c:v>
                </c:pt>
                <c:pt idx="912">
                  <c:v>1.5</c:v>
                </c:pt>
                <c:pt idx="913">
                  <c:v>1.5</c:v>
                </c:pt>
                <c:pt idx="914">
                  <c:v>2.5</c:v>
                </c:pt>
                <c:pt idx="915">
                  <c:v>2.5</c:v>
                </c:pt>
                <c:pt idx="916">
                  <c:v>2.5</c:v>
                </c:pt>
                <c:pt idx="917">
                  <c:v>2.5</c:v>
                </c:pt>
                <c:pt idx="918">
                  <c:v>2.5</c:v>
                </c:pt>
                <c:pt idx="919">
                  <c:v>2.5</c:v>
                </c:pt>
                <c:pt idx="920">
                  <c:v>2.5</c:v>
                </c:pt>
                <c:pt idx="921">
                  <c:v>2.5</c:v>
                </c:pt>
                <c:pt idx="922">
                  <c:v>2.5</c:v>
                </c:pt>
                <c:pt idx="923">
                  <c:v>2.5</c:v>
                </c:pt>
                <c:pt idx="924">
                  <c:v>2.5</c:v>
                </c:pt>
                <c:pt idx="925">
                  <c:v>3</c:v>
                </c:pt>
                <c:pt idx="926">
                  <c:v>3</c:v>
                </c:pt>
                <c:pt idx="927">
                  <c:v>2.5</c:v>
                </c:pt>
                <c:pt idx="928">
                  <c:v>2.5</c:v>
                </c:pt>
                <c:pt idx="929">
                  <c:v>2.5</c:v>
                </c:pt>
                <c:pt idx="930">
                  <c:v>2</c:v>
                </c:pt>
                <c:pt idx="931">
                  <c:v>2</c:v>
                </c:pt>
                <c:pt idx="932">
                  <c:v>2</c:v>
                </c:pt>
                <c:pt idx="933">
                  <c:v>2</c:v>
                </c:pt>
                <c:pt idx="934">
                  <c:v>2</c:v>
                </c:pt>
                <c:pt idx="935">
                  <c:v>2.5</c:v>
                </c:pt>
                <c:pt idx="936">
                  <c:v>2.5</c:v>
                </c:pt>
                <c:pt idx="937">
                  <c:v>2.5</c:v>
                </c:pt>
                <c:pt idx="938">
                  <c:v>2</c:v>
                </c:pt>
                <c:pt idx="939">
                  <c:v>1.5</c:v>
                </c:pt>
                <c:pt idx="940">
                  <c:v>1</c:v>
                </c:pt>
                <c:pt idx="941">
                  <c:v>1.5</c:v>
                </c:pt>
                <c:pt idx="942">
                  <c:v>1.5</c:v>
                </c:pt>
                <c:pt idx="943">
                  <c:v>2</c:v>
                </c:pt>
                <c:pt idx="944">
                  <c:v>2</c:v>
                </c:pt>
                <c:pt idx="945">
                  <c:v>2</c:v>
                </c:pt>
                <c:pt idx="946">
                  <c:v>2</c:v>
                </c:pt>
                <c:pt idx="947">
                  <c:v>2</c:v>
                </c:pt>
                <c:pt idx="948">
                  <c:v>2</c:v>
                </c:pt>
                <c:pt idx="949">
                  <c:v>2</c:v>
                </c:pt>
                <c:pt idx="950">
                  <c:v>2</c:v>
                </c:pt>
                <c:pt idx="951">
                  <c:v>2</c:v>
                </c:pt>
                <c:pt idx="952">
                  <c:v>2</c:v>
                </c:pt>
                <c:pt idx="953">
                  <c:v>2</c:v>
                </c:pt>
                <c:pt idx="954">
                  <c:v>2</c:v>
                </c:pt>
                <c:pt idx="955">
                  <c:v>1.5</c:v>
                </c:pt>
                <c:pt idx="956">
                  <c:v>2</c:v>
                </c:pt>
                <c:pt idx="957">
                  <c:v>2</c:v>
                </c:pt>
                <c:pt idx="958">
                  <c:v>1.5</c:v>
                </c:pt>
                <c:pt idx="959">
                  <c:v>1</c:v>
                </c:pt>
                <c:pt idx="960">
                  <c:v>1</c:v>
                </c:pt>
                <c:pt idx="961">
                  <c:v>1.5</c:v>
                </c:pt>
                <c:pt idx="962">
                  <c:v>1.5</c:v>
                </c:pt>
                <c:pt idx="963">
                  <c:v>1.5</c:v>
                </c:pt>
                <c:pt idx="964">
                  <c:v>1.5</c:v>
                </c:pt>
                <c:pt idx="965">
                  <c:v>1.5</c:v>
                </c:pt>
                <c:pt idx="966">
                  <c:v>1.5</c:v>
                </c:pt>
                <c:pt idx="967">
                  <c:v>1.5</c:v>
                </c:pt>
                <c:pt idx="968">
                  <c:v>1.5</c:v>
                </c:pt>
                <c:pt idx="969">
                  <c:v>1.5</c:v>
                </c:pt>
                <c:pt idx="970">
                  <c:v>1.5</c:v>
                </c:pt>
                <c:pt idx="971">
                  <c:v>1.5</c:v>
                </c:pt>
                <c:pt idx="972">
                  <c:v>1.5</c:v>
                </c:pt>
                <c:pt idx="973">
                  <c:v>1</c:v>
                </c:pt>
                <c:pt idx="974">
                  <c:v>1</c:v>
                </c:pt>
                <c:pt idx="975">
                  <c:v>1</c:v>
                </c:pt>
                <c:pt idx="976">
                  <c:v>0.5</c:v>
                </c:pt>
                <c:pt idx="977">
                  <c:v>0.5</c:v>
                </c:pt>
                <c:pt idx="978">
                  <c:v>0.5</c:v>
                </c:pt>
                <c:pt idx="979">
                  <c:v>0.5</c:v>
                </c:pt>
                <c:pt idx="980">
                  <c:v>0.5</c:v>
                </c:pt>
                <c:pt idx="981">
                  <c:v>0.5</c:v>
                </c:pt>
                <c:pt idx="982">
                  <c:v>1</c:v>
                </c:pt>
                <c:pt idx="983">
                  <c:v>0.5</c:v>
                </c:pt>
                <c:pt idx="984">
                  <c:v>1</c:v>
                </c:pt>
                <c:pt idx="985">
                  <c:v>1</c:v>
                </c:pt>
                <c:pt idx="986">
                  <c:v>1</c:v>
                </c:pt>
                <c:pt idx="987">
                  <c:v>1</c:v>
                </c:pt>
                <c:pt idx="988">
                  <c:v>1</c:v>
                </c:pt>
                <c:pt idx="989">
                  <c:v>1</c:v>
                </c:pt>
                <c:pt idx="990">
                  <c:v>1</c:v>
                </c:pt>
                <c:pt idx="991">
                  <c:v>1</c:v>
                </c:pt>
                <c:pt idx="992">
                  <c:v>1</c:v>
                </c:pt>
                <c:pt idx="993">
                  <c:v>1</c:v>
                </c:pt>
                <c:pt idx="994">
                  <c:v>1</c:v>
                </c:pt>
                <c:pt idx="995">
                  <c:v>1</c:v>
                </c:pt>
                <c:pt idx="996">
                  <c:v>1</c:v>
                </c:pt>
                <c:pt idx="997">
                  <c:v>1</c:v>
                </c:pt>
                <c:pt idx="998">
                  <c:v>0.5</c:v>
                </c:pt>
                <c:pt idx="999">
                  <c:v>0.5</c:v>
                </c:pt>
                <c:pt idx="1000">
                  <c:v>0.5</c:v>
                </c:pt>
                <c:pt idx="1001">
                  <c:v>0.5</c:v>
                </c:pt>
                <c:pt idx="1002">
                  <c:v>0.5</c:v>
                </c:pt>
                <c:pt idx="1003">
                  <c:v>0.5</c:v>
                </c:pt>
                <c:pt idx="1004">
                  <c:v>0.5</c:v>
                </c:pt>
                <c:pt idx="1005">
                  <c:v>0.5</c:v>
                </c:pt>
                <c:pt idx="1006">
                  <c:v>0.5</c:v>
                </c:pt>
                <c:pt idx="1007">
                  <c:v>1</c:v>
                </c:pt>
                <c:pt idx="1008">
                  <c:v>1</c:v>
                </c:pt>
                <c:pt idx="1009">
                  <c:v>1</c:v>
                </c:pt>
                <c:pt idx="1010">
                  <c:v>1</c:v>
                </c:pt>
                <c:pt idx="1011">
                  <c:v>1</c:v>
                </c:pt>
                <c:pt idx="1012">
                  <c:v>1</c:v>
                </c:pt>
                <c:pt idx="1013">
                  <c:v>1</c:v>
                </c:pt>
                <c:pt idx="1014">
                  <c:v>1</c:v>
                </c:pt>
                <c:pt idx="1015">
                  <c:v>1</c:v>
                </c:pt>
                <c:pt idx="1016">
                  <c:v>1</c:v>
                </c:pt>
                <c:pt idx="1017">
                  <c:v>1</c:v>
                </c:pt>
                <c:pt idx="1018">
                  <c:v>1</c:v>
                </c:pt>
                <c:pt idx="1019">
                  <c:v>1</c:v>
                </c:pt>
                <c:pt idx="1020">
                  <c:v>1</c:v>
                </c:pt>
                <c:pt idx="1021">
                  <c:v>1</c:v>
                </c:pt>
                <c:pt idx="1022">
                  <c:v>1</c:v>
                </c:pt>
                <c:pt idx="1023">
                  <c:v>1</c:v>
                </c:pt>
                <c:pt idx="1024">
                  <c:v>1</c:v>
                </c:pt>
                <c:pt idx="1025">
                  <c:v>1</c:v>
                </c:pt>
                <c:pt idx="1026">
                  <c:v>1</c:v>
                </c:pt>
                <c:pt idx="1027">
                  <c:v>1</c:v>
                </c:pt>
                <c:pt idx="1028">
                  <c:v>1</c:v>
                </c:pt>
                <c:pt idx="1029">
                  <c:v>1</c:v>
                </c:pt>
                <c:pt idx="1030">
                  <c:v>0.5</c:v>
                </c:pt>
                <c:pt idx="1031">
                  <c:v>0.5</c:v>
                </c:pt>
                <c:pt idx="1032">
                  <c:v>0.5</c:v>
                </c:pt>
                <c:pt idx="1033">
                  <c:v>0.5</c:v>
                </c:pt>
                <c:pt idx="1034">
                  <c:v>0.5</c:v>
                </c:pt>
                <c:pt idx="1035">
                  <c:v>0.5</c:v>
                </c:pt>
                <c:pt idx="1036">
                  <c:v>0.5</c:v>
                </c:pt>
                <c:pt idx="1037">
                  <c:v>0.5</c:v>
                </c:pt>
                <c:pt idx="1038">
                  <c:v>0.5</c:v>
                </c:pt>
                <c:pt idx="1039">
                  <c:v>0.5</c:v>
                </c:pt>
                <c:pt idx="1040">
                  <c:v>0.5</c:v>
                </c:pt>
                <c:pt idx="1041">
                  <c:v>0.5</c:v>
                </c:pt>
                <c:pt idx="1042">
                  <c:v>0.5</c:v>
                </c:pt>
                <c:pt idx="1043">
                  <c:v>0.5</c:v>
                </c:pt>
                <c:pt idx="1044">
                  <c:v>0.5</c:v>
                </c:pt>
                <c:pt idx="1045">
                  <c:v>0.5</c:v>
                </c:pt>
                <c:pt idx="1046">
                  <c:v>0.5</c:v>
                </c:pt>
                <c:pt idx="1047">
                  <c:v>0.5</c:v>
                </c:pt>
                <c:pt idx="1048">
                  <c:v>0.5</c:v>
                </c:pt>
                <c:pt idx="1049">
                  <c:v>0.5</c:v>
                </c:pt>
                <c:pt idx="1050">
                  <c:v>0.5</c:v>
                </c:pt>
                <c:pt idx="1051">
                  <c:v>0.5</c:v>
                </c:pt>
                <c:pt idx="1052">
                  <c:v>0.5</c:v>
                </c:pt>
                <c:pt idx="1053">
                  <c:v>0.5</c:v>
                </c:pt>
                <c:pt idx="1054">
                  <c:v>0.5</c:v>
                </c:pt>
                <c:pt idx="1055">
                  <c:v>1</c:v>
                </c:pt>
                <c:pt idx="1056">
                  <c:v>0.5</c:v>
                </c:pt>
                <c:pt idx="1057">
                  <c:v>0.5</c:v>
                </c:pt>
                <c:pt idx="1058">
                  <c:v>0.5</c:v>
                </c:pt>
                <c:pt idx="1059">
                  <c:v>0.5</c:v>
                </c:pt>
                <c:pt idx="1060">
                  <c:v>0.5</c:v>
                </c:pt>
                <c:pt idx="1061">
                  <c:v>0.5</c:v>
                </c:pt>
                <c:pt idx="1062">
                  <c:v>0.5</c:v>
                </c:pt>
                <c:pt idx="1063">
                  <c:v>0</c:v>
                </c:pt>
                <c:pt idx="1064">
                  <c:v>0</c:v>
                </c:pt>
                <c:pt idx="1065">
                  <c:v>0</c:v>
                </c:pt>
                <c:pt idx="1066">
                  <c:v>0</c:v>
                </c:pt>
                <c:pt idx="1067">
                  <c:v>0</c:v>
                </c:pt>
                <c:pt idx="1068">
                  <c:v>0.5</c:v>
                </c:pt>
                <c:pt idx="1069">
                  <c:v>0.5</c:v>
                </c:pt>
                <c:pt idx="1070">
                  <c:v>0.5</c:v>
                </c:pt>
                <c:pt idx="1071">
                  <c:v>0.5</c:v>
                </c:pt>
                <c:pt idx="1072">
                  <c:v>0.5</c:v>
                </c:pt>
                <c:pt idx="1073">
                  <c:v>0.5</c:v>
                </c:pt>
                <c:pt idx="1074">
                  <c:v>0.5</c:v>
                </c:pt>
                <c:pt idx="1075">
                  <c:v>0.5</c:v>
                </c:pt>
                <c:pt idx="1076">
                  <c:v>0.5</c:v>
                </c:pt>
                <c:pt idx="1077">
                  <c:v>0.5</c:v>
                </c:pt>
                <c:pt idx="1078">
                  <c:v>0.5</c:v>
                </c:pt>
                <c:pt idx="1079">
                  <c:v>0.5</c:v>
                </c:pt>
                <c:pt idx="1080">
                  <c:v>1</c:v>
                </c:pt>
                <c:pt idx="1081">
                  <c:v>1</c:v>
                </c:pt>
                <c:pt idx="1082">
                  <c:v>1</c:v>
                </c:pt>
                <c:pt idx="1083">
                  <c:v>1</c:v>
                </c:pt>
                <c:pt idx="1084">
                  <c:v>1</c:v>
                </c:pt>
                <c:pt idx="1085">
                  <c:v>1</c:v>
                </c:pt>
                <c:pt idx="1086">
                  <c:v>1</c:v>
                </c:pt>
                <c:pt idx="1087">
                  <c:v>0.5</c:v>
                </c:pt>
                <c:pt idx="1088">
                  <c:v>0.5</c:v>
                </c:pt>
                <c:pt idx="1089">
                  <c:v>0.5</c:v>
                </c:pt>
                <c:pt idx="1090">
                  <c:v>0.5</c:v>
                </c:pt>
                <c:pt idx="1091">
                  <c:v>0</c:v>
                </c:pt>
                <c:pt idx="1092">
                  <c:v>0</c:v>
                </c:pt>
                <c:pt idx="1093">
                  <c:v>0</c:v>
                </c:pt>
                <c:pt idx="1094">
                  <c:v>0</c:v>
                </c:pt>
                <c:pt idx="1095">
                  <c:v>0</c:v>
                </c:pt>
                <c:pt idx="1096">
                  <c:v>0</c:v>
                </c:pt>
                <c:pt idx="1097">
                  <c:v>0</c:v>
                </c:pt>
                <c:pt idx="1098">
                  <c:v>0</c:v>
                </c:pt>
                <c:pt idx="1099">
                  <c:v>0</c:v>
                </c:pt>
                <c:pt idx="1100">
                  <c:v>0</c:v>
                </c:pt>
                <c:pt idx="1101">
                  <c:v>0</c:v>
                </c:pt>
                <c:pt idx="1102">
                  <c:v>0</c:v>
                </c:pt>
                <c:pt idx="1103">
                  <c:v>0</c:v>
                </c:pt>
                <c:pt idx="1104">
                  <c:v>0</c:v>
                </c:pt>
                <c:pt idx="1105">
                  <c:v>0</c:v>
                </c:pt>
                <c:pt idx="1106">
                  <c:v>0</c:v>
                </c:pt>
                <c:pt idx="1107">
                  <c:v>0</c:v>
                </c:pt>
                <c:pt idx="1108">
                  <c:v>0</c:v>
                </c:pt>
                <c:pt idx="1109">
                  <c:v>0</c:v>
                </c:pt>
                <c:pt idx="1110">
                  <c:v>0</c:v>
                </c:pt>
                <c:pt idx="1111">
                  <c:v>0</c:v>
                </c:pt>
                <c:pt idx="1112">
                  <c:v>0</c:v>
                </c:pt>
                <c:pt idx="1113">
                  <c:v>0</c:v>
                </c:pt>
                <c:pt idx="1114">
                  <c:v>0</c:v>
                </c:pt>
                <c:pt idx="1115">
                  <c:v>0</c:v>
                </c:pt>
                <c:pt idx="1116">
                  <c:v>0</c:v>
                </c:pt>
                <c:pt idx="1117">
                  <c:v>0</c:v>
                </c:pt>
                <c:pt idx="1118">
                  <c:v>0</c:v>
                </c:pt>
                <c:pt idx="1119">
                  <c:v>0</c:v>
                </c:pt>
                <c:pt idx="1120">
                  <c:v>0</c:v>
                </c:pt>
                <c:pt idx="1121">
                  <c:v>0</c:v>
                </c:pt>
                <c:pt idx="1122">
                  <c:v>0</c:v>
                </c:pt>
                <c:pt idx="1123">
                  <c:v>0</c:v>
                </c:pt>
                <c:pt idx="1124">
                  <c:v>0</c:v>
                </c:pt>
                <c:pt idx="1125">
                  <c:v>0</c:v>
                </c:pt>
                <c:pt idx="1126">
                  <c:v>0</c:v>
                </c:pt>
                <c:pt idx="1127">
                  <c:v>0</c:v>
                </c:pt>
                <c:pt idx="1128">
                  <c:v>0</c:v>
                </c:pt>
                <c:pt idx="1129">
                  <c:v>0</c:v>
                </c:pt>
                <c:pt idx="1130">
                  <c:v>0</c:v>
                </c:pt>
              </c:numCache>
            </c:numRef>
          </c:yVal>
          <c:smooth val="0"/>
          <c:extLst>
            <c:ext xmlns:c16="http://schemas.microsoft.com/office/drawing/2014/chart" uri="{C3380CC4-5D6E-409C-BE32-E72D297353CC}">
              <c16:uniqueId val="{00000002-A97B-4A5D-A22D-F275A00FA2D2}"/>
            </c:ext>
          </c:extLst>
        </c:ser>
        <c:dLbls>
          <c:showLegendKey val="0"/>
          <c:showVal val="0"/>
          <c:showCatName val="0"/>
          <c:showSerName val="0"/>
          <c:showPercent val="0"/>
          <c:showBubbleSize val="0"/>
        </c:dLbls>
        <c:axId val="242701824"/>
        <c:axId val="242703360"/>
      </c:scatterChart>
      <c:valAx>
        <c:axId val="242701824"/>
        <c:scaling>
          <c:orientation val="minMax"/>
        </c:scaling>
        <c:delete val="0"/>
        <c:axPos val="b"/>
        <c:numFmt formatCode="m/d;@" sourceLinked="0"/>
        <c:majorTickMark val="out"/>
        <c:minorTickMark val="none"/>
        <c:tickLblPos val="nextTo"/>
        <c:txPr>
          <a:bodyPr/>
          <a:lstStyle/>
          <a:p>
            <a:pPr>
              <a:defRPr lang="ja-JP"/>
            </a:pPr>
            <a:endParaRPr lang="ja-JP"/>
          </a:p>
        </c:txPr>
        <c:crossAx val="242703360"/>
        <c:crosses val="autoZero"/>
        <c:crossBetween val="midCat"/>
      </c:valAx>
      <c:valAx>
        <c:axId val="242703360"/>
        <c:scaling>
          <c:orientation val="minMax"/>
          <c:min val="0"/>
        </c:scaling>
        <c:delete val="0"/>
        <c:axPos val="l"/>
        <c:majorGridlines/>
        <c:numFmt formatCode="General" sourceLinked="1"/>
        <c:majorTickMark val="out"/>
        <c:minorTickMark val="none"/>
        <c:tickLblPos val="nextTo"/>
        <c:txPr>
          <a:bodyPr/>
          <a:lstStyle/>
          <a:p>
            <a:pPr>
              <a:defRPr lang="ja-JP"/>
            </a:pPr>
            <a:endParaRPr lang="ja-JP"/>
          </a:p>
        </c:txPr>
        <c:crossAx val="242701824"/>
        <c:crosses val="autoZero"/>
        <c:crossBetween val="midCat"/>
      </c:valAx>
    </c:plotArea>
    <c:legend>
      <c:legendPos val="r"/>
      <c:overlay val="0"/>
      <c:txPr>
        <a:bodyPr/>
        <a:lstStyle/>
        <a:p>
          <a:pPr>
            <a:defRPr lang="ja-JP"/>
          </a:pPr>
          <a:endParaRPr lang="ja-JP"/>
        </a:p>
      </c:txPr>
    </c:legend>
    <c:plotVisOnly val="1"/>
    <c:dispBlanksAs val="gap"/>
    <c:showDLblsOverMax val="0"/>
  </c:chart>
  <c:externalData r:id="rId2">
    <c:autoUpdate val="0"/>
  </c:externalData>
  <c:userShapes r:id="rId3"/>
</c:chartSpace>
</file>

<file path=ppt/drawings/drawing1.xml><?xml version="1.0" encoding="utf-8"?>
<c:userShapes xmlns:c="http://schemas.openxmlformats.org/drawingml/2006/chart">
  <cdr:relSizeAnchor xmlns:cdr="http://schemas.openxmlformats.org/drawingml/2006/chartDrawing">
    <cdr:from>
      <cdr:x>0.77105</cdr:x>
      <cdr:y>0.0309</cdr:y>
    </cdr:from>
    <cdr:to>
      <cdr:x>0.97105</cdr:x>
      <cdr:y>0.26167</cdr:y>
    </cdr:to>
    <cdr:sp macro="" textlink="">
      <cdr:nvSpPr>
        <cdr:cNvPr id="2" name="テキスト ボックス 1"/>
        <cdr:cNvSpPr txBox="1"/>
      </cdr:nvSpPr>
      <cdr:spPr>
        <a:xfrm xmlns:a="http://schemas.openxmlformats.org/drawingml/2006/main">
          <a:off x="5140960" y="119380"/>
          <a:ext cx="1333500" cy="891540"/>
        </a:xfrm>
        <a:prstGeom xmlns:a="http://schemas.openxmlformats.org/drawingml/2006/main" prst="rect">
          <a:avLst/>
        </a:prstGeom>
        <a:solidFill xmlns:a="http://schemas.openxmlformats.org/drawingml/2006/main">
          <a:schemeClr val="lt1"/>
        </a:solidFill>
        <a:ln xmlns:a="http://schemas.openxmlformats.org/drawingml/2006/main" w="9525" cmpd="sng">
          <a:solidFill>
            <a:schemeClr val="lt1">
              <a:shade val="50000"/>
            </a:schemeClr>
          </a:solid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en-US" altLang="ja-JP" sz="1100">
              <a:solidFill>
                <a:schemeClr val="dk1"/>
              </a:solidFill>
              <a:latin typeface="+mn-lt"/>
              <a:ea typeface="+mn-ea"/>
              <a:cs typeface="+mn-cs"/>
            </a:rPr>
            <a:t>2018</a:t>
          </a:r>
          <a:r>
            <a:rPr lang="ja-JP" altLang="en-US" sz="1100">
              <a:solidFill>
                <a:schemeClr val="dk1"/>
              </a:solidFill>
              <a:latin typeface="+mn-lt"/>
              <a:ea typeface="+mn-ea"/>
              <a:cs typeface="+mn-cs"/>
            </a:rPr>
            <a:t>年</a:t>
          </a:r>
          <a:r>
            <a:rPr lang="en-US" altLang="ja-JP" sz="1100">
              <a:solidFill>
                <a:schemeClr val="dk1"/>
              </a:solidFill>
              <a:latin typeface="+mn-lt"/>
              <a:ea typeface="+mn-ea"/>
              <a:cs typeface="+mn-cs"/>
            </a:rPr>
            <a:t>5</a:t>
          </a:r>
          <a:r>
            <a:rPr lang="ja-JP" altLang="en-US" sz="1100">
              <a:solidFill>
                <a:schemeClr val="dk1"/>
              </a:solidFill>
              <a:latin typeface="+mn-lt"/>
              <a:ea typeface="+mn-ea"/>
              <a:cs typeface="+mn-cs"/>
            </a:rPr>
            <a:t>月</a:t>
          </a:r>
          <a:r>
            <a:rPr lang="en-US" altLang="ja-JP" sz="1100">
              <a:solidFill>
                <a:schemeClr val="dk1"/>
              </a:solidFill>
              <a:latin typeface="+mn-lt"/>
              <a:ea typeface="+mn-ea"/>
              <a:cs typeface="+mn-cs"/>
            </a:rPr>
            <a:t>18</a:t>
          </a:r>
          <a:r>
            <a:rPr lang="ja-JP" altLang="en-US" sz="1100">
              <a:solidFill>
                <a:schemeClr val="dk1"/>
              </a:solidFill>
              <a:latin typeface="+mn-lt"/>
              <a:ea typeface="+mn-ea"/>
              <a:cs typeface="+mn-cs"/>
            </a:rPr>
            <a:t>日</a:t>
          </a:r>
          <a:r>
            <a:rPr lang="en-US" altLang="ja-JP" sz="1100">
              <a:solidFill>
                <a:schemeClr val="dk1"/>
              </a:solidFill>
              <a:latin typeface="+mn-lt"/>
              <a:ea typeface="+mn-ea"/>
              <a:cs typeface="+mn-cs"/>
            </a:rPr>
            <a:t>AM7</a:t>
          </a:r>
          <a:r>
            <a:rPr lang="ja-JP" altLang="en-US" sz="1100">
              <a:solidFill>
                <a:schemeClr val="dk1"/>
              </a:solidFill>
              <a:latin typeface="+mn-lt"/>
              <a:ea typeface="+mn-ea"/>
              <a:cs typeface="+mn-cs"/>
            </a:rPr>
            <a:t>：</a:t>
          </a:r>
          <a:r>
            <a:rPr lang="en-US" altLang="ja-JP" sz="1100">
              <a:solidFill>
                <a:schemeClr val="dk1"/>
              </a:solidFill>
              <a:latin typeface="+mn-lt"/>
              <a:ea typeface="+mn-ea"/>
              <a:cs typeface="+mn-cs"/>
            </a:rPr>
            <a:t>55</a:t>
          </a:r>
          <a:r>
            <a:rPr lang="ja-JP" altLang="en-US" sz="1100">
              <a:solidFill>
                <a:schemeClr val="dk1"/>
              </a:solidFill>
              <a:latin typeface="+mn-lt"/>
              <a:ea typeface="+mn-ea"/>
              <a:cs typeface="+mn-cs"/>
            </a:rPr>
            <a:t>までの</a:t>
          </a:r>
          <a:endParaRPr lang="en-US" altLang="ja-JP" sz="1100">
            <a:solidFill>
              <a:schemeClr val="dk1"/>
            </a:solidFill>
            <a:latin typeface="+mn-lt"/>
            <a:ea typeface="+mn-ea"/>
            <a:cs typeface="+mn-cs"/>
          </a:endParaRPr>
        </a:p>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latin typeface="+mn-lt"/>
              <a:ea typeface="+mn-ea"/>
              <a:cs typeface="+mn-cs"/>
            </a:rPr>
            <a:t>データグラフ</a:t>
          </a:r>
          <a:endParaRPr kumimoji="1" lang="ja-JP" altLang="en-US" sz="1100"/>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5029"/>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3" y="0"/>
            <a:ext cx="2918831" cy="495029"/>
          </a:xfrm>
          <a:prstGeom prst="rect">
            <a:avLst/>
          </a:prstGeom>
        </p:spPr>
        <p:txBody>
          <a:bodyPr vert="horz" lIns="91440" tIns="45720" rIns="91440" bIns="45720" rtlCol="0"/>
          <a:lstStyle>
            <a:lvl1pPr algn="r">
              <a:defRPr sz="1200"/>
            </a:lvl1pPr>
          </a:lstStyle>
          <a:p>
            <a:fld id="{A60A0181-5DC1-4753-904E-060B79ACFA65}" type="datetimeFigureOut">
              <a:rPr kumimoji="1" lang="ja-JP" altLang="en-US" smtClean="0"/>
              <a:t>2024/3/19</a:t>
            </a:fld>
            <a:endParaRPr kumimoji="1" lang="ja-JP" altLang="en-US"/>
          </a:p>
        </p:txBody>
      </p:sp>
      <p:sp>
        <p:nvSpPr>
          <p:cNvPr id="4" name="スライド イメージ プレースホルダー 3"/>
          <p:cNvSpPr>
            <a:spLocks noGrp="1" noRot="1" noChangeAspect="1"/>
          </p:cNvSpPr>
          <p:nvPr>
            <p:ph type="sldImg" idx="2"/>
          </p:nvPr>
        </p:nvSpPr>
        <p:spPr>
          <a:xfrm>
            <a:off x="1147763" y="1233488"/>
            <a:ext cx="4440237" cy="33289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577" y="4748163"/>
            <a:ext cx="5388610" cy="3884861"/>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371286"/>
            <a:ext cx="2918831" cy="495028"/>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3" y="9371286"/>
            <a:ext cx="2918831" cy="495028"/>
          </a:xfrm>
          <a:prstGeom prst="rect">
            <a:avLst/>
          </a:prstGeom>
        </p:spPr>
        <p:txBody>
          <a:bodyPr vert="horz" lIns="91440" tIns="45720" rIns="91440" bIns="45720" rtlCol="0" anchor="b"/>
          <a:lstStyle>
            <a:lvl1pPr algn="r">
              <a:defRPr sz="1200"/>
            </a:lvl1pPr>
          </a:lstStyle>
          <a:p>
            <a:fld id="{A971DC80-3DED-42A2-9A1F-C9ECF60C978B}" type="slidenum">
              <a:rPr kumimoji="1" lang="ja-JP" altLang="en-US" smtClean="0"/>
              <a:t>‹#›</a:t>
            </a:fld>
            <a:endParaRPr kumimoji="1" lang="ja-JP" altLang="en-US"/>
          </a:p>
        </p:txBody>
      </p:sp>
    </p:spTree>
    <p:extLst>
      <p:ext uri="{BB962C8B-B14F-4D97-AF65-F5344CB8AC3E}">
        <p14:creationId xmlns:p14="http://schemas.microsoft.com/office/powerpoint/2010/main" val="84860938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82625" y="1112838"/>
            <a:ext cx="5405438" cy="4054475"/>
          </a:xfrm>
        </p:spPr>
      </p:sp>
      <p:sp>
        <p:nvSpPr>
          <p:cNvPr id="3" name="ノート プレースホルダー 2"/>
          <p:cNvSpPr>
            <a:spLocks noGrp="1"/>
          </p:cNvSpPr>
          <p:nvPr>
            <p:ph type="body" idx="1"/>
          </p:nvPr>
        </p:nvSpPr>
        <p:spPr/>
        <p:txBody>
          <a:bodyPr/>
          <a:lstStyle/>
          <a:p>
            <a:r>
              <a:rPr kumimoji="1" lang="ja-JP" altLang="en-US" dirty="0"/>
              <a:t>トーク項目</a:t>
            </a:r>
            <a:endParaRPr kumimoji="1" lang="en-US" altLang="ja-JP" dirty="0"/>
          </a:p>
          <a:p>
            <a:r>
              <a:rPr kumimoji="1" lang="ja-JP" altLang="en-US" dirty="0"/>
              <a:t>・定期点検の</a:t>
            </a:r>
            <a:r>
              <a:rPr kumimoji="1" lang="en-US" altLang="ja-JP" dirty="0"/>
              <a:t>1</a:t>
            </a:r>
            <a:r>
              <a:rPr kumimoji="1" lang="ja-JP" altLang="en-US" dirty="0"/>
              <a:t>巡目が</a:t>
            </a:r>
            <a:r>
              <a:rPr kumimoji="1" lang="en-US" altLang="ja-JP" dirty="0"/>
              <a:t>2014</a:t>
            </a:r>
            <a:r>
              <a:rPr kumimoji="1" lang="ja-JP" altLang="en-US" dirty="0"/>
              <a:t>～</a:t>
            </a:r>
            <a:r>
              <a:rPr kumimoji="1" lang="en-US" altLang="ja-JP" dirty="0"/>
              <a:t>2019</a:t>
            </a:r>
            <a:r>
              <a:rPr kumimoji="1" lang="ja-JP" altLang="en-US" dirty="0"/>
              <a:t>年に実施され，現在は</a:t>
            </a:r>
            <a:r>
              <a:rPr kumimoji="1" lang="en-US" altLang="ja-JP" dirty="0"/>
              <a:t>2</a:t>
            </a:r>
            <a:r>
              <a:rPr kumimoji="1" lang="ja-JP" altLang="en-US" dirty="0"/>
              <a:t>巡目の定期点検と補修業務対応</a:t>
            </a:r>
            <a:endParaRPr kumimoji="1" lang="en-US" altLang="ja-JP" dirty="0"/>
          </a:p>
          <a:p>
            <a:r>
              <a:rPr kumimoji="1" lang="ja-JP" altLang="en-US" dirty="0"/>
              <a:t>・約</a:t>
            </a:r>
            <a:r>
              <a:rPr kumimoji="1" lang="en-US" altLang="ja-JP" dirty="0"/>
              <a:t>6</a:t>
            </a:r>
            <a:r>
              <a:rPr kumimoji="1" lang="ja-JP" altLang="en-US" dirty="0"/>
              <a:t>万橋の橋梁について，早急な保全対応が必要</a:t>
            </a:r>
            <a:endParaRPr kumimoji="1" lang="en-US" altLang="ja-JP" dirty="0"/>
          </a:p>
          <a:p>
            <a:r>
              <a:rPr kumimoji="1" lang="ja-JP" altLang="en-US" dirty="0"/>
              <a:t>・処置（保全業務）未着手が</a:t>
            </a:r>
            <a:r>
              <a:rPr kumimoji="1" lang="en-US" altLang="ja-JP" dirty="0"/>
              <a:t>60</a:t>
            </a:r>
            <a:r>
              <a:rPr kumimoji="1" lang="ja-JP" altLang="en-US" dirty="0"/>
              <a:t>％以上となっており，早急な対応が求められる。</a:t>
            </a:r>
          </a:p>
        </p:txBody>
      </p:sp>
      <p:sp>
        <p:nvSpPr>
          <p:cNvPr id="4" name="スライド番号プレースホルダー 3"/>
          <p:cNvSpPr>
            <a:spLocks noGrp="1"/>
          </p:cNvSpPr>
          <p:nvPr>
            <p:ph type="sldNum" sz="quarter" idx="5"/>
          </p:nvPr>
        </p:nvSpPr>
        <p:spPr/>
        <p:txBody>
          <a:bodyPr/>
          <a:lstStyle/>
          <a:p>
            <a:fld id="{19E4D030-1751-4CD0-AC2A-C9DF4C3F4C39}" type="slidenum">
              <a:rPr lang="ja-JP" altLang="en-US" smtClean="0"/>
              <a:pPr/>
              <a:t>3</a:t>
            </a:fld>
            <a:endParaRPr lang="ja-JP" altLang="en-US" dirty="0"/>
          </a:p>
        </p:txBody>
      </p:sp>
    </p:spTree>
    <p:extLst>
      <p:ext uri="{BB962C8B-B14F-4D97-AF65-F5344CB8AC3E}">
        <p14:creationId xmlns:p14="http://schemas.microsoft.com/office/powerpoint/2010/main" val="248347434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スライド イメージ プレースホルダ 1"/>
          <p:cNvSpPr>
            <a:spLocks noGrp="1" noRot="1" noChangeAspect="1" noTextEdit="1"/>
          </p:cNvSpPr>
          <p:nvPr>
            <p:ph type="sldImg"/>
          </p:nvPr>
        </p:nvSpPr>
        <p:spPr>
          <a:xfrm>
            <a:off x="1371600" y="1143000"/>
            <a:ext cx="4114800" cy="3086100"/>
          </a:xfrm>
          <a:ln/>
        </p:spPr>
      </p:sp>
      <p:sp>
        <p:nvSpPr>
          <p:cNvPr id="36867"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itchFamily="18" charset="0"/>
            </a:endParaRPr>
          </a:p>
        </p:txBody>
      </p:sp>
      <p:sp>
        <p:nvSpPr>
          <p:cNvPr id="3686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kumimoji="1" sz="1200">
                <a:solidFill>
                  <a:schemeClr val="tx1"/>
                </a:solidFill>
                <a:latin typeface="Times New Roman" pitchFamily="18" charset="0"/>
                <a:ea typeface="ＭＳ Ｐ明朝" pitchFamily="18" charset="-128"/>
              </a:defRPr>
            </a:lvl1pPr>
            <a:lvl2pPr marL="741408" indent="-285033" eaLnBrk="0" hangingPunct="0">
              <a:spcBef>
                <a:spcPct val="30000"/>
              </a:spcBef>
              <a:defRPr kumimoji="1" sz="1200">
                <a:solidFill>
                  <a:schemeClr val="tx1"/>
                </a:solidFill>
                <a:latin typeface="Times New Roman" pitchFamily="18" charset="0"/>
                <a:ea typeface="ＭＳ Ｐ明朝" pitchFamily="18" charset="-128"/>
              </a:defRPr>
            </a:lvl2pPr>
            <a:lvl3pPr marL="1141735" indent="-227386" eaLnBrk="0" hangingPunct="0">
              <a:spcBef>
                <a:spcPct val="30000"/>
              </a:spcBef>
              <a:defRPr kumimoji="1" sz="1200">
                <a:solidFill>
                  <a:schemeClr val="tx1"/>
                </a:solidFill>
                <a:latin typeface="Times New Roman" pitchFamily="18" charset="0"/>
                <a:ea typeface="ＭＳ Ｐ明朝" pitchFamily="18" charset="-128"/>
              </a:defRPr>
            </a:lvl3pPr>
            <a:lvl4pPr marL="1599710" indent="-227386" eaLnBrk="0" hangingPunct="0">
              <a:spcBef>
                <a:spcPct val="30000"/>
              </a:spcBef>
              <a:defRPr kumimoji="1" sz="1200">
                <a:solidFill>
                  <a:schemeClr val="tx1"/>
                </a:solidFill>
                <a:latin typeface="Times New Roman" pitchFamily="18" charset="0"/>
                <a:ea typeface="ＭＳ Ｐ明朝" pitchFamily="18" charset="-128"/>
              </a:defRPr>
            </a:lvl4pPr>
            <a:lvl5pPr marL="2056084" indent="-227386" eaLnBrk="0" hangingPunct="0">
              <a:spcBef>
                <a:spcPct val="30000"/>
              </a:spcBef>
              <a:defRPr kumimoji="1" sz="1200">
                <a:solidFill>
                  <a:schemeClr val="tx1"/>
                </a:solidFill>
                <a:latin typeface="Times New Roman" pitchFamily="18" charset="0"/>
                <a:ea typeface="ＭＳ Ｐ明朝" pitchFamily="18" charset="-128"/>
              </a:defRPr>
            </a:lvl5pPr>
            <a:lvl6pPr marL="2517261"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6pPr>
            <a:lvl7pPr marL="2978439"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7pPr>
            <a:lvl8pPr marL="3439617"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8pPr>
            <a:lvl9pPr marL="3900794"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9pPr>
          </a:lstStyle>
          <a:p>
            <a:pPr defTabSz="922355" eaLnBrk="1" hangingPunct="1">
              <a:spcBef>
                <a:spcPct val="0"/>
              </a:spcBef>
            </a:pPr>
            <a:fld id="{34046843-ED5F-4FD2-AA9D-64EB96301488}" type="slidenum">
              <a:rPr lang="ja-JP" altLang="en-US" smtClean="0">
                <a:ea typeface="ＭＳ Ｐゴシック" pitchFamily="50" charset="-128"/>
              </a:rPr>
              <a:pPr defTabSz="922355" eaLnBrk="1" hangingPunct="1">
                <a:spcBef>
                  <a:spcPct val="0"/>
                </a:spcBef>
              </a:pPr>
              <a:t>36</a:t>
            </a:fld>
            <a:endParaRPr lang="ja-JP" altLang="en-US">
              <a:ea typeface="ＭＳ Ｐゴシック" pitchFamily="50" charset="-128"/>
            </a:endParaRPr>
          </a:p>
        </p:txBody>
      </p:sp>
    </p:spTree>
    <p:extLst>
      <p:ext uri="{BB962C8B-B14F-4D97-AF65-F5344CB8AC3E}">
        <p14:creationId xmlns:p14="http://schemas.microsoft.com/office/powerpoint/2010/main" val="52237848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スライド イメージ プレースホルダ 1">
            <a:extLst>
              <a:ext uri="{FF2B5EF4-FFF2-40B4-BE49-F238E27FC236}">
                <a16:creationId xmlns:a16="http://schemas.microsoft.com/office/drawing/2014/main" id="{776ABEE2-2E7C-1845-32D2-6C142E1D92A7}"/>
              </a:ext>
            </a:extLst>
          </p:cNvPr>
          <p:cNvSpPr>
            <a:spLocks noGrp="1" noRot="1" noChangeAspect="1" noChangeArrowheads="1" noTextEdit="1"/>
          </p:cNvSpPr>
          <p:nvPr>
            <p:ph type="sldImg"/>
          </p:nvPr>
        </p:nvSpPr>
        <p:spPr>
          <a:xfrm>
            <a:off x="1371600" y="1143000"/>
            <a:ext cx="4114800" cy="3086100"/>
          </a:xfrm>
          <a:ln/>
        </p:spPr>
      </p:sp>
      <p:sp>
        <p:nvSpPr>
          <p:cNvPr id="28675" name="ノート プレースホルダ 2">
            <a:extLst>
              <a:ext uri="{FF2B5EF4-FFF2-40B4-BE49-F238E27FC236}">
                <a16:creationId xmlns:a16="http://schemas.microsoft.com/office/drawing/2014/main" id="{7C5D45D0-7169-D4C1-F2B4-7D8F83574C4B}"/>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anose="02020603050405020304" pitchFamily="18" charset="0"/>
            </a:endParaRPr>
          </a:p>
        </p:txBody>
      </p:sp>
      <p:sp>
        <p:nvSpPr>
          <p:cNvPr id="28676" name="スライド番号プレースホルダ 3">
            <a:extLst>
              <a:ext uri="{FF2B5EF4-FFF2-40B4-BE49-F238E27FC236}">
                <a16:creationId xmlns:a16="http://schemas.microsoft.com/office/drawing/2014/main" id="{4FDB8537-A3AA-3F3E-725C-66A3E70968B5}"/>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2338">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1363" indent="-284163" defTabSz="922338">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14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86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58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30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02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74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46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F4322F20-0D06-44D0-8C03-5CF069E5E7E8}" type="slidenum">
              <a:rPr lang="ja-JP" altLang="en-US" smtClean="0">
                <a:latin typeface="Times New Roman" panose="02020603050405020304" pitchFamily="18" charset="0"/>
                <a:ea typeface="ＭＳ Ｐゴシック" panose="020B0600070205080204" pitchFamily="50" charset="-128"/>
              </a:rPr>
              <a:pPr>
                <a:spcBef>
                  <a:spcPct val="0"/>
                </a:spcBef>
              </a:pPr>
              <a:t>37</a:t>
            </a:fld>
            <a:endParaRPr lang="ja-JP" altLang="en-US">
              <a:latin typeface="Times New Roman" panose="02020603050405020304" pitchFamily="18" charset="0"/>
              <a:ea typeface="ＭＳ Ｐゴシック" panose="020B0600070205080204" pitchFamily="50" charset="-128"/>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スライド イメージ プレースホルダ 1">
            <a:extLst>
              <a:ext uri="{FF2B5EF4-FFF2-40B4-BE49-F238E27FC236}">
                <a16:creationId xmlns:a16="http://schemas.microsoft.com/office/drawing/2014/main" id="{56F7AB92-BF3A-A3AF-5305-88C0EFFD92D4}"/>
              </a:ext>
            </a:extLst>
          </p:cNvPr>
          <p:cNvSpPr>
            <a:spLocks noGrp="1" noRot="1" noChangeAspect="1" noChangeArrowheads="1" noTextEdit="1"/>
          </p:cNvSpPr>
          <p:nvPr>
            <p:ph type="sldImg"/>
          </p:nvPr>
        </p:nvSpPr>
        <p:spPr>
          <a:xfrm>
            <a:off x="1371600" y="1143000"/>
            <a:ext cx="4114800" cy="3086100"/>
          </a:xfrm>
          <a:ln/>
        </p:spPr>
      </p:sp>
      <p:sp>
        <p:nvSpPr>
          <p:cNvPr id="26627" name="ノート プレースホルダ 2">
            <a:extLst>
              <a:ext uri="{FF2B5EF4-FFF2-40B4-BE49-F238E27FC236}">
                <a16:creationId xmlns:a16="http://schemas.microsoft.com/office/drawing/2014/main" id="{80281B19-15A1-133F-3F53-261F2F802F28}"/>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anose="02020603050405020304" pitchFamily="18" charset="0"/>
            </a:endParaRPr>
          </a:p>
        </p:txBody>
      </p:sp>
      <p:sp>
        <p:nvSpPr>
          <p:cNvPr id="26628" name="スライド番号プレースホルダ 3">
            <a:extLst>
              <a:ext uri="{FF2B5EF4-FFF2-40B4-BE49-F238E27FC236}">
                <a16:creationId xmlns:a16="http://schemas.microsoft.com/office/drawing/2014/main" id="{05769684-3FD7-9DBF-8070-FD3FA3854396}"/>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2338">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1363" indent="-284163" defTabSz="922338">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14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86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58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30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02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74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46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1ADF6921-1030-4B25-8FD6-D624B8D4475C}" type="slidenum">
              <a:rPr lang="ja-JP" altLang="en-US" smtClean="0">
                <a:latin typeface="Times New Roman" panose="02020603050405020304" pitchFamily="18" charset="0"/>
                <a:ea typeface="ＭＳ Ｐゴシック" panose="020B0600070205080204" pitchFamily="50" charset="-128"/>
              </a:rPr>
              <a:pPr>
                <a:spcBef>
                  <a:spcPct val="0"/>
                </a:spcBef>
              </a:pPr>
              <a:t>38</a:t>
            </a:fld>
            <a:endParaRPr lang="ja-JP" altLang="en-US">
              <a:latin typeface="Times New Roman" panose="02020603050405020304" pitchFamily="18" charset="0"/>
              <a:ea typeface="ＭＳ Ｐゴシック" panose="020B0600070205080204" pitchFamily="50" charset="-128"/>
            </a:endParaRPr>
          </a:p>
        </p:txBody>
      </p:sp>
    </p:spTree>
    <p:extLst>
      <p:ext uri="{BB962C8B-B14F-4D97-AF65-F5344CB8AC3E}">
        <p14:creationId xmlns:p14="http://schemas.microsoft.com/office/powerpoint/2010/main" val="10094650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スライド イメージ プレースホルダー 1">
            <a:extLst>
              <a:ext uri="{FF2B5EF4-FFF2-40B4-BE49-F238E27FC236}">
                <a16:creationId xmlns:a16="http://schemas.microsoft.com/office/drawing/2014/main" id="{D10A128E-796E-C259-EB52-EA5E94A848F2}"/>
              </a:ext>
            </a:extLst>
          </p:cNvPr>
          <p:cNvSpPr>
            <a:spLocks noGrp="1" noRot="1" noChangeAspect="1" noChangeArrowheads="1" noTextEdit="1"/>
          </p:cNvSpPr>
          <p:nvPr>
            <p:ph type="sldImg"/>
          </p:nvPr>
        </p:nvSpPr>
        <p:spPr>
          <a:ln/>
        </p:spPr>
      </p:sp>
      <p:sp>
        <p:nvSpPr>
          <p:cNvPr id="38915" name="ノート プレースホルダー 2">
            <a:extLst>
              <a:ext uri="{FF2B5EF4-FFF2-40B4-BE49-F238E27FC236}">
                <a16:creationId xmlns:a16="http://schemas.microsoft.com/office/drawing/2014/main" id="{A5726646-E94B-D85F-65C4-98D59A6E59D5}"/>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38916" name="スライド番号プレースホルダー 3">
            <a:extLst>
              <a:ext uri="{FF2B5EF4-FFF2-40B4-BE49-F238E27FC236}">
                <a16:creationId xmlns:a16="http://schemas.microsoft.com/office/drawing/2014/main" id="{E60F3CE4-A1F7-83CE-2C7B-4050F5D4D7CD}"/>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9300" indent="-287338">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52525" indent="-230188">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12900" indent="-230188">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74863" indent="-230188">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32063" indent="-23018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89263" indent="-23018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46463" indent="-23018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903663" indent="-23018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4E9DAD10-84BA-4425-8373-4E984E07C4CA}" type="slidenum">
              <a:rPr lang="ja-JP" altLang="en-US" smtClean="0">
                <a:solidFill>
                  <a:srgbClr val="000000"/>
                </a:solidFill>
                <a:ea typeface="ＭＳ Ｐゴシック" panose="020B0600070205080204" pitchFamily="50" charset="-128"/>
              </a:rPr>
              <a:pPr>
                <a:spcBef>
                  <a:spcPct val="0"/>
                </a:spcBef>
              </a:pPr>
              <a:t>59</a:t>
            </a:fld>
            <a:endParaRPr lang="ja-JP" altLang="en-US">
              <a:solidFill>
                <a:srgbClr val="000000"/>
              </a:solidFill>
              <a:ea typeface="ＭＳ Ｐゴシック" panose="020B0600070205080204" pitchFamily="50" charset="-128"/>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920700A4-4C4C-41E0-A065-C8B7C8718ECF}" type="datetime1">
              <a:rPr kumimoji="1" lang="ja-JP" altLang="en-US" smtClean="0"/>
              <a:t>2024/3/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5266602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D0C527C7-8207-4E5A-AE64-BC298C4285E0}" type="datetime1">
              <a:rPr kumimoji="1" lang="ja-JP" altLang="en-US" smtClean="0"/>
              <a:t>2024/3/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15329407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BC78AB2-32A0-4553-B3FA-59491F12F771}" type="datetime1">
              <a:rPr kumimoji="1" lang="ja-JP" altLang="en-US" smtClean="0"/>
              <a:t>2024/3/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296437503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本文ページ">
    <p:spTree>
      <p:nvGrpSpPr>
        <p:cNvPr id="1" name=""/>
        <p:cNvGrpSpPr/>
        <p:nvPr/>
      </p:nvGrpSpPr>
      <p:grpSpPr>
        <a:xfrm>
          <a:off x="0" y="0"/>
          <a:ext cx="0" cy="0"/>
          <a:chOff x="0" y="0"/>
          <a:chExt cx="0" cy="0"/>
        </a:xfrm>
      </p:grpSpPr>
      <p:sp>
        <p:nvSpPr>
          <p:cNvPr id="7" name="日付プレースホルダ 3"/>
          <p:cNvSpPr>
            <a:spLocks noGrp="1"/>
          </p:cNvSpPr>
          <p:nvPr>
            <p:ph type="dt" sz="half" idx="2"/>
          </p:nvPr>
        </p:nvSpPr>
        <p:spPr>
          <a:xfrm>
            <a:off x="4106494" y="6506789"/>
            <a:ext cx="931012" cy="200736"/>
          </a:xfrm>
          <a:prstGeom prst="rect">
            <a:avLst/>
          </a:prstGeom>
        </p:spPr>
        <p:txBody>
          <a:bodyPr vert="horz" lIns="0" tIns="0" rIns="0" bIns="0" rtlCol="0" anchor="ctr"/>
          <a:lstStyle>
            <a:lvl1pPr algn="ctr">
              <a:defRPr sz="924">
                <a:solidFill>
                  <a:srgbClr val="6A6A6A"/>
                </a:solidFill>
                <a:latin typeface="Arial" pitchFamily="34" charset="0"/>
                <a:ea typeface="ＭＳ Ｐゴシック" pitchFamily="50" charset="-128"/>
                <a:cs typeface="Arial" pitchFamily="34" charset="0"/>
              </a:defRPr>
            </a:lvl1pPr>
          </a:lstStyle>
          <a:p>
            <a:endParaRPr lang="ja-JP" altLang="en-US" dirty="0"/>
          </a:p>
        </p:txBody>
      </p:sp>
      <p:sp>
        <p:nvSpPr>
          <p:cNvPr id="10" name="フッター プレースホルダ 4"/>
          <p:cNvSpPr>
            <a:spLocks noGrp="1"/>
          </p:cNvSpPr>
          <p:nvPr>
            <p:ph type="ftr" sz="quarter" idx="3"/>
          </p:nvPr>
        </p:nvSpPr>
        <p:spPr>
          <a:xfrm>
            <a:off x="448945" y="6506789"/>
            <a:ext cx="2327531" cy="200907"/>
          </a:xfrm>
          <a:prstGeom prst="rect">
            <a:avLst/>
          </a:prstGeom>
        </p:spPr>
        <p:txBody>
          <a:bodyPr wrap="none" lIns="0" rIns="0">
            <a:noAutofit/>
          </a:bodyPr>
          <a:lstStyle>
            <a:lvl1pPr>
              <a:defRPr sz="739" baseline="0">
                <a:solidFill>
                  <a:srgbClr val="6A6A6A"/>
                </a:solidFill>
                <a:latin typeface="Arial" pitchFamily="34" charset="0"/>
                <a:ea typeface="ＭＳ Ｐゴシック" pitchFamily="50" charset="-128"/>
                <a:cs typeface="Arial" pitchFamily="34" charset="0"/>
              </a:defRPr>
            </a:lvl1pPr>
          </a:lstStyle>
          <a:p>
            <a:r>
              <a:rPr lang="en-US" altLang="ja-JP" dirty="0"/>
              <a:t>Copyright © 2019 IHI Corporation All Rights Reserved.</a:t>
            </a:r>
            <a:endParaRPr lang="ja-JP" altLang="en-US" dirty="0"/>
          </a:p>
        </p:txBody>
      </p:sp>
      <p:sp>
        <p:nvSpPr>
          <p:cNvPr id="6" name="タイトル プレースホルダ 1"/>
          <p:cNvSpPr>
            <a:spLocks noGrp="1"/>
          </p:cNvSpPr>
          <p:nvPr>
            <p:ph type="title"/>
          </p:nvPr>
        </p:nvSpPr>
        <p:spPr>
          <a:xfrm>
            <a:off x="448945" y="310414"/>
            <a:ext cx="7457857" cy="611962"/>
          </a:xfrm>
          <a:prstGeom prst="rect">
            <a:avLst/>
          </a:prstGeom>
        </p:spPr>
        <p:txBody>
          <a:bodyPr vert="horz" wrap="square" lIns="0" tIns="0" rIns="0" bIns="0" rtlCol="0" anchor="t" anchorCtr="0">
            <a:spAutoFit/>
          </a:bodyPr>
          <a:lstStyle/>
          <a:p>
            <a:r>
              <a:rPr kumimoji="1" lang="ja-JP" altLang="en-US"/>
              <a:t>マスター タイトルの書式設定</a:t>
            </a:r>
            <a:endParaRPr kumimoji="1" lang="ja-JP" altLang="en-US" dirty="0"/>
          </a:p>
        </p:txBody>
      </p:sp>
      <p:sp>
        <p:nvSpPr>
          <p:cNvPr id="8" name="スライド番号プレースホルダ 5"/>
          <p:cNvSpPr>
            <a:spLocks noGrp="1"/>
          </p:cNvSpPr>
          <p:nvPr>
            <p:ph type="sldNum" sz="quarter" idx="4"/>
          </p:nvPr>
        </p:nvSpPr>
        <p:spPr>
          <a:xfrm>
            <a:off x="8495553" y="6506789"/>
            <a:ext cx="465506" cy="199502"/>
          </a:xfrm>
          <a:prstGeom prst="rect">
            <a:avLst/>
          </a:prstGeom>
        </p:spPr>
        <p:txBody>
          <a:bodyPr vert="horz" wrap="square" lIns="98746" tIns="0" rIns="98746" bIns="28800" rtlCol="0" anchor="ctr">
            <a:noAutofit/>
          </a:bodyPr>
          <a:lstStyle>
            <a:lvl1pPr algn="r">
              <a:defRPr sz="1016">
                <a:solidFill>
                  <a:srgbClr val="6A6A6A"/>
                </a:solidFill>
                <a:latin typeface="Arial" pitchFamily="34" charset="0"/>
                <a:ea typeface="ＭＳ Ｐゴシック" pitchFamily="50" charset="-128"/>
                <a:cs typeface="Arial" pitchFamily="34" charset="0"/>
              </a:defRPr>
            </a:lvl1pPr>
          </a:lstStyle>
          <a:p>
            <a:fld id="{E4DD4CA9-FFF4-4929-B1F3-DD754470E6A2}" type="slidenum">
              <a:rPr lang="ja-JP" altLang="en-US" smtClean="0"/>
              <a:pPr/>
              <a:t>‹#›</a:t>
            </a:fld>
            <a:endParaRPr lang="ja-JP" altLang="en-US" dirty="0"/>
          </a:p>
        </p:txBody>
      </p:sp>
    </p:spTree>
    <p:extLst>
      <p:ext uri="{BB962C8B-B14F-4D97-AF65-F5344CB8AC3E}">
        <p14:creationId xmlns:p14="http://schemas.microsoft.com/office/powerpoint/2010/main" val="225977478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3_白紙２">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897616A6-2593-742E-4E7A-7300794B70A7}"/>
              </a:ext>
            </a:extLst>
          </p:cNvPr>
          <p:cNvSpPr txBox="1"/>
          <p:nvPr userDrawn="1"/>
        </p:nvSpPr>
        <p:spPr>
          <a:xfrm>
            <a:off x="6661150" y="6642100"/>
            <a:ext cx="1285875" cy="166688"/>
          </a:xfrm>
          <a:prstGeom prst="rect">
            <a:avLst/>
          </a:prstGeom>
          <a:noFill/>
        </p:spPr>
        <p:txBody>
          <a:bodyPr wrap="none">
            <a:spAutoFit/>
          </a:bodyPr>
          <a:lstStyle/>
          <a:p>
            <a:pPr defTabSz="278578">
              <a:defRPr/>
            </a:pPr>
            <a:r>
              <a:rPr lang="en-US" altLang="ja-JP" sz="488"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488"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3" name="スライド番号プレースホルダー 5">
            <a:extLst>
              <a:ext uri="{FF2B5EF4-FFF2-40B4-BE49-F238E27FC236}">
                <a16:creationId xmlns:a16="http://schemas.microsoft.com/office/drawing/2014/main" id="{BCBD88B1-C649-EED8-4DC4-15177F0D51D2}"/>
              </a:ext>
            </a:extLst>
          </p:cNvPr>
          <p:cNvSpPr>
            <a:spLocks noGrp="1"/>
          </p:cNvSpPr>
          <p:nvPr>
            <p:ph type="sldNum" sz="quarter" idx="10"/>
          </p:nvPr>
        </p:nvSpPr>
        <p:spPr>
          <a:xfrm>
            <a:off x="6276975" y="6581775"/>
            <a:ext cx="2743200" cy="252413"/>
          </a:xfrm>
        </p:spPr>
        <p:txBody>
          <a:bodyPr/>
          <a:lstStyle>
            <a:lvl1pPr algn="r" defTabSz="278578">
              <a:defRPr sz="731"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a:defRPr/>
            </a:pPr>
            <a:fld id="{6ABDC53E-5483-4045-AC0C-2D1DE7F6FD02}" type="slidenum">
              <a:rPr lang="ja-JP" altLang="en-US"/>
              <a:pPr>
                <a:defRPr/>
              </a:pPr>
              <a:t>‹#›</a:t>
            </a:fld>
            <a:endParaRPr lang="ja-JP" altLang="en-US" dirty="0"/>
          </a:p>
        </p:txBody>
      </p:sp>
    </p:spTree>
    <p:extLst>
      <p:ext uri="{BB962C8B-B14F-4D97-AF65-F5344CB8AC3E}">
        <p14:creationId xmlns:p14="http://schemas.microsoft.com/office/powerpoint/2010/main" val="33083679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cSld name="Two Content">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2223" b="0" i="0">
                <a:solidFill>
                  <a:srgbClr val="3F87C8"/>
                </a:solidFill>
                <a:latin typeface="HGP創英角ｺﾞｼｯｸUB"/>
                <a:cs typeface="HGP創英角ｺﾞｼｯｸUB"/>
              </a:defRPr>
            </a:lvl1pPr>
          </a:lstStyle>
          <a:p>
            <a:endParaRPr/>
          </a:p>
        </p:txBody>
      </p:sp>
      <p:sp>
        <p:nvSpPr>
          <p:cNvPr id="3" name="Holder 3"/>
          <p:cNvSpPr>
            <a:spLocks noGrp="1"/>
          </p:cNvSpPr>
          <p:nvPr>
            <p:ph sz="half" idx="2"/>
          </p:nvPr>
        </p:nvSpPr>
        <p:spPr>
          <a:xfrm>
            <a:off x="457200" y="1577340"/>
            <a:ext cx="3977640" cy="387798"/>
          </a:xfrm>
          <a:prstGeom prst="rect">
            <a:avLst/>
          </a:prstGeom>
        </p:spPr>
        <p:txBody>
          <a:bodyPr wrap="square" lIns="0" tIns="0" rIns="0" bIns="0">
            <a:spAutoFit/>
          </a:bodyPr>
          <a:lstStyle>
            <a:lvl1pPr>
              <a:defRPr/>
            </a:lvl1pPr>
          </a:lstStyle>
          <a:p>
            <a:endParaRPr/>
          </a:p>
        </p:txBody>
      </p:sp>
      <p:sp>
        <p:nvSpPr>
          <p:cNvPr id="4" name="Holder 4"/>
          <p:cNvSpPr>
            <a:spLocks noGrp="1"/>
          </p:cNvSpPr>
          <p:nvPr>
            <p:ph sz="half" idx="3"/>
          </p:nvPr>
        </p:nvSpPr>
        <p:spPr>
          <a:xfrm>
            <a:off x="4709160" y="1577340"/>
            <a:ext cx="3977640" cy="387798"/>
          </a:xfrm>
          <a:prstGeom prst="rect">
            <a:avLst/>
          </a:prstGeom>
        </p:spPr>
        <p:txBody>
          <a:bodyPr wrap="square" lIns="0" tIns="0" rIns="0" bIns="0">
            <a:spAutoFit/>
          </a:bodyPr>
          <a:lstStyle>
            <a:lvl1pPr>
              <a:defRPr/>
            </a:lvl1pPr>
          </a:lstStyle>
          <a:p>
            <a:endParaRPr/>
          </a:p>
        </p:txBody>
      </p:sp>
      <p:sp>
        <p:nvSpPr>
          <p:cNvPr id="5" name="Holder 5"/>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6" name="Holder 6"/>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3/19/2024</a:t>
            </a:fld>
            <a:endParaRPr lang="en-US"/>
          </a:p>
        </p:txBody>
      </p:sp>
      <p:sp>
        <p:nvSpPr>
          <p:cNvPr id="7" name="Holder 7"/>
          <p:cNvSpPr>
            <a:spLocks noGrp="1"/>
          </p:cNvSpPr>
          <p:nvPr>
            <p:ph type="sldNum" sz="quarter" idx="7"/>
          </p:nvPr>
        </p:nvSpPr>
        <p:spPr/>
        <p:txBody>
          <a:bodyPr lIns="0" tIns="0" rIns="0" bIns="0"/>
          <a:lstStyle>
            <a:lvl1pPr>
              <a:defRPr sz="1368" b="0" i="0">
                <a:solidFill>
                  <a:schemeClr val="tx1"/>
                </a:solidFill>
                <a:latin typeface="ＭＳ Ｐゴシック"/>
                <a:cs typeface="ＭＳ Ｐゴシック"/>
              </a:defRPr>
            </a:lvl1pPr>
          </a:lstStyle>
          <a:p>
            <a:pPr marL="99367">
              <a:lnSpc>
                <a:spcPts val="1548"/>
              </a:lnSpc>
            </a:pPr>
            <a:fld id="{81D60167-4931-47E6-BA6A-407CBD079E47}" type="slidenum">
              <a:rPr lang="en-US" altLang="ja-JP" spc="-43" smtClean="0"/>
              <a:pPr marL="99367">
                <a:lnSpc>
                  <a:spcPts val="1548"/>
                </a:lnSpc>
              </a:pPr>
              <a:t>‹#›</a:t>
            </a:fld>
            <a:endParaRPr lang="en-US" altLang="ja-JP" spc="-43" dirty="0"/>
          </a:p>
        </p:txBody>
      </p:sp>
    </p:spTree>
    <p:extLst>
      <p:ext uri="{BB962C8B-B14F-4D97-AF65-F5344CB8AC3E}">
        <p14:creationId xmlns:p14="http://schemas.microsoft.com/office/powerpoint/2010/main" val="11948183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7C5C5B5-C2B6-4761-B842-C8A0D115D103}" type="datetime1">
              <a:rPr kumimoji="1" lang="ja-JP" altLang="en-US" smtClean="0"/>
              <a:t>2024/3/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38616095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DB26F960-865E-4C03-B733-409BB25CA206}" type="datetime1">
              <a:rPr kumimoji="1" lang="ja-JP" altLang="en-US" smtClean="0"/>
              <a:t>2024/3/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369617688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F9267D55-D44E-4AE8-8270-89DB97E669DA}" type="datetime1">
              <a:rPr kumimoji="1" lang="ja-JP" altLang="en-US" smtClean="0"/>
              <a:t>2024/3/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185386125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5EEA62EF-9F29-47B7-89ED-17344B0F66FA}" type="datetime1">
              <a:rPr kumimoji="1" lang="ja-JP" altLang="en-US" smtClean="0"/>
              <a:t>2024/3/19</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275479430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7276E3D3-FDC1-4770-850C-F194E8A84182}" type="datetime1">
              <a:rPr kumimoji="1" lang="ja-JP" altLang="en-US" smtClean="0"/>
              <a:t>2024/3/19</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26799186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31E7206E-045A-4F9A-A01E-6E586698E4C7}" type="datetime1">
              <a:rPr kumimoji="1" lang="ja-JP" altLang="en-US" smtClean="0"/>
              <a:t>2024/3/19</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9415882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0EF8D5EE-15E0-42FE-B499-C06E608B1A84}" type="datetime1">
              <a:rPr kumimoji="1" lang="ja-JP" altLang="en-US" smtClean="0"/>
              <a:t>2024/3/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115091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996FFC68-2DF4-4DF7-A43A-874AE0AB8602}" type="datetime1">
              <a:rPr kumimoji="1" lang="ja-JP" altLang="en-US" smtClean="0"/>
              <a:t>2024/3/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39393568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B3A9CFEB-0357-4B82-A419-5641C82372E8}" type="datetime1">
              <a:rPr kumimoji="1" lang="ja-JP" altLang="en-US" smtClean="0"/>
              <a:t>2024/3/19</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6545E97-F017-4993-8E0F-1F0B98A93716}" type="slidenum">
              <a:rPr kumimoji="1" lang="ja-JP" altLang="en-US" smtClean="0"/>
              <a:t>‹#›</a:t>
            </a:fld>
            <a:endParaRPr kumimoji="1" lang="ja-JP" altLang="en-US"/>
          </a:p>
        </p:txBody>
      </p:sp>
    </p:spTree>
    <p:extLst>
      <p:ext uri="{BB962C8B-B14F-4D97-AF65-F5344CB8AC3E}">
        <p14:creationId xmlns:p14="http://schemas.microsoft.com/office/powerpoint/2010/main" val="323540107"/>
      </p:ext>
    </p:extLst>
  </p:cSld>
  <p:clrMap bg1="lt1" tx1="dk1" bg2="lt2" tx2="dk2" accent1="accent1" accent2="accent2" accent3="accent3" accent4="accent4" accent5="accent5" accent6="accent6" hlink="hlink" folHlink="folHlink"/>
  <p:sldLayoutIdLst>
    <p:sldLayoutId id="2147483663" r:id="rId1"/>
    <p:sldLayoutId id="2147483664" r:id="rId2"/>
    <p:sldLayoutId id="2147483665" r:id="rId3"/>
    <p:sldLayoutId id="2147483666" r:id="rId4"/>
    <p:sldLayoutId id="2147483667" r:id="rId5"/>
    <p:sldLayoutId id="2147483668" r:id="rId6"/>
    <p:sldLayoutId id="2147483669" r:id="rId7"/>
    <p:sldLayoutId id="2147483670" r:id="rId8"/>
    <p:sldLayoutId id="2147483671" r:id="rId9"/>
    <p:sldLayoutId id="2147483672" r:id="rId10"/>
    <p:sldLayoutId id="2147483673" r:id="rId11"/>
    <p:sldLayoutId id="2147483674" r:id="rId12"/>
    <p:sldLayoutId id="2147483675" r:id="rId13"/>
    <p:sldLayoutId id="2147483676" r:id="rId14"/>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7.jp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image" Target="../media/image18.png"/><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hyperlink" Target="https://www.mlit.go.jp/sogoseisaku/im/file/230731_gyosei_kaiin_list.pdf" TargetMode="External"/><Relationship Id="rId2" Type="http://schemas.openxmlformats.org/officeDocument/2006/relationships/hyperlink" Target="https://www.mlit.go.jp/sogoseisaku/im/file/230731_kigyo_kaiin_list.pdf" TargetMode="External"/><Relationship Id="rId1" Type="http://schemas.openxmlformats.org/officeDocument/2006/relationships/slideLayout" Target="../slideLayouts/slideLayout7.xml"/><Relationship Id="rId5" Type="http://schemas.openxmlformats.org/officeDocument/2006/relationships/hyperlink" Target="https://www.mlit.go.jp/sogoseisaku/im/file/230731_kouseiin_list.pdf" TargetMode="External"/><Relationship Id="rId4" Type="http://schemas.openxmlformats.org/officeDocument/2006/relationships/hyperlink" Target="https://www.mlit.go.jp/sogoseisaku/im/file/230731_dantai_kaiin_list.pdf" TargetMode="External"/></Relationships>
</file>

<file path=ppt/slides/_rels/slide2.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image" Target="../media/image31.png"/><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4.png"/><Relationship Id="rId7" Type="http://schemas.openxmlformats.org/officeDocument/2006/relationships/image" Target="../media/image38.png"/><Relationship Id="rId2" Type="http://schemas.openxmlformats.org/officeDocument/2006/relationships/image" Target="../media/image33.png"/><Relationship Id="rId1" Type="http://schemas.openxmlformats.org/officeDocument/2006/relationships/slideLayout" Target="../slideLayouts/slideLayout2.xml"/><Relationship Id="rId6" Type="http://schemas.openxmlformats.org/officeDocument/2006/relationships/image" Target="../media/image37.png"/><Relationship Id="rId5" Type="http://schemas.openxmlformats.org/officeDocument/2006/relationships/image" Target="../media/image36.png"/><Relationship Id="rId4" Type="http://schemas.openxmlformats.org/officeDocument/2006/relationships/image" Target="../media/image35.png"/></Relationships>
</file>

<file path=ppt/slides/_rels/slide27.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image" Target="../media/image39.jp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8" Type="http://schemas.openxmlformats.org/officeDocument/2006/relationships/image" Target="../media/image47.png"/><Relationship Id="rId3" Type="http://schemas.openxmlformats.org/officeDocument/2006/relationships/image" Target="../media/image42.png"/><Relationship Id="rId7" Type="http://schemas.openxmlformats.org/officeDocument/2006/relationships/image" Target="../media/image46.png"/><Relationship Id="rId2" Type="http://schemas.openxmlformats.org/officeDocument/2006/relationships/image" Target="../media/image41.png"/><Relationship Id="rId1" Type="http://schemas.openxmlformats.org/officeDocument/2006/relationships/slideLayout" Target="../slideLayouts/slideLayout2.xml"/><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image" Target="../media/image43.png"/><Relationship Id="rId9" Type="http://schemas.openxmlformats.org/officeDocument/2006/relationships/image" Target="../media/image48.png"/></Relationships>
</file>

<file path=ppt/slides/_rels/slide29.xml.rels><?xml version="1.0" encoding="UTF-8" standalone="yes"?>
<Relationships xmlns="http://schemas.openxmlformats.org/package/2006/relationships"><Relationship Id="rId3" Type="http://schemas.openxmlformats.org/officeDocument/2006/relationships/image" Target="../media/image50.jpg"/><Relationship Id="rId2" Type="http://schemas.openxmlformats.org/officeDocument/2006/relationships/image" Target="../media/image49.jpg"/><Relationship Id="rId1" Type="http://schemas.openxmlformats.org/officeDocument/2006/relationships/slideLayout" Target="../slideLayouts/slideLayout2.xml"/><Relationship Id="rId5" Type="http://schemas.openxmlformats.org/officeDocument/2006/relationships/image" Target="../media/image52.jpg"/><Relationship Id="rId4" Type="http://schemas.openxmlformats.org/officeDocument/2006/relationships/image" Target="../media/image51.jp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13.xml"/></Relationships>
</file>

<file path=ppt/slides/_rels/slide32.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13.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3" Type="http://schemas.openxmlformats.org/officeDocument/2006/relationships/image" Target="../media/image57.jpg"/><Relationship Id="rId2" Type="http://schemas.openxmlformats.org/officeDocument/2006/relationships/image" Target="../media/image56.jpeg"/><Relationship Id="rId1" Type="http://schemas.openxmlformats.org/officeDocument/2006/relationships/slideLayout" Target="../slideLayouts/slideLayout7.xml"/><Relationship Id="rId5" Type="http://schemas.openxmlformats.org/officeDocument/2006/relationships/image" Target="../media/image59.jpeg"/><Relationship Id="rId4" Type="http://schemas.openxmlformats.org/officeDocument/2006/relationships/image" Target="../media/image58.jpeg"/></Relationships>
</file>

<file path=ppt/slides/_rels/slide36.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10.xml"/><Relationship Id="rId5" Type="http://schemas.openxmlformats.org/officeDocument/2006/relationships/image" Target="../media/image64.png"/><Relationship Id="rId4" Type="http://schemas.openxmlformats.org/officeDocument/2006/relationships/image" Target="../media/image63.png"/></Relationships>
</file>

<file path=ppt/slides/_rels/slide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58.jpeg"/><Relationship Id="rId2" Type="http://schemas.openxmlformats.org/officeDocument/2006/relationships/image" Target="../media/image65.jpeg"/><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image" Target="../media/image66.png"/><Relationship Id="rId1" Type="http://schemas.openxmlformats.org/officeDocument/2006/relationships/slideLayout" Target="../slideLayouts/slideLayout7.xml"/><Relationship Id="rId6" Type="http://schemas.openxmlformats.org/officeDocument/2006/relationships/image" Target="../media/image70.jpeg"/><Relationship Id="rId5" Type="http://schemas.openxmlformats.org/officeDocument/2006/relationships/chart" Target="../charts/chart1.xml"/><Relationship Id="rId4" Type="http://schemas.openxmlformats.org/officeDocument/2006/relationships/image" Target="../media/image68.jpeg"/></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image" Target="../media/image71.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image" Target="../media/image73.pn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image" Target="../media/image74.png"/><Relationship Id="rId1" Type="http://schemas.openxmlformats.org/officeDocument/2006/relationships/slideLayout" Target="../slideLayouts/slideLayout14.xml"/><Relationship Id="rId5" Type="http://schemas.openxmlformats.org/officeDocument/2006/relationships/image" Target="../media/image77.png"/><Relationship Id="rId4" Type="http://schemas.openxmlformats.org/officeDocument/2006/relationships/image" Target="../media/image76.png"/></Relationships>
</file>

<file path=ppt/slides/_rels/slide49.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image" Target="../media/image76.png"/><Relationship Id="rId1" Type="http://schemas.openxmlformats.org/officeDocument/2006/relationships/slideLayout" Target="../slideLayouts/slideLayout14.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png"/></Relationships>
</file>

<file path=ppt/slides/_rels/slide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image" Target="../media/image76.png"/><Relationship Id="rId1" Type="http://schemas.openxmlformats.org/officeDocument/2006/relationships/slideLayout" Target="../slideLayouts/slideLayout14.xml"/><Relationship Id="rId6" Type="http://schemas.openxmlformats.org/officeDocument/2006/relationships/image" Target="../media/image84.png"/><Relationship Id="rId5" Type="http://schemas.openxmlformats.org/officeDocument/2006/relationships/image" Target="../media/image83.png"/><Relationship Id="rId4" Type="http://schemas.openxmlformats.org/officeDocument/2006/relationships/image" Target="../media/image78.png"/></Relationships>
</file>

<file path=ppt/slides/_rels/slide51.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image" Target="../media/image76.png"/><Relationship Id="rId1" Type="http://schemas.openxmlformats.org/officeDocument/2006/relationships/slideLayout" Target="../slideLayouts/slideLayout2.xml"/><Relationship Id="rId6" Type="http://schemas.openxmlformats.org/officeDocument/2006/relationships/image" Target="../media/image86.png"/><Relationship Id="rId5" Type="http://schemas.openxmlformats.org/officeDocument/2006/relationships/image" Target="../media/image85.png"/><Relationship Id="rId4" Type="http://schemas.openxmlformats.org/officeDocument/2006/relationships/image" Target="../media/image78.png"/></Relationships>
</file>

<file path=ppt/slides/_rels/slide52.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88.png"/><Relationship Id="rId7" Type="http://schemas.openxmlformats.org/officeDocument/2006/relationships/image" Target="../media/image89.png"/><Relationship Id="rId2" Type="http://schemas.openxmlformats.org/officeDocument/2006/relationships/image" Target="../media/image87.png"/><Relationship Id="rId1" Type="http://schemas.openxmlformats.org/officeDocument/2006/relationships/slideLayout" Target="../slideLayouts/slideLayout14.xml"/><Relationship Id="rId6" Type="http://schemas.openxmlformats.org/officeDocument/2006/relationships/image" Target="../media/image76.png"/><Relationship Id="rId5" Type="http://schemas.openxmlformats.org/officeDocument/2006/relationships/image" Target="../media/image83.png"/><Relationship Id="rId4" Type="http://schemas.openxmlformats.org/officeDocument/2006/relationships/image" Target="../media/image78.png"/><Relationship Id="rId9" Type="http://schemas.openxmlformats.org/officeDocument/2006/relationships/image" Target="../media/image91.png"/></Relationships>
</file>

<file path=ppt/slides/_rels/slide53.xml.rels><?xml version="1.0" encoding="UTF-8" standalone="yes"?>
<Relationships xmlns="http://schemas.openxmlformats.org/package/2006/relationships"><Relationship Id="rId8" Type="http://schemas.openxmlformats.org/officeDocument/2006/relationships/image" Target="../media/image78.png"/><Relationship Id="rId3" Type="http://schemas.openxmlformats.org/officeDocument/2006/relationships/image" Target="../media/image76.png"/><Relationship Id="rId7" Type="http://schemas.openxmlformats.org/officeDocument/2006/relationships/image" Target="../media/image82.png"/><Relationship Id="rId2" Type="http://schemas.openxmlformats.org/officeDocument/2006/relationships/image" Target="../media/image92.png"/><Relationship Id="rId1" Type="http://schemas.openxmlformats.org/officeDocument/2006/relationships/slideLayout" Target="../slideLayouts/slideLayout14.xml"/><Relationship Id="rId6" Type="http://schemas.openxmlformats.org/officeDocument/2006/relationships/image" Target="../media/image93.png"/><Relationship Id="rId5" Type="http://schemas.openxmlformats.org/officeDocument/2006/relationships/image" Target="../media/image84.png"/><Relationship Id="rId4" Type="http://schemas.openxmlformats.org/officeDocument/2006/relationships/image" Target="../media/image83.png"/><Relationship Id="rId9" Type="http://schemas.openxmlformats.org/officeDocument/2006/relationships/image" Target="../media/image94.png"/></Relationships>
</file>

<file path=ppt/slides/_rels/slide54.xml.rels><?xml version="1.0" encoding="UTF-8" standalone="yes"?>
<Relationships xmlns="http://schemas.openxmlformats.org/package/2006/relationships"><Relationship Id="rId2" Type="http://schemas.openxmlformats.org/officeDocument/2006/relationships/image" Target="../media/image95.png"/><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image" Target="../media/image98.jp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103.jpeg"/><Relationship Id="rId2" Type="http://schemas.openxmlformats.org/officeDocument/2006/relationships/image" Target="../media/image102.png"/><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image" Target="../media/image10.png"/><Relationship Id="rId1" Type="http://schemas.openxmlformats.org/officeDocument/2006/relationships/slideLayout" Target="../slideLayouts/slideLayout2.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9" name="Text Box 5">
            <a:extLst>
              <a:ext uri="{FF2B5EF4-FFF2-40B4-BE49-F238E27FC236}">
                <a16:creationId xmlns:a16="http://schemas.microsoft.com/office/drawing/2014/main" id="{35C882C9-0FF4-ABA5-FB0B-43417D9A8E10}"/>
              </a:ext>
            </a:extLst>
          </p:cNvPr>
          <p:cNvSpPr txBox="1">
            <a:spLocks noChangeArrowheads="1"/>
          </p:cNvSpPr>
          <p:nvPr/>
        </p:nvSpPr>
        <p:spPr bwMode="auto">
          <a:xfrm>
            <a:off x="838200" y="4709160"/>
            <a:ext cx="7879080" cy="13849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350" b="1">
                <a:latin typeface="HGS創英角ﾎﾟｯﾌﾟ体" panose="040B0A00000000000000" pitchFamily="50" charset="-128"/>
                <a:ea typeface="HGS創英角ﾎﾟｯﾌﾟ体" panose="040B0A00000000000000" pitchFamily="50" charset="-128"/>
              </a:rPr>
              <a:t>　　　</a:t>
            </a:r>
            <a:r>
              <a:rPr lang="ja-JP" altLang="en-US" sz="2800" b="1">
                <a:latin typeface="ＭＳ ゴシック" panose="020B0609070205080204" pitchFamily="49" charset="-128"/>
                <a:ea typeface="ＭＳ ゴシック" panose="020B0609070205080204" pitchFamily="49" charset="-128"/>
              </a:rPr>
              <a:t>植野インフラマネジメントオフィス　代表</a:t>
            </a:r>
            <a:endParaRPr lang="en-US" altLang="ja-JP" sz="2800" b="1">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800" b="1">
                <a:latin typeface="ＭＳ ゴシック" panose="020B0609070205080204" pitchFamily="49" charset="-128"/>
                <a:ea typeface="ＭＳ ゴシック" panose="020B0609070205080204" pitchFamily="49" charset="-128"/>
              </a:rPr>
              <a:t>　　　　　　　　　　（富山市　政策参与）　　　　　　</a:t>
            </a:r>
            <a:endParaRPr lang="en-US" altLang="ja-JP" sz="2800" b="1">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800" b="1">
                <a:latin typeface="ＭＳ ゴシック" panose="020B0609070205080204" pitchFamily="49" charset="-128"/>
                <a:ea typeface="ＭＳ ゴシック" panose="020B0609070205080204" pitchFamily="49" charset="-128"/>
              </a:rPr>
              <a:t>　　　　　　　　　　　　　　植野　芳彦　</a:t>
            </a:r>
            <a:endParaRPr lang="ja-JP" altLang="en-US" sz="2800" b="1" dirty="0">
              <a:solidFill>
                <a:srgbClr val="000000"/>
              </a:solidFill>
              <a:latin typeface="ＭＳ ゴシック" panose="020B0609070205080204" pitchFamily="49" charset="-128"/>
              <a:ea typeface="ＭＳ ゴシック" panose="020B0609070205080204" pitchFamily="49" charset="-128"/>
            </a:endParaRPr>
          </a:p>
        </p:txBody>
      </p:sp>
      <p:sp>
        <p:nvSpPr>
          <p:cNvPr id="4100" name="テキスト ボックス 1">
            <a:extLst>
              <a:ext uri="{FF2B5EF4-FFF2-40B4-BE49-F238E27FC236}">
                <a16:creationId xmlns:a16="http://schemas.microsoft.com/office/drawing/2014/main" id="{9B9A8C65-54AC-55C9-76E5-843269FC650F}"/>
              </a:ext>
            </a:extLst>
          </p:cNvPr>
          <p:cNvSpPr txBox="1">
            <a:spLocks noChangeArrowheads="1"/>
          </p:cNvSpPr>
          <p:nvPr/>
        </p:nvSpPr>
        <p:spPr bwMode="auto">
          <a:xfrm>
            <a:off x="356743" y="929237"/>
            <a:ext cx="8430513" cy="16466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b="1" kern="0" dirty="0">
                <a:ea typeface="游ゴシック" panose="020B0400000000000000" pitchFamily="50" charset="-128"/>
                <a:cs typeface="MS PGothic" panose="020B0600070205080204" pitchFamily="50" charset="-128"/>
              </a:rPr>
              <a:t>２０２４．０３．２７　　こうきょうセミナー</a:t>
            </a:r>
            <a:endParaRPr lang="en-US" altLang="ja-JP" sz="1800" b="1" kern="0" dirty="0">
              <a:ea typeface="游ゴシック" panose="020B0400000000000000" pitchFamily="50" charset="-128"/>
              <a:cs typeface="MS PGothic" panose="020B0600070205080204" pitchFamily="50" charset="-128"/>
            </a:endParaRPr>
          </a:p>
          <a:p>
            <a:pPr>
              <a:spcBef>
                <a:spcPct val="0"/>
              </a:spcBef>
              <a:buFontTx/>
              <a:buNone/>
            </a:pPr>
            <a:r>
              <a:rPr lang="ja-JP" altLang="en-US" sz="2800" b="1" kern="0" dirty="0">
                <a:ea typeface="メイリオ" panose="020B0604030504040204" pitchFamily="50" charset="-128"/>
                <a:cs typeface="ＭＳ Ｐゴシック" panose="020B0600070205080204" pitchFamily="50" charset="-128"/>
              </a:rPr>
              <a:t>インフラメンテナンス市場の攻略</a:t>
            </a:r>
            <a:endParaRPr lang="en-US" altLang="ja-JP" sz="2800" b="1" kern="0" dirty="0">
              <a:ea typeface="メイリオ" panose="020B0604030504040204" pitchFamily="50" charset="-128"/>
              <a:cs typeface="ＭＳ Ｐゴシック" panose="020B0600070205080204" pitchFamily="50" charset="-128"/>
            </a:endParaRPr>
          </a:p>
          <a:p>
            <a:pPr>
              <a:spcBef>
                <a:spcPct val="0"/>
              </a:spcBef>
              <a:buFontTx/>
              <a:buNone/>
            </a:pPr>
            <a:r>
              <a:rPr lang="ja-JP" altLang="en-US" sz="4000" b="1" kern="0" dirty="0">
                <a:ea typeface="メイリオ" panose="020B0604030504040204" pitchFamily="50" charset="-128"/>
                <a:cs typeface="ＭＳ Ｐゴシック" panose="020B0600070205080204" pitchFamily="50" charset="-128"/>
              </a:rPr>
              <a:t>“包括管理・群管理”どう取り組むか</a:t>
            </a:r>
            <a:endParaRPr lang="en-US" altLang="ja-JP" sz="4000" b="1" kern="0" dirty="0">
              <a:ea typeface="メイリオ" panose="020B0604030504040204" pitchFamily="50" charset="-128"/>
              <a:cs typeface="ＭＳ Ｐゴシック" panose="020B0600070205080204" pitchFamily="50" charset="-128"/>
            </a:endParaRPr>
          </a:p>
          <a:p>
            <a:pPr>
              <a:spcBef>
                <a:spcPct val="0"/>
              </a:spcBef>
              <a:buFontTx/>
              <a:buNone/>
            </a:pPr>
            <a:endParaRPr lang="ja-JP" altLang="en-US" sz="1500" b="1" dirty="0">
              <a:latin typeface="HG創英角ﾎﾟｯﾌﾟ体" panose="040B0A09000000000000" pitchFamily="49" charset="-128"/>
              <a:ea typeface="HG創英角ﾎﾟｯﾌﾟ体" panose="040B0A09000000000000" pitchFamily="49" charset="-128"/>
            </a:endParaRPr>
          </a:p>
        </p:txBody>
      </p:sp>
    </p:spTree>
    <p:extLst>
      <p:ext uri="{BB962C8B-B14F-4D97-AF65-F5344CB8AC3E}">
        <p14:creationId xmlns:p14="http://schemas.microsoft.com/office/powerpoint/2010/main" val="245958559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277143" y="303324"/>
            <a:ext cx="6155188" cy="351951"/>
          </a:xfrm>
          <a:prstGeom prst="rect">
            <a:avLst/>
          </a:prstGeom>
        </p:spPr>
        <p:txBody>
          <a:bodyPr vert="horz" wrap="square" lIns="0" tIns="9774" rIns="0" bIns="0" rtlCol="0" anchor="ctr">
            <a:spAutoFit/>
          </a:bodyPr>
          <a:lstStyle/>
          <a:p>
            <a:pPr marL="10860">
              <a:lnSpc>
                <a:spcPct val="100000"/>
              </a:lnSpc>
              <a:spcBef>
                <a:spcPts val="77"/>
              </a:spcBef>
            </a:pPr>
            <a:r>
              <a:rPr sz="2223" spc="-38" dirty="0">
                <a:solidFill>
                  <a:srgbClr val="3F87C8"/>
                </a:solidFill>
              </a:rPr>
              <a:t>インフラ等の老朽化による維持修繕工事の増加</a:t>
            </a:r>
            <a:endParaRPr sz="2223" dirty="0"/>
          </a:p>
        </p:txBody>
      </p:sp>
      <p:sp>
        <p:nvSpPr>
          <p:cNvPr id="4" name="object 4"/>
          <p:cNvSpPr/>
          <p:nvPr/>
        </p:nvSpPr>
        <p:spPr>
          <a:xfrm>
            <a:off x="80797" y="853585"/>
            <a:ext cx="8997392" cy="690687"/>
          </a:xfrm>
          <a:custGeom>
            <a:avLst/>
            <a:gdLst/>
            <a:ahLst/>
            <a:cxnLst/>
            <a:rect l="l" t="t" r="r" b="b"/>
            <a:pathLst>
              <a:path w="10521950" h="807719">
                <a:moveTo>
                  <a:pt x="10376916" y="0"/>
                </a:moveTo>
                <a:lnTo>
                  <a:pt x="143255" y="0"/>
                </a:lnTo>
                <a:lnTo>
                  <a:pt x="129539" y="1524"/>
                </a:lnTo>
                <a:lnTo>
                  <a:pt x="114300" y="3048"/>
                </a:lnTo>
                <a:lnTo>
                  <a:pt x="74676" y="18288"/>
                </a:lnTo>
                <a:lnTo>
                  <a:pt x="41147" y="42672"/>
                </a:lnTo>
                <a:lnTo>
                  <a:pt x="24383" y="65532"/>
                </a:lnTo>
                <a:lnTo>
                  <a:pt x="16763" y="76200"/>
                </a:lnTo>
                <a:lnTo>
                  <a:pt x="10667" y="89916"/>
                </a:lnTo>
                <a:lnTo>
                  <a:pt x="6095" y="103632"/>
                </a:lnTo>
                <a:lnTo>
                  <a:pt x="0" y="131064"/>
                </a:lnTo>
                <a:lnTo>
                  <a:pt x="0" y="678180"/>
                </a:lnTo>
                <a:lnTo>
                  <a:pt x="3047" y="693420"/>
                </a:lnTo>
                <a:lnTo>
                  <a:pt x="6095" y="707136"/>
                </a:lnTo>
                <a:lnTo>
                  <a:pt x="10667" y="720852"/>
                </a:lnTo>
                <a:lnTo>
                  <a:pt x="18288" y="733044"/>
                </a:lnTo>
                <a:lnTo>
                  <a:pt x="24383" y="745236"/>
                </a:lnTo>
                <a:lnTo>
                  <a:pt x="53340" y="775716"/>
                </a:lnTo>
                <a:lnTo>
                  <a:pt x="88392" y="797052"/>
                </a:lnTo>
                <a:lnTo>
                  <a:pt x="131064" y="807720"/>
                </a:lnTo>
                <a:lnTo>
                  <a:pt x="10392156" y="807720"/>
                </a:lnTo>
                <a:lnTo>
                  <a:pt x="10405871" y="804672"/>
                </a:lnTo>
                <a:lnTo>
                  <a:pt x="10421112" y="801624"/>
                </a:lnTo>
                <a:lnTo>
                  <a:pt x="10433304" y="797052"/>
                </a:lnTo>
                <a:lnTo>
                  <a:pt x="10447019" y="790956"/>
                </a:lnTo>
                <a:lnTo>
                  <a:pt x="10457688" y="783336"/>
                </a:lnTo>
                <a:lnTo>
                  <a:pt x="10465816" y="777240"/>
                </a:lnTo>
                <a:lnTo>
                  <a:pt x="132587" y="777240"/>
                </a:lnTo>
                <a:lnTo>
                  <a:pt x="120396" y="774192"/>
                </a:lnTo>
                <a:lnTo>
                  <a:pt x="71628" y="751332"/>
                </a:lnTo>
                <a:lnTo>
                  <a:pt x="44195" y="716280"/>
                </a:lnTo>
                <a:lnTo>
                  <a:pt x="30479" y="673608"/>
                </a:lnTo>
                <a:lnTo>
                  <a:pt x="30479" y="132588"/>
                </a:lnTo>
                <a:lnTo>
                  <a:pt x="44195" y="89916"/>
                </a:lnTo>
                <a:lnTo>
                  <a:pt x="73151" y="56388"/>
                </a:lnTo>
                <a:lnTo>
                  <a:pt x="121919" y="33528"/>
                </a:lnTo>
                <a:lnTo>
                  <a:pt x="134111" y="32004"/>
                </a:lnTo>
                <a:lnTo>
                  <a:pt x="144779" y="30480"/>
                </a:lnTo>
                <a:lnTo>
                  <a:pt x="10464800" y="30480"/>
                </a:lnTo>
                <a:lnTo>
                  <a:pt x="10457688" y="24384"/>
                </a:lnTo>
                <a:lnTo>
                  <a:pt x="10419588" y="6096"/>
                </a:lnTo>
                <a:lnTo>
                  <a:pt x="10390632" y="1524"/>
                </a:lnTo>
                <a:lnTo>
                  <a:pt x="10376916" y="0"/>
                </a:lnTo>
                <a:close/>
              </a:path>
              <a:path w="10521950" h="807719">
                <a:moveTo>
                  <a:pt x="10464800" y="30480"/>
                </a:moveTo>
                <a:lnTo>
                  <a:pt x="10376916" y="30480"/>
                </a:lnTo>
                <a:lnTo>
                  <a:pt x="10389108" y="32004"/>
                </a:lnTo>
                <a:lnTo>
                  <a:pt x="10399776" y="33528"/>
                </a:lnTo>
                <a:lnTo>
                  <a:pt x="10411967" y="36575"/>
                </a:lnTo>
                <a:lnTo>
                  <a:pt x="10421112" y="39624"/>
                </a:lnTo>
                <a:lnTo>
                  <a:pt x="10431780" y="45720"/>
                </a:lnTo>
                <a:lnTo>
                  <a:pt x="10440923" y="50292"/>
                </a:lnTo>
                <a:lnTo>
                  <a:pt x="10477500" y="91440"/>
                </a:lnTo>
                <a:lnTo>
                  <a:pt x="10489691" y="134112"/>
                </a:lnTo>
                <a:lnTo>
                  <a:pt x="10491216" y="146304"/>
                </a:lnTo>
                <a:lnTo>
                  <a:pt x="10491216" y="662940"/>
                </a:lnTo>
                <a:lnTo>
                  <a:pt x="10488167" y="687324"/>
                </a:lnTo>
                <a:lnTo>
                  <a:pt x="10482071" y="708660"/>
                </a:lnTo>
                <a:lnTo>
                  <a:pt x="10475976" y="717804"/>
                </a:lnTo>
                <a:lnTo>
                  <a:pt x="10471404" y="726948"/>
                </a:lnTo>
                <a:lnTo>
                  <a:pt x="10456164" y="745236"/>
                </a:lnTo>
                <a:lnTo>
                  <a:pt x="10448543" y="751332"/>
                </a:lnTo>
                <a:lnTo>
                  <a:pt x="10439400" y="758952"/>
                </a:lnTo>
                <a:lnTo>
                  <a:pt x="10421112" y="768096"/>
                </a:lnTo>
                <a:lnTo>
                  <a:pt x="10410443" y="772668"/>
                </a:lnTo>
                <a:lnTo>
                  <a:pt x="10399776" y="775716"/>
                </a:lnTo>
                <a:lnTo>
                  <a:pt x="10387584" y="777240"/>
                </a:lnTo>
                <a:lnTo>
                  <a:pt x="10465816" y="777240"/>
                </a:lnTo>
                <a:lnTo>
                  <a:pt x="10497312" y="743712"/>
                </a:lnTo>
                <a:lnTo>
                  <a:pt x="10515600" y="705612"/>
                </a:lnTo>
                <a:lnTo>
                  <a:pt x="10521695" y="676656"/>
                </a:lnTo>
                <a:lnTo>
                  <a:pt x="10521695" y="144780"/>
                </a:lnTo>
                <a:lnTo>
                  <a:pt x="10515600" y="102108"/>
                </a:lnTo>
                <a:lnTo>
                  <a:pt x="10488167" y="51816"/>
                </a:lnTo>
                <a:lnTo>
                  <a:pt x="10479023" y="42672"/>
                </a:lnTo>
                <a:lnTo>
                  <a:pt x="10464800" y="30480"/>
                </a:lnTo>
                <a:close/>
              </a:path>
            </a:pathLst>
          </a:custGeom>
          <a:solidFill>
            <a:srgbClr val="4F80BC"/>
          </a:solidFill>
        </p:spPr>
        <p:txBody>
          <a:bodyPr wrap="square" lIns="0" tIns="0" rIns="0" bIns="0" rtlCol="0"/>
          <a:lstStyle/>
          <a:p>
            <a:endParaRPr sz="1539"/>
          </a:p>
        </p:txBody>
      </p:sp>
      <p:sp>
        <p:nvSpPr>
          <p:cNvPr id="5" name="object 5"/>
          <p:cNvSpPr txBox="1"/>
          <p:nvPr/>
        </p:nvSpPr>
        <p:spPr>
          <a:xfrm>
            <a:off x="75150" y="885209"/>
            <a:ext cx="7586696" cy="1030217"/>
          </a:xfrm>
          <a:prstGeom prst="rect">
            <a:avLst/>
          </a:prstGeom>
        </p:spPr>
        <p:txBody>
          <a:bodyPr vert="horz" wrap="square" lIns="0" tIns="68960" rIns="0" bIns="0" rtlCol="0">
            <a:spAutoFit/>
          </a:bodyPr>
          <a:lstStyle/>
          <a:p>
            <a:pPr marL="466427" indent="-330680">
              <a:spcBef>
                <a:spcPts val="543"/>
              </a:spcBef>
              <a:buChar char="○"/>
              <a:tabLst>
                <a:tab pos="466427" algn="l"/>
              </a:tabLst>
            </a:pPr>
            <a:r>
              <a:rPr sz="1454" spc="64" dirty="0">
                <a:latin typeface="ＭＳ Ｐゴシック"/>
                <a:cs typeface="ＭＳ Ｐゴシック"/>
              </a:rPr>
              <a:t>公共土木、民間建築ともに老朽化が進行。</a:t>
            </a:r>
            <a:endParaRPr sz="1454">
              <a:latin typeface="ＭＳ Ｐゴシック"/>
              <a:cs typeface="ＭＳ Ｐゴシック"/>
            </a:endParaRPr>
          </a:p>
          <a:p>
            <a:pPr marL="466427" indent="-330680">
              <a:spcBef>
                <a:spcPts val="462"/>
              </a:spcBef>
              <a:buChar char="○"/>
              <a:tabLst>
                <a:tab pos="466427" algn="l"/>
              </a:tabLst>
            </a:pPr>
            <a:r>
              <a:rPr sz="1454" spc="64" dirty="0">
                <a:latin typeface="ＭＳ Ｐゴシック"/>
                <a:cs typeface="ＭＳ Ｐゴシック"/>
              </a:rPr>
              <a:t>インフラの維持管理や、マンションの大規模修繕といった建設工事が増加する見込み。</a:t>
            </a:r>
            <a:endParaRPr sz="1454">
              <a:latin typeface="ＭＳ Ｐゴシック"/>
              <a:cs typeface="ＭＳ Ｐゴシック"/>
            </a:endParaRPr>
          </a:p>
          <a:p>
            <a:pPr marL="10860">
              <a:spcBef>
                <a:spcPts val="1508"/>
              </a:spcBef>
            </a:pPr>
            <a:r>
              <a:rPr sz="1667" b="1" spc="-21" dirty="0">
                <a:latin typeface="メイリオ"/>
                <a:cs typeface="メイリオ"/>
              </a:rPr>
              <a:t>【公共土木構造物の老朽化の例（築</a:t>
            </a:r>
            <a:r>
              <a:rPr sz="1667" b="1" spc="-17" dirty="0">
                <a:latin typeface="メイリオ"/>
                <a:cs typeface="メイリオ"/>
              </a:rPr>
              <a:t>50</a:t>
            </a:r>
            <a:r>
              <a:rPr sz="1667" b="1" spc="-21" dirty="0">
                <a:latin typeface="メイリオ"/>
                <a:cs typeface="メイリオ"/>
              </a:rPr>
              <a:t>年以上が全体に占める割合）</a:t>
            </a:r>
            <a:r>
              <a:rPr sz="1667" b="1" spc="-43" dirty="0">
                <a:latin typeface="メイリオ"/>
                <a:cs typeface="メイリオ"/>
              </a:rPr>
              <a:t>】</a:t>
            </a:r>
            <a:endParaRPr sz="1667">
              <a:latin typeface="メイリオ"/>
              <a:cs typeface="メイリオ"/>
            </a:endParaRPr>
          </a:p>
        </p:txBody>
      </p:sp>
      <p:sp>
        <p:nvSpPr>
          <p:cNvPr id="6" name="object 6"/>
          <p:cNvSpPr txBox="1"/>
          <p:nvPr/>
        </p:nvSpPr>
        <p:spPr>
          <a:xfrm>
            <a:off x="5797426" y="6381257"/>
            <a:ext cx="2889808" cy="148049"/>
          </a:xfrm>
          <a:prstGeom prst="rect">
            <a:avLst/>
          </a:prstGeom>
        </p:spPr>
        <p:txBody>
          <a:bodyPr vert="horz" wrap="square" lIns="0" tIns="9774" rIns="0" bIns="0" rtlCol="0">
            <a:spAutoFit/>
          </a:bodyPr>
          <a:lstStyle/>
          <a:p>
            <a:pPr marL="10860">
              <a:spcBef>
                <a:spcPts val="77"/>
              </a:spcBef>
            </a:pPr>
            <a:r>
              <a:rPr sz="898" spc="-21" dirty="0">
                <a:latin typeface="ＭＳ Ｐゴシック"/>
                <a:cs typeface="ＭＳ Ｐゴシック"/>
              </a:rPr>
              <a:t>出所：国土交通省「築後</a:t>
            </a:r>
            <a:r>
              <a:rPr sz="898" spc="-21" dirty="0">
                <a:latin typeface="Arial"/>
                <a:cs typeface="Arial"/>
              </a:rPr>
              <a:t>30</a:t>
            </a:r>
            <a:r>
              <a:rPr sz="898" spc="-9" dirty="0">
                <a:latin typeface="ＭＳ Ｐゴシック"/>
                <a:cs typeface="ＭＳ Ｐゴシック"/>
              </a:rPr>
              <a:t>、</a:t>
            </a:r>
            <a:r>
              <a:rPr sz="898" spc="-21" dirty="0">
                <a:latin typeface="Arial"/>
                <a:cs typeface="Arial"/>
              </a:rPr>
              <a:t>40</a:t>
            </a:r>
            <a:r>
              <a:rPr sz="898" spc="-9" dirty="0">
                <a:latin typeface="ＭＳ Ｐゴシック"/>
                <a:cs typeface="ＭＳ Ｐゴシック"/>
              </a:rPr>
              <a:t>、</a:t>
            </a:r>
            <a:r>
              <a:rPr sz="898" spc="-21" dirty="0">
                <a:latin typeface="Arial"/>
                <a:cs typeface="Arial"/>
              </a:rPr>
              <a:t>50</a:t>
            </a:r>
            <a:r>
              <a:rPr sz="898" spc="-30" dirty="0">
                <a:latin typeface="ＭＳ Ｐゴシック"/>
                <a:cs typeface="ＭＳ Ｐゴシック"/>
              </a:rPr>
              <a:t>年超の分譲マンション数」</a:t>
            </a:r>
            <a:endParaRPr sz="898">
              <a:latin typeface="ＭＳ Ｐゴシック"/>
              <a:cs typeface="ＭＳ Ｐゴシック"/>
            </a:endParaRPr>
          </a:p>
        </p:txBody>
      </p:sp>
      <p:graphicFrame>
        <p:nvGraphicFramePr>
          <p:cNvPr id="7" name="object 7"/>
          <p:cNvGraphicFramePr>
            <a:graphicFrameLocks noGrp="1"/>
          </p:cNvGraphicFramePr>
          <p:nvPr/>
        </p:nvGraphicFramePr>
        <p:xfrm>
          <a:off x="205251" y="1946304"/>
          <a:ext cx="8548878" cy="2146453"/>
        </p:xfrm>
        <a:graphic>
          <a:graphicData uri="http://schemas.openxmlformats.org/drawingml/2006/table">
            <a:tbl>
              <a:tblPr firstRow="1" bandRow="1">
                <a:tableStyleId>{2D5ABB26-0587-4C30-8999-92F81FD0307C}</a:tableStyleId>
              </a:tblPr>
              <a:tblGrid>
                <a:gridCol w="3579951">
                  <a:extLst>
                    <a:ext uri="{9D8B030D-6E8A-4147-A177-3AD203B41FA5}">
                      <a16:colId xmlns:a16="http://schemas.microsoft.com/office/drawing/2014/main" val="20000"/>
                    </a:ext>
                  </a:extLst>
                </a:gridCol>
                <a:gridCol w="1656671">
                  <a:extLst>
                    <a:ext uri="{9D8B030D-6E8A-4147-A177-3AD203B41FA5}">
                      <a16:colId xmlns:a16="http://schemas.microsoft.com/office/drawing/2014/main" val="20001"/>
                    </a:ext>
                  </a:extLst>
                </a:gridCol>
                <a:gridCol w="1656671">
                  <a:extLst>
                    <a:ext uri="{9D8B030D-6E8A-4147-A177-3AD203B41FA5}">
                      <a16:colId xmlns:a16="http://schemas.microsoft.com/office/drawing/2014/main" val="20002"/>
                    </a:ext>
                  </a:extLst>
                </a:gridCol>
                <a:gridCol w="1655585">
                  <a:extLst>
                    <a:ext uri="{9D8B030D-6E8A-4147-A177-3AD203B41FA5}">
                      <a16:colId xmlns:a16="http://schemas.microsoft.com/office/drawing/2014/main" val="20003"/>
                    </a:ext>
                  </a:extLst>
                </a:gridCol>
              </a:tblGrid>
              <a:tr h="436566">
                <a:tc>
                  <a:txBody>
                    <a:bodyPr/>
                    <a:lstStyle/>
                    <a:p>
                      <a:pPr>
                        <a:lnSpc>
                          <a:spcPct val="100000"/>
                        </a:lnSpc>
                      </a:pPr>
                      <a:endParaRPr sz="13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2540" algn="ctr">
                        <a:lnSpc>
                          <a:spcPct val="100000"/>
                        </a:lnSpc>
                        <a:spcBef>
                          <a:spcPts val="1160"/>
                        </a:spcBef>
                      </a:pPr>
                      <a:r>
                        <a:rPr sz="1300" dirty="0">
                          <a:latin typeface="ＭＳ Ｐゴシック"/>
                          <a:cs typeface="ＭＳ Ｐゴシック"/>
                        </a:rPr>
                        <a:t>平成25年3</a:t>
                      </a:r>
                      <a:r>
                        <a:rPr sz="1300" spc="-50" dirty="0">
                          <a:latin typeface="ＭＳ Ｐゴシック"/>
                          <a:cs typeface="ＭＳ Ｐゴシック"/>
                        </a:rPr>
                        <a:t>月</a:t>
                      </a:r>
                      <a:endParaRPr sz="1300">
                        <a:latin typeface="ＭＳ Ｐゴシック"/>
                        <a:cs typeface="ＭＳ Ｐゴシック"/>
                      </a:endParaRPr>
                    </a:p>
                  </a:txBody>
                  <a:tcPr marL="0" marR="0" marT="125974"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2540" algn="ctr">
                        <a:lnSpc>
                          <a:spcPct val="100000"/>
                        </a:lnSpc>
                        <a:spcBef>
                          <a:spcPts val="445"/>
                        </a:spcBef>
                      </a:pPr>
                      <a:r>
                        <a:rPr sz="1300" dirty="0">
                          <a:latin typeface="ＭＳ Ｐゴシック"/>
                          <a:cs typeface="ＭＳ Ｐゴシック"/>
                        </a:rPr>
                        <a:t>平成35年3</a:t>
                      </a:r>
                      <a:r>
                        <a:rPr sz="1300" spc="-50" dirty="0">
                          <a:latin typeface="ＭＳ Ｐゴシック"/>
                          <a:cs typeface="ＭＳ Ｐゴシック"/>
                        </a:rPr>
                        <a:t>月</a:t>
                      </a:r>
                      <a:endParaRPr sz="1300">
                        <a:latin typeface="ＭＳ Ｐゴシック"/>
                        <a:cs typeface="ＭＳ Ｐゴシック"/>
                      </a:endParaRPr>
                    </a:p>
                    <a:p>
                      <a:pPr marL="1905" algn="ctr">
                        <a:lnSpc>
                          <a:spcPct val="100000"/>
                        </a:lnSpc>
                        <a:spcBef>
                          <a:spcPts val="25"/>
                        </a:spcBef>
                      </a:pPr>
                      <a:r>
                        <a:rPr sz="1000" dirty="0">
                          <a:latin typeface="ＭＳ Ｐゴシック"/>
                          <a:cs typeface="ＭＳ Ｐゴシック"/>
                        </a:rPr>
                        <a:t>（約10年後</a:t>
                      </a:r>
                      <a:r>
                        <a:rPr sz="1000" spc="-50" dirty="0">
                          <a:latin typeface="ＭＳ Ｐゴシック"/>
                          <a:cs typeface="ＭＳ Ｐゴシック"/>
                        </a:rPr>
                        <a:t>）</a:t>
                      </a:r>
                      <a:endParaRPr sz="1000">
                        <a:latin typeface="ＭＳ Ｐゴシック"/>
                        <a:cs typeface="ＭＳ Ｐゴシック"/>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5"/>
                        </a:spcBef>
                      </a:pPr>
                      <a:r>
                        <a:rPr sz="1300" dirty="0">
                          <a:latin typeface="ＭＳ Ｐゴシック"/>
                          <a:cs typeface="ＭＳ Ｐゴシック"/>
                        </a:rPr>
                        <a:t>平成45年3</a:t>
                      </a:r>
                      <a:r>
                        <a:rPr sz="1300" spc="-50" dirty="0">
                          <a:latin typeface="ＭＳ Ｐゴシック"/>
                          <a:cs typeface="ＭＳ Ｐゴシック"/>
                        </a:rPr>
                        <a:t>月</a:t>
                      </a:r>
                      <a:endParaRPr sz="1300">
                        <a:latin typeface="ＭＳ Ｐゴシック"/>
                        <a:cs typeface="ＭＳ Ｐゴシック"/>
                      </a:endParaRPr>
                    </a:p>
                    <a:p>
                      <a:pPr marL="635" algn="ctr">
                        <a:lnSpc>
                          <a:spcPct val="100000"/>
                        </a:lnSpc>
                        <a:spcBef>
                          <a:spcPts val="25"/>
                        </a:spcBef>
                      </a:pPr>
                      <a:r>
                        <a:rPr sz="1000" dirty="0">
                          <a:latin typeface="ＭＳ Ｐゴシック"/>
                          <a:cs typeface="ＭＳ Ｐゴシック"/>
                        </a:rPr>
                        <a:t>（約20年後</a:t>
                      </a:r>
                      <a:r>
                        <a:rPr sz="1000" spc="-50" dirty="0">
                          <a:latin typeface="ＭＳ Ｐゴシック"/>
                          <a:cs typeface="ＭＳ Ｐゴシック"/>
                        </a:rPr>
                        <a:t>）</a:t>
                      </a:r>
                      <a:endParaRPr sz="1000">
                        <a:latin typeface="ＭＳ Ｐゴシック"/>
                        <a:cs typeface="ＭＳ Ｐゴシック"/>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0"/>
                  </a:ext>
                </a:extLst>
              </a:tr>
              <a:tr h="341000">
                <a:tc>
                  <a:txBody>
                    <a:bodyPr/>
                    <a:lstStyle/>
                    <a:p>
                      <a:pPr marL="98425">
                        <a:lnSpc>
                          <a:spcPct val="100000"/>
                        </a:lnSpc>
                        <a:spcBef>
                          <a:spcPts val="720"/>
                        </a:spcBef>
                      </a:pPr>
                      <a:r>
                        <a:rPr sz="1300" spc="80" dirty="0">
                          <a:latin typeface="ＭＳ Ｐゴシック"/>
                          <a:cs typeface="ＭＳ Ｐゴシック"/>
                        </a:rPr>
                        <a:t>道路橋  </a:t>
                      </a:r>
                      <a:r>
                        <a:rPr sz="900" dirty="0">
                          <a:latin typeface="ＭＳ Ｐゴシック"/>
                          <a:cs typeface="ＭＳ Ｐゴシック"/>
                        </a:rPr>
                        <a:t>[約40万橋)(橋長2m以上の橋約70</a:t>
                      </a:r>
                      <a:r>
                        <a:rPr sz="900" spc="-10" dirty="0">
                          <a:latin typeface="ＭＳ Ｐゴシック"/>
                          <a:cs typeface="ＭＳ Ｐゴシック"/>
                        </a:rPr>
                        <a:t>万のうち)]</a:t>
                      </a:r>
                      <a:endParaRPr sz="900">
                        <a:latin typeface="ＭＳ Ｐゴシック"/>
                        <a:cs typeface="ＭＳ Ｐゴシック"/>
                      </a:endParaRPr>
                    </a:p>
                  </a:txBody>
                  <a:tcPr marL="0" marR="0" marT="78191"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18%</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43%</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0"/>
                        </a:spcBef>
                      </a:pPr>
                      <a:r>
                        <a:rPr sz="1300" dirty="0">
                          <a:latin typeface="メイリオ"/>
                          <a:cs typeface="メイリオ"/>
                        </a:rPr>
                        <a:t>約</a:t>
                      </a:r>
                      <a:r>
                        <a:rPr sz="1300" spc="-25" dirty="0">
                          <a:latin typeface="メイリオ"/>
                          <a:cs typeface="メイリオ"/>
                        </a:rPr>
                        <a:t>67%</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1"/>
                  </a:ext>
                </a:extLst>
              </a:tr>
              <a:tr h="342629">
                <a:tc>
                  <a:txBody>
                    <a:bodyPr/>
                    <a:lstStyle/>
                    <a:p>
                      <a:pPr marL="98425">
                        <a:lnSpc>
                          <a:spcPct val="100000"/>
                        </a:lnSpc>
                        <a:spcBef>
                          <a:spcPts val="730"/>
                        </a:spcBef>
                      </a:pPr>
                      <a:r>
                        <a:rPr sz="1300" spc="10" dirty="0">
                          <a:latin typeface="ＭＳ Ｐゴシック"/>
                          <a:cs typeface="ＭＳ Ｐゴシック"/>
                        </a:rPr>
                        <a:t>トンネル  </a:t>
                      </a:r>
                      <a:r>
                        <a:rPr sz="900" dirty="0">
                          <a:latin typeface="ＭＳ Ｐゴシック"/>
                          <a:cs typeface="ＭＳ Ｐゴシック"/>
                        </a:rPr>
                        <a:t>[約1</a:t>
                      </a:r>
                      <a:r>
                        <a:rPr sz="900" spc="-20" dirty="0">
                          <a:latin typeface="ＭＳ Ｐゴシック"/>
                          <a:cs typeface="ＭＳ Ｐゴシック"/>
                        </a:rPr>
                        <a:t>万本]</a:t>
                      </a:r>
                      <a:endParaRPr sz="900">
                        <a:latin typeface="ＭＳ Ｐゴシック"/>
                        <a:cs typeface="ＭＳ Ｐゴシック"/>
                      </a:endParaRPr>
                    </a:p>
                  </a:txBody>
                  <a:tcPr marL="0" marR="0" marT="7927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25" dirty="0">
                          <a:latin typeface="メイリオ"/>
                          <a:cs typeface="メイリオ"/>
                        </a:rPr>
                        <a:t>20%</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25" dirty="0">
                          <a:latin typeface="メイリオ"/>
                          <a:cs typeface="メイリオ"/>
                        </a:rPr>
                        <a:t>34%</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55"/>
                        </a:spcBef>
                      </a:pPr>
                      <a:r>
                        <a:rPr sz="1300" dirty="0">
                          <a:latin typeface="メイリオ"/>
                          <a:cs typeface="メイリオ"/>
                        </a:rPr>
                        <a:t>約</a:t>
                      </a:r>
                      <a:r>
                        <a:rPr sz="1300" spc="-25" dirty="0">
                          <a:latin typeface="メイリオ"/>
                          <a:cs typeface="メイリオ"/>
                        </a:rPr>
                        <a:t>50%</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2"/>
                  </a:ext>
                </a:extLst>
              </a:tr>
              <a:tr h="342629">
                <a:tc>
                  <a:txBody>
                    <a:bodyPr/>
                    <a:lstStyle/>
                    <a:p>
                      <a:pPr marL="98425">
                        <a:lnSpc>
                          <a:spcPct val="100000"/>
                        </a:lnSpc>
                        <a:spcBef>
                          <a:spcPts val="720"/>
                        </a:spcBef>
                      </a:pPr>
                      <a:r>
                        <a:rPr sz="1300" dirty="0">
                          <a:latin typeface="ＭＳ Ｐゴシック"/>
                          <a:cs typeface="ＭＳ Ｐゴシック"/>
                        </a:rPr>
                        <a:t>河川管理施設  (水門等)  </a:t>
                      </a:r>
                      <a:r>
                        <a:rPr sz="900" dirty="0">
                          <a:latin typeface="ＭＳ Ｐゴシック"/>
                          <a:cs typeface="ＭＳ Ｐゴシック"/>
                        </a:rPr>
                        <a:t>[約1</a:t>
                      </a:r>
                      <a:r>
                        <a:rPr sz="900" spc="-15" dirty="0">
                          <a:latin typeface="ＭＳ Ｐゴシック"/>
                          <a:cs typeface="ＭＳ Ｐゴシック"/>
                        </a:rPr>
                        <a:t>万施設]</a:t>
                      </a:r>
                      <a:endParaRPr sz="900">
                        <a:latin typeface="ＭＳ Ｐゴシック"/>
                        <a:cs typeface="ＭＳ Ｐゴシック"/>
                      </a:endParaRPr>
                    </a:p>
                  </a:txBody>
                  <a:tcPr marL="0" marR="0" marT="78191"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25%</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43%</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0"/>
                        </a:spcBef>
                      </a:pPr>
                      <a:r>
                        <a:rPr sz="1300" dirty="0">
                          <a:latin typeface="メイリオ"/>
                          <a:cs typeface="メイリオ"/>
                        </a:rPr>
                        <a:t>約</a:t>
                      </a:r>
                      <a:r>
                        <a:rPr sz="1300" spc="-25" dirty="0">
                          <a:latin typeface="メイリオ"/>
                          <a:cs typeface="メイリオ"/>
                        </a:rPr>
                        <a:t>64%</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3"/>
                  </a:ext>
                </a:extLst>
              </a:tr>
              <a:tr h="341000">
                <a:tc>
                  <a:txBody>
                    <a:bodyPr/>
                    <a:lstStyle/>
                    <a:p>
                      <a:pPr marL="98425">
                        <a:lnSpc>
                          <a:spcPct val="100000"/>
                        </a:lnSpc>
                        <a:spcBef>
                          <a:spcPts val="720"/>
                        </a:spcBef>
                      </a:pPr>
                      <a:r>
                        <a:rPr sz="1300" spc="20" dirty="0">
                          <a:latin typeface="ＭＳ Ｐゴシック"/>
                          <a:cs typeface="ＭＳ Ｐゴシック"/>
                        </a:rPr>
                        <a:t>下水道管きょ  </a:t>
                      </a:r>
                      <a:r>
                        <a:rPr sz="900" dirty="0">
                          <a:latin typeface="ＭＳ Ｐゴシック"/>
                          <a:cs typeface="ＭＳ Ｐゴシック"/>
                        </a:rPr>
                        <a:t>[総延長：約45万</a:t>
                      </a:r>
                      <a:r>
                        <a:rPr sz="900" spc="-25" dirty="0">
                          <a:latin typeface="ＭＳ Ｐゴシック"/>
                          <a:cs typeface="ＭＳ Ｐゴシック"/>
                        </a:rPr>
                        <a:t>km]</a:t>
                      </a:r>
                      <a:endParaRPr sz="900">
                        <a:latin typeface="ＭＳ Ｐゴシック"/>
                        <a:cs typeface="ＭＳ Ｐゴシック"/>
                      </a:endParaRPr>
                    </a:p>
                  </a:txBody>
                  <a:tcPr marL="0" marR="0" marT="78191"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2%</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25" dirty="0">
                          <a:latin typeface="メイリオ"/>
                          <a:cs typeface="メイリオ"/>
                        </a:rPr>
                        <a:t>9%</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0"/>
                        </a:spcBef>
                      </a:pPr>
                      <a:r>
                        <a:rPr sz="1300" dirty="0">
                          <a:latin typeface="メイリオ"/>
                          <a:cs typeface="メイリオ"/>
                        </a:rPr>
                        <a:t>約</a:t>
                      </a:r>
                      <a:r>
                        <a:rPr sz="1300" spc="-25" dirty="0">
                          <a:latin typeface="メイリオ"/>
                          <a:cs typeface="メイリオ"/>
                        </a:rPr>
                        <a:t>24%</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4"/>
                  </a:ext>
                </a:extLst>
              </a:tr>
              <a:tr h="342629">
                <a:tc>
                  <a:txBody>
                    <a:bodyPr/>
                    <a:lstStyle/>
                    <a:p>
                      <a:pPr marL="98425">
                        <a:lnSpc>
                          <a:spcPct val="100000"/>
                        </a:lnSpc>
                        <a:spcBef>
                          <a:spcPts val="730"/>
                        </a:spcBef>
                      </a:pPr>
                      <a:r>
                        <a:rPr sz="1300" spc="40" dirty="0">
                          <a:latin typeface="ＭＳ Ｐゴシック"/>
                          <a:cs typeface="ＭＳ Ｐゴシック"/>
                        </a:rPr>
                        <a:t>港湾岸壁  </a:t>
                      </a:r>
                      <a:r>
                        <a:rPr sz="900" dirty="0">
                          <a:latin typeface="ＭＳ Ｐゴシック"/>
                          <a:cs typeface="ＭＳ Ｐゴシック"/>
                        </a:rPr>
                        <a:t>[約5千施設(水深－4.5m</a:t>
                      </a:r>
                      <a:r>
                        <a:rPr sz="900" spc="-15" dirty="0">
                          <a:latin typeface="ＭＳ Ｐゴシック"/>
                          <a:cs typeface="ＭＳ Ｐゴシック"/>
                        </a:rPr>
                        <a:t>以深)]</a:t>
                      </a:r>
                      <a:endParaRPr sz="900">
                        <a:latin typeface="ＭＳ Ｐゴシック"/>
                        <a:cs typeface="ＭＳ Ｐゴシック"/>
                      </a:endParaRPr>
                    </a:p>
                  </a:txBody>
                  <a:tcPr marL="0" marR="0" marT="7927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25" dirty="0">
                          <a:latin typeface="メイリオ"/>
                          <a:cs typeface="メイリオ"/>
                        </a:rPr>
                        <a:t>8%</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25" dirty="0">
                          <a:latin typeface="メイリオ"/>
                          <a:cs typeface="メイリオ"/>
                        </a:rPr>
                        <a:t>32%</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55"/>
                        </a:spcBef>
                      </a:pPr>
                      <a:r>
                        <a:rPr sz="1300" dirty="0">
                          <a:latin typeface="メイリオ"/>
                          <a:cs typeface="メイリオ"/>
                        </a:rPr>
                        <a:t>約</a:t>
                      </a:r>
                      <a:r>
                        <a:rPr sz="1300" spc="-25" dirty="0">
                          <a:latin typeface="メイリオ"/>
                          <a:cs typeface="メイリオ"/>
                        </a:rPr>
                        <a:t>58%</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5"/>
                  </a:ext>
                </a:extLst>
              </a:tr>
            </a:tbl>
          </a:graphicData>
        </a:graphic>
      </p:graphicFrame>
      <p:graphicFrame>
        <p:nvGraphicFramePr>
          <p:cNvPr id="8" name="object 8"/>
          <p:cNvGraphicFramePr>
            <a:graphicFrameLocks noGrp="1"/>
          </p:cNvGraphicFramePr>
          <p:nvPr/>
        </p:nvGraphicFramePr>
        <p:xfrm>
          <a:off x="256075" y="4787242"/>
          <a:ext cx="8548877" cy="1461194"/>
        </p:xfrm>
        <a:graphic>
          <a:graphicData uri="http://schemas.openxmlformats.org/drawingml/2006/table">
            <a:tbl>
              <a:tblPr firstRow="1" bandRow="1">
                <a:tableStyleId>{2D5ABB26-0587-4C30-8999-92F81FD0307C}</a:tableStyleId>
              </a:tblPr>
              <a:tblGrid>
                <a:gridCol w="3579951">
                  <a:extLst>
                    <a:ext uri="{9D8B030D-6E8A-4147-A177-3AD203B41FA5}">
                      <a16:colId xmlns:a16="http://schemas.microsoft.com/office/drawing/2014/main" val="20000"/>
                    </a:ext>
                  </a:extLst>
                </a:gridCol>
                <a:gridCol w="1656671">
                  <a:extLst>
                    <a:ext uri="{9D8B030D-6E8A-4147-A177-3AD203B41FA5}">
                      <a16:colId xmlns:a16="http://schemas.microsoft.com/office/drawing/2014/main" val="20001"/>
                    </a:ext>
                  </a:extLst>
                </a:gridCol>
                <a:gridCol w="1655584">
                  <a:extLst>
                    <a:ext uri="{9D8B030D-6E8A-4147-A177-3AD203B41FA5}">
                      <a16:colId xmlns:a16="http://schemas.microsoft.com/office/drawing/2014/main" val="20002"/>
                    </a:ext>
                  </a:extLst>
                </a:gridCol>
                <a:gridCol w="1656671">
                  <a:extLst>
                    <a:ext uri="{9D8B030D-6E8A-4147-A177-3AD203B41FA5}">
                      <a16:colId xmlns:a16="http://schemas.microsoft.com/office/drawing/2014/main" val="20003"/>
                    </a:ext>
                  </a:extLst>
                </a:gridCol>
              </a:tblGrid>
              <a:tr h="434936">
                <a:tc>
                  <a:txBody>
                    <a:bodyPr/>
                    <a:lstStyle/>
                    <a:p>
                      <a:pPr>
                        <a:lnSpc>
                          <a:spcPct val="100000"/>
                        </a:lnSpc>
                      </a:pPr>
                      <a:endParaRPr sz="13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1150"/>
                        </a:spcBef>
                      </a:pPr>
                      <a:r>
                        <a:rPr sz="1300" dirty="0">
                          <a:latin typeface="ＭＳ Ｐゴシック"/>
                          <a:cs typeface="ＭＳ Ｐゴシック"/>
                        </a:rPr>
                        <a:t>平成28</a:t>
                      </a:r>
                      <a:r>
                        <a:rPr sz="1300" spc="-25" dirty="0">
                          <a:latin typeface="ＭＳ Ｐゴシック"/>
                          <a:cs typeface="ＭＳ Ｐゴシック"/>
                        </a:rPr>
                        <a:t>年末</a:t>
                      </a:r>
                      <a:endParaRPr sz="1300">
                        <a:latin typeface="ＭＳ Ｐゴシック"/>
                        <a:cs typeface="ＭＳ Ｐゴシック"/>
                      </a:endParaRPr>
                    </a:p>
                  </a:txBody>
                  <a:tcPr marL="0" marR="0" marT="12488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5"/>
                        </a:spcBef>
                      </a:pPr>
                      <a:r>
                        <a:rPr sz="1300" dirty="0">
                          <a:latin typeface="ＭＳ Ｐゴシック"/>
                          <a:cs typeface="ＭＳ Ｐゴシック"/>
                        </a:rPr>
                        <a:t>平成38</a:t>
                      </a:r>
                      <a:r>
                        <a:rPr sz="1300" spc="-25" dirty="0">
                          <a:latin typeface="ＭＳ Ｐゴシック"/>
                          <a:cs typeface="ＭＳ Ｐゴシック"/>
                        </a:rPr>
                        <a:t>年末</a:t>
                      </a:r>
                      <a:endParaRPr sz="1300">
                        <a:latin typeface="ＭＳ Ｐゴシック"/>
                        <a:cs typeface="ＭＳ Ｐゴシック"/>
                      </a:endParaRPr>
                    </a:p>
                    <a:p>
                      <a:pPr marL="635" algn="ctr">
                        <a:lnSpc>
                          <a:spcPct val="100000"/>
                        </a:lnSpc>
                        <a:spcBef>
                          <a:spcPts val="25"/>
                        </a:spcBef>
                      </a:pPr>
                      <a:r>
                        <a:rPr sz="1000" dirty="0">
                          <a:latin typeface="ＭＳ Ｐゴシック"/>
                          <a:cs typeface="ＭＳ Ｐゴシック"/>
                        </a:rPr>
                        <a:t>（約10年後</a:t>
                      </a:r>
                      <a:r>
                        <a:rPr sz="1000" spc="-50" dirty="0">
                          <a:latin typeface="ＭＳ Ｐゴシック"/>
                          <a:cs typeface="ＭＳ Ｐゴシック"/>
                        </a:rPr>
                        <a:t>）</a:t>
                      </a:r>
                      <a:endParaRPr sz="1000">
                        <a:latin typeface="ＭＳ Ｐゴシック"/>
                        <a:cs typeface="ＭＳ Ｐゴシック"/>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5"/>
                        </a:spcBef>
                      </a:pPr>
                      <a:r>
                        <a:rPr sz="1300" dirty="0">
                          <a:latin typeface="ＭＳ Ｐゴシック"/>
                          <a:cs typeface="ＭＳ Ｐゴシック"/>
                        </a:rPr>
                        <a:t>平成48</a:t>
                      </a:r>
                      <a:r>
                        <a:rPr sz="1300" spc="-25" dirty="0">
                          <a:latin typeface="ＭＳ Ｐゴシック"/>
                          <a:cs typeface="ＭＳ Ｐゴシック"/>
                        </a:rPr>
                        <a:t>年末</a:t>
                      </a:r>
                      <a:endParaRPr sz="1300">
                        <a:latin typeface="ＭＳ Ｐゴシック"/>
                        <a:cs typeface="ＭＳ Ｐゴシック"/>
                      </a:endParaRPr>
                    </a:p>
                    <a:p>
                      <a:pPr marL="1905" algn="ctr">
                        <a:lnSpc>
                          <a:spcPct val="100000"/>
                        </a:lnSpc>
                        <a:spcBef>
                          <a:spcPts val="25"/>
                        </a:spcBef>
                      </a:pPr>
                      <a:r>
                        <a:rPr sz="1000" dirty="0">
                          <a:latin typeface="ＭＳ Ｐゴシック"/>
                          <a:cs typeface="ＭＳ Ｐゴシック"/>
                        </a:rPr>
                        <a:t>（約20年後</a:t>
                      </a:r>
                      <a:r>
                        <a:rPr sz="1000" spc="-50" dirty="0">
                          <a:latin typeface="ＭＳ Ｐゴシック"/>
                          <a:cs typeface="ＭＳ Ｐゴシック"/>
                        </a:rPr>
                        <a:t>）</a:t>
                      </a:r>
                      <a:endParaRPr sz="1000">
                        <a:latin typeface="ＭＳ Ｐゴシック"/>
                        <a:cs typeface="ＭＳ Ｐゴシック"/>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0"/>
                  </a:ext>
                </a:extLst>
              </a:tr>
              <a:tr h="342629">
                <a:tc>
                  <a:txBody>
                    <a:bodyPr/>
                    <a:lstStyle/>
                    <a:p>
                      <a:pPr marL="99060">
                        <a:lnSpc>
                          <a:spcPct val="100000"/>
                        </a:lnSpc>
                        <a:spcBef>
                          <a:spcPts val="730"/>
                        </a:spcBef>
                      </a:pPr>
                      <a:r>
                        <a:rPr sz="1300" dirty="0">
                          <a:latin typeface="ＭＳ Ｐゴシック"/>
                          <a:cs typeface="ＭＳ Ｐゴシック"/>
                        </a:rPr>
                        <a:t>築後30</a:t>
                      </a:r>
                      <a:r>
                        <a:rPr sz="1300" spc="-10" dirty="0">
                          <a:latin typeface="ＭＳ Ｐゴシック"/>
                          <a:cs typeface="ＭＳ Ｐゴシック"/>
                        </a:rPr>
                        <a:t>年超の分譲マンション</a:t>
                      </a:r>
                      <a:endParaRPr sz="1300">
                        <a:latin typeface="ＭＳ Ｐゴシック"/>
                        <a:cs typeface="ＭＳ Ｐゴシック"/>
                      </a:endParaRPr>
                    </a:p>
                  </a:txBody>
                  <a:tcPr marL="0" marR="0" marT="7927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10" dirty="0">
                          <a:latin typeface="メイリオ"/>
                          <a:cs typeface="メイリオ"/>
                        </a:rPr>
                        <a:t>109.7</a:t>
                      </a:r>
                      <a:r>
                        <a:rPr sz="1300" spc="-25" dirty="0">
                          <a:latin typeface="メイリオ"/>
                          <a:cs typeface="メイリオ"/>
                        </a:rPr>
                        <a:t>万戸</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55"/>
                        </a:spcBef>
                      </a:pPr>
                      <a:r>
                        <a:rPr sz="1300" dirty="0">
                          <a:latin typeface="メイリオ"/>
                          <a:cs typeface="メイリオ"/>
                        </a:rPr>
                        <a:t>約</a:t>
                      </a:r>
                      <a:r>
                        <a:rPr sz="1300" spc="-10" dirty="0">
                          <a:latin typeface="メイリオ"/>
                          <a:cs typeface="メイリオ"/>
                        </a:rPr>
                        <a:t>160.9</a:t>
                      </a:r>
                      <a:r>
                        <a:rPr sz="1300" spc="-25" dirty="0">
                          <a:latin typeface="メイリオ"/>
                          <a:cs typeface="メイリオ"/>
                        </a:rPr>
                        <a:t>万戸</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55"/>
                        </a:spcBef>
                      </a:pPr>
                      <a:r>
                        <a:rPr sz="1300" dirty="0">
                          <a:latin typeface="メイリオ"/>
                          <a:cs typeface="メイリオ"/>
                        </a:rPr>
                        <a:t>約</a:t>
                      </a:r>
                      <a:r>
                        <a:rPr sz="1300" spc="-10" dirty="0">
                          <a:latin typeface="メイリオ"/>
                          <a:cs typeface="メイリオ"/>
                        </a:rPr>
                        <a:t>194.8</a:t>
                      </a:r>
                      <a:r>
                        <a:rPr sz="1300" spc="-25" dirty="0">
                          <a:latin typeface="メイリオ"/>
                          <a:cs typeface="メイリオ"/>
                        </a:rPr>
                        <a:t>万戸</a:t>
                      </a:r>
                      <a:endParaRPr sz="1300">
                        <a:latin typeface="メイリオ"/>
                        <a:cs typeface="メイリオ"/>
                      </a:endParaRPr>
                    </a:p>
                  </a:txBody>
                  <a:tcPr marL="0" marR="0" marT="4941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1"/>
                  </a:ext>
                </a:extLst>
              </a:tr>
              <a:tr h="342629">
                <a:tc>
                  <a:txBody>
                    <a:bodyPr/>
                    <a:lstStyle/>
                    <a:p>
                      <a:pPr marL="99060">
                        <a:lnSpc>
                          <a:spcPct val="100000"/>
                        </a:lnSpc>
                        <a:spcBef>
                          <a:spcPts val="720"/>
                        </a:spcBef>
                      </a:pPr>
                      <a:r>
                        <a:rPr sz="1300" dirty="0">
                          <a:latin typeface="ＭＳ Ｐゴシック"/>
                          <a:cs typeface="ＭＳ Ｐゴシック"/>
                        </a:rPr>
                        <a:t>築後40</a:t>
                      </a:r>
                      <a:r>
                        <a:rPr sz="1300" spc="-10" dirty="0">
                          <a:latin typeface="ＭＳ Ｐゴシック"/>
                          <a:cs typeface="ＭＳ Ｐゴシック"/>
                        </a:rPr>
                        <a:t>年超の分譲マンション</a:t>
                      </a:r>
                      <a:endParaRPr sz="1300">
                        <a:latin typeface="ＭＳ Ｐゴシック"/>
                        <a:cs typeface="ＭＳ Ｐゴシック"/>
                      </a:endParaRPr>
                    </a:p>
                  </a:txBody>
                  <a:tcPr marL="0" marR="0" marT="78191"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5"/>
                        </a:spcBef>
                      </a:pPr>
                      <a:r>
                        <a:rPr sz="1300" dirty="0">
                          <a:latin typeface="メイリオ"/>
                          <a:cs typeface="メイリオ"/>
                        </a:rPr>
                        <a:t>約</a:t>
                      </a:r>
                      <a:r>
                        <a:rPr sz="1300" spc="-10" dirty="0">
                          <a:latin typeface="メイリオ"/>
                          <a:cs typeface="メイリオ"/>
                        </a:rPr>
                        <a:t>58.9</a:t>
                      </a:r>
                      <a:r>
                        <a:rPr sz="1300" spc="-25" dirty="0">
                          <a:latin typeface="メイリオ"/>
                          <a:cs typeface="メイリオ"/>
                        </a:rPr>
                        <a:t>万戸</a:t>
                      </a:r>
                      <a:endParaRPr sz="1300">
                        <a:latin typeface="メイリオ"/>
                        <a:cs typeface="メイリオ"/>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5"/>
                        </a:spcBef>
                      </a:pPr>
                      <a:r>
                        <a:rPr sz="1300" dirty="0">
                          <a:latin typeface="メイリオ"/>
                          <a:cs typeface="メイリオ"/>
                        </a:rPr>
                        <a:t>約</a:t>
                      </a:r>
                      <a:r>
                        <a:rPr sz="1300" spc="-10" dirty="0">
                          <a:latin typeface="メイリオ"/>
                          <a:cs typeface="メイリオ"/>
                        </a:rPr>
                        <a:t>109.7</a:t>
                      </a:r>
                      <a:r>
                        <a:rPr sz="1300" spc="-25" dirty="0">
                          <a:latin typeface="メイリオ"/>
                          <a:cs typeface="メイリオ"/>
                        </a:rPr>
                        <a:t>万戸</a:t>
                      </a:r>
                      <a:endParaRPr sz="1300">
                        <a:latin typeface="メイリオ"/>
                        <a:cs typeface="メイリオ"/>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5"/>
                        </a:spcBef>
                      </a:pPr>
                      <a:r>
                        <a:rPr sz="1300" dirty="0">
                          <a:latin typeface="メイリオ"/>
                          <a:cs typeface="メイリオ"/>
                        </a:rPr>
                        <a:t>約</a:t>
                      </a:r>
                      <a:r>
                        <a:rPr sz="1300" spc="-10" dirty="0">
                          <a:latin typeface="メイリオ"/>
                          <a:cs typeface="メイリオ"/>
                        </a:rPr>
                        <a:t>160.9</a:t>
                      </a:r>
                      <a:r>
                        <a:rPr sz="1300" spc="-25" dirty="0">
                          <a:latin typeface="メイリオ"/>
                          <a:cs typeface="メイリオ"/>
                        </a:rPr>
                        <a:t>万戸</a:t>
                      </a:r>
                      <a:endParaRPr sz="1300">
                        <a:latin typeface="メイリオ"/>
                        <a:cs typeface="メイリオ"/>
                      </a:endParaRPr>
                    </a:p>
                  </a:txBody>
                  <a:tcPr marL="0" marR="0" marT="4832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2"/>
                  </a:ext>
                </a:extLst>
              </a:tr>
              <a:tr h="341000">
                <a:tc>
                  <a:txBody>
                    <a:bodyPr/>
                    <a:lstStyle/>
                    <a:p>
                      <a:pPr marL="99060">
                        <a:lnSpc>
                          <a:spcPct val="100000"/>
                        </a:lnSpc>
                        <a:spcBef>
                          <a:spcPts val="720"/>
                        </a:spcBef>
                      </a:pPr>
                      <a:r>
                        <a:rPr sz="1300" dirty="0">
                          <a:latin typeface="ＭＳ Ｐゴシック"/>
                          <a:cs typeface="ＭＳ Ｐゴシック"/>
                        </a:rPr>
                        <a:t>築後50</a:t>
                      </a:r>
                      <a:r>
                        <a:rPr sz="1300" spc="-10" dirty="0">
                          <a:latin typeface="ＭＳ Ｐゴシック"/>
                          <a:cs typeface="ＭＳ Ｐゴシック"/>
                        </a:rPr>
                        <a:t>年超の分譲マンション</a:t>
                      </a:r>
                      <a:endParaRPr sz="1300">
                        <a:latin typeface="ＭＳ Ｐゴシック"/>
                        <a:cs typeface="ＭＳ Ｐゴシック"/>
                      </a:endParaRPr>
                    </a:p>
                  </a:txBody>
                  <a:tcPr marL="0" marR="0" marT="78191"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10" dirty="0">
                          <a:latin typeface="メイリオ"/>
                          <a:cs typeface="メイリオ"/>
                        </a:rPr>
                        <a:t>4.1</a:t>
                      </a:r>
                      <a:r>
                        <a:rPr sz="1300" spc="-25" dirty="0">
                          <a:latin typeface="メイリオ"/>
                          <a:cs typeface="メイリオ"/>
                        </a:rPr>
                        <a:t>万戸</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algn="ctr">
                        <a:lnSpc>
                          <a:spcPct val="100000"/>
                        </a:lnSpc>
                        <a:spcBef>
                          <a:spcPts val="440"/>
                        </a:spcBef>
                      </a:pPr>
                      <a:r>
                        <a:rPr sz="1300" dirty="0">
                          <a:latin typeface="メイリオ"/>
                          <a:cs typeface="メイリオ"/>
                        </a:rPr>
                        <a:t>約</a:t>
                      </a:r>
                      <a:r>
                        <a:rPr sz="1300" spc="-10" dirty="0">
                          <a:latin typeface="メイリオ"/>
                          <a:cs typeface="メイリオ"/>
                        </a:rPr>
                        <a:t>63.0</a:t>
                      </a:r>
                      <a:r>
                        <a:rPr sz="1300" spc="-25" dirty="0">
                          <a:latin typeface="メイリオ"/>
                          <a:cs typeface="メイリオ"/>
                        </a:rPr>
                        <a:t>万戸</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40"/>
                        </a:spcBef>
                      </a:pPr>
                      <a:r>
                        <a:rPr sz="1300" dirty="0">
                          <a:latin typeface="メイリオ"/>
                          <a:cs typeface="メイリオ"/>
                        </a:rPr>
                        <a:t>約</a:t>
                      </a:r>
                      <a:r>
                        <a:rPr sz="1300" spc="-10" dirty="0">
                          <a:latin typeface="メイリオ"/>
                          <a:cs typeface="メイリオ"/>
                        </a:rPr>
                        <a:t>172.7</a:t>
                      </a:r>
                      <a:r>
                        <a:rPr sz="1300" spc="-25" dirty="0">
                          <a:latin typeface="メイリオ"/>
                          <a:cs typeface="メイリオ"/>
                        </a:rPr>
                        <a:t>万戸</a:t>
                      </a:r>
                      <a:endParaRPr sz="1300">
                        <a:latin typeface="メイリオ"/>
                        <a:cs typeface="メイリオ"/>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3"/>
                  </a:ext>
                </a:extLst>
              </a:tr>
            </a:tbl>
          </a:graphicData>
        </a:graphic>
      </p:graphicFrame>
      <p:sp>
        <p:nvSpPr>
          <p:cNvPr id="9" name="object 9"/>
          <p:cNvSpPr txBox="1"/>
          <p:nvPr/>
        </p:nvSpPr>
        <p:spPr>
          <a:xfrm>
            <a:off x="5741389" y="4233607"/>
            <a:ext cx="3013610" cy="148049"/>
          </a:xfrm>
          <a:prstGeom prst="rect">
            <a:avLst/>
          </a:prstGeom>
        </p:spPr>
        <p:txBody>
          <a:bodyPr vert="horz" wrap="square" lIns="0" tIns="9774" rIns="0" bIns="0" rtlCol="0">
            <a:spAutoFit/>
          </a:bodyPr>
          <a:lstStyle/>
          <a:p>
            <a:pPr marL="10860">
              <a:spcBef>
                <a:spcPts val="77"/>
              </a:spcBef>
            </a:pPr>
            <a:r>
              <a:rPr sz="898" spc="-21" dirty="0">
                <a:latin typeface="ＭＳ Ｐゴシック"/>
                <a:cs typeface="ＭＳ Ｐゴシック"/>
              </a:rPr>
              <a:t>出所：国土交通省「建設後</a:t>
            </a:r>
            <a:r>
              <a:rPr sz="898" spc="-21" dirty="0">
                <a:latin typeface="Arial"/>
                <a:cs typeface="Arial"/>
              </a:rPr>
              <a:t>50</a:t>
            </a:r>
            <a:r>
              <a:rPr sz="898" spc="-34" dirty="0">
                <a:latin typeface="ＭＳ Ｐゴシック"/>
                <a:cs typeface="ＭＳ Ｐゴシック"/>
              </a:rPr>
              <a:t>年以上経過する社会資本の割合」</a:t>
            </a:r>
            <a:endParaRPr sz="898">
              <a:latin typeface="ＭＳ Ｐゴシック"/>
              <a:cs typeface="ＭＳ Ｐゴシック"/>
            </a:endParaRPr>
          </a:p>
        </p:txBody>
      </p:sp>
      <p:sp>
        <p:nvSpPr>
          <p:cNvPr id="10" name="object 10"/>
          <p:cNvSpPr txBox="1"/>
          <p:nvPr/>
        </p:nvSpPr>
        <p:spPr>
          <a:xfrm>
            <a:off x="89484" y="4449936"/>
            <a:ext cx="5239881" cy="266415"/>
          </a:xfrm>
          <a:prstGeom prst="rect">
            <a:avLst/>
          </a:prstGeom>
        </p:spPr>
        <p:txBody>
          <a:bodyPr vert="horz" wrap="square" lIns="0" tIns="9774" rIns="0" bIns="0" rtlCol="0">
            <a:spAutoFit/>
          </a:bodyPr>
          <a:lstStyle/>
          <a:p>
            <a:pPr marL="10860">
              <a:spcBef>
                <a:spcPts val="77"/>
              </a:spcBef>
            </a:pPr>
            <a:r>
              <a:rPr sz="1667" b="1" spc="-21" dirty="0">
                <a:latin typeface="メイリオ"/>
                <a:cs typeface="メイリオ"/>
              </a:rPr>
              <a:t>【民間建築物の老朽化の例（築</a:t>
            </a:r>
            <a:r>
              <a:rPr sz="1667" b="1" spc="-17" dirty="0">
                <a:latin typeface="メイリオ"/>
                <a:cs typeface="メイリオ"/>
              </a:rPr>
              <a:t>30～50</a:t>
            </a:r>
            <a:r>
              <a:rPr sz="1667" b="1" spc="-21" dirty="0">
                <a:latin typeface="メイリオ"/>
                <a:cs typeface="メイリオ"/>
              </a:rPr>
              <a:t>年超の戸数）</a:t>
            </a:r>
            <a:r>
              <a:rPr sz="1667" b="1" spc="-43" dirty="0">
                <a:latin typeface="メイリオ"/>
                <a:cs typeface="メイリオ"/>
              </a:rPr>
              <a:t>】</a:t>
            </a:r>
            <a:endParaRPr sz="1667">
              <a:latin typeface="メイリオ"/>
              <a:cs typeface="メイリオ"/>
            </a:endParaRPr>
          </a:p>
        </p:txBody>
      </p:sp>
      <p:sp>
        <p:nvSpPr>
          <p:cNvPr id="11" name="object 11"/>
          <p:cNvSpPr txBox="1"/>
          <p:nvPr/>
        </p:nvSpPr>
        <p:spPr>
          <a:xfrm>
            <a:off x="8942007" y="6263971"/>
            <a:ext cx="139549" cy="266415"/>
          </a:xfrm>
          <a:prstGeom prst="rect">
            <a:avLst/>
          </a:prstGeom>
        </p:spPr>
        <p:txBody>
          <a:bodyPr vert="horz" wrap="square" lIns="0" tIns="9774" rIns="0" bIns="0" rtlCol="0">
            <a:spAutoFit/>
          </a:bodyPr>
          <a:lstStyle/>
          <a:p>
            <a:pPr marL="10860">
              <a:spcBef>
                <a:spcPts val="77"/>
              </a:spcBef>
            </a:pPr>
            <a:r>
              <a:rPr sz="1667" spc="-43" dirty="0">
                <a:latin typeface="Arial"/>
                <a:cs typeface="Arial"/>
              </a:rPr>
              <a:t>6</a:t>
            </a:r>
            <a:endParaRPr sz="1667">
              <a:latin typeface="Arial"/>
              <a:cs typeface="Arial"/>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587131" y="260637"/>
            <a:ext cx="1555675" cy="312763"/>
          </a:xfrm>
          <a:prstGeom prst="rect">
            <a:avLst/>
          </a:prstGeom>
        </p:spPr>
      </p:pic>
      <p:sp>
        <p:nvSpPr>
          <p:cNvPr id="3" name="object 3"/>
          <p:cNvSpPr txBox="1">
            <a:spLocks noGrp="1"/>
          </p:cNvSpPr>
          <p:nvPr>
            <p:ph type="title"/>
          </p:nvPr>
        </p:nvSpPr>
        <p:spPr>
          <a:xfrm>
            <a:off x="274537" y="151832"/>
            <a:ext cx="4529647" cy="694031"/>
          </a:xfrm>
          <a:prstGeom prst="rect">
            <a:avLst/>
          </a:prstGeom>
        </p:spPr>
        <p:txBody>
          <a:bodyPr vert="horz" wrap="square" lIns="0" tIns="9774" rIns="0" bIns="0" rtlCol="0" anchor="ctr">
            <a:spAutoFit/>
          </a:bodyPr>
          <a:lstStyle/>
          <a:p>
            <a:pPr marL="10860">
              <a:lnSpc>
                <a:spcPct val="100000"/>
              </a:lnSpc>
              <a:spcBef>
                <a:spcPts val="77"/>
              </a:spcBef>
            </a:pPr>
            <a:r>
              <a:rPr sz="2223" spc="-34" dirty="0">
                <a:solidFill>
                  <a:srgbClr val="3F87C8"/>
                </a:solidFill>
              </a:rPr>
              <a:t>建設企業の倒産、休廃業・解散の動向</a:t>
            </a:r>
            <a:endParaRPr sz="2223"/>
          </a:p>
        </p:txBody>
      </p:sp>
      <p:grpSp>
        <p:nvGrpSpPr>
          <p:cNvPr id="4" name="object 4"/>
          <p:cNvGrpSpPr/>
          <p:nvPr/>
        </p:nvGrpSpPr>
        <p:grpSpPr>
          <a:xfrm>
            <a:off x="797548" y="2206289"/>
            <a:ext cx="8179102" cy="3775429"/>
            <a:chOff x="932688" y="2351532"/>
            <a:chExt cx="9565005" cy="4415155"/>
          </a:xfrm>
        </p:grpSpPr>
        <p:sp>
          <p:nvSpPr>
            <p:cNvPr id="5" name="object 5"/>
            <p:cNvSpPr/>
            <p:nvPr/>
          </p:nvSpPr>
          <p:spPr>
            <a:xfrm>
              <a:off x="932688" y="4309871"/>
              <a:ext cx="9565005" cy="1967864"/>
            </a:xfrm>
            <a:custGeom>
              <a:avLst/>
              <a:gdLst/>
              <a:ahLst/>
              <a:cxnLst/>
              <a:rect l="l" t="t" r="r" b="b"/>
              <a:pathLst>
                <a:path w="9565005" h="1967864">
                  <a:moveTo>
                    <a:pt x="86868" y="1958340"/>
                  </a:moveTo>
                  <a:lnTo>
                    <a:pt x="0" y="1958340"/>
                  </a:lnTo>
                  <a:lnTo>
                    <a:pt x="0" y="1967484"/>
                  </a:lnTo>
                  <a:lnTo>
                    <a:pt x="86868" y="1967484"/>
                  </a:lnTo>
                  <a:lnTo>
                    <a:pt x="86868" y="1958340"/>
                  </a:lnTo>
                  <a:close/>
                </a:path>
                <a:path w="9565005" h="1967864">
                  <a:moveTo>
                    <a:pt x="86868" y="1469136"/>
                  </a:moveTo>
                  <a:lnTo>
                    <a:pt x="0" y="1469136"/>
                  </a:lnTo>
                  <a:lnTo>
                    <a:pt x="0" y="1478280"/>
                  </a:lnTo>
                  <a:lnTo>
                    <a:pt x="86868" y="1478280"/>
                  </a:lnTo>
                  <a:lnTo>
                    <a:pt x="86868" y="1469136"/>
                  </a:lnTo>
                  <a:close/>
                </a:path>
                <a:path w="9565005" h="1967864">
                  <a:moveTo>
                    <a:pt x="524256" y="1958340"/>
                  </a:moveTo>
                  <a:lnTo>
                    <a:pt x="431292" y="1958340"/>
                  </a:lnTo>
                  <a:lnTo>
                    <a:pt x="431292" y="1967484"/>
                  </a:lnTo>
                  <a:lnTo>
                    <a:pt x="524256" y="1967484"/>
                  </a:lnTo>
                  <a:lnTo>
                    <a:pt x="524256" y="1958340"/>
                  </a:lnTo>
                  <a:close/>
                </a:path>
                <a:path w="9565005" h="1967864">
                  <a:moveTo>
                    <a:pt x="524256" y="1469136"/>
                  </a:moveTo>
                  <a:lnTo>
                    <a:pt x="431292" y="1469136"/>
                  </a:lnTo>
                  <a:lnTo>
                    <a:pt x="431292" y="1478280"/>
                  </a:lnTo>
                  <a:lnTo>
                    <a:pt x="524256" y="1478280"/>
                  </a:lnTo>
                  <a:lnTo>
                    <a:pt x="524256" y="1469136"/>
                  </a:lnTo>
                  <a:close/>
                </a:path>
                <a:path w="9565005" h="1967864">
                  <a:moveTo>
                    <a:pt x="524256" y="979932"/>
                  </a:moveTo>
                  <a:lnTo>
                    <a:pt x="0" y="979932"/>
                  </a:lnTo>
                  <a:lnTo>
                    <a:pt x="0" y="989076"/>
                  </a:lnTo>
                  <a:lnTo>
                    <a:pt x="524256" y="989076"/>
                  </a:lnTo>
                  <a:lnTo>
                    <a:pt x="524256" y="979932"/>
                  </a:lnTo>
                  <a:close/>
                </a:path>
                <a:path w="9565005" h="1967864">
                  <a:moveTo>
                    <a:pt x="524256" y="489204"/>
                  </a:moveTo>
                  <a:lnTo>
                    <a:pt x="0" y="489204"/>
                  </a:lnTo>
                  <a:lnTo>
                    <a:pt x="0" y="498348"/>
                  </a:lnTo>
                  <a:lnTo>
                    <a:pt x="524256" y="498348"/>
                  </a:lnTo>
                  <a:lnTo>
                    <a:pt x="524256" y="489204"/>
                  </a:lnTo>
                  <a:close/>
                </a:path>
                <a:path w="9565005" h="1967864">
                  <a:moveTo>
                    <a:pt x="1042416" y="1958340"/>
                  </a:moveTo>
                  <a:lnTo>
                    <a:pt x="870204" y="1958340"/>
                  </a:lnTo>
                  <a:lnTo>
                    <a:pt x="870204" y="1967484"/>
                  </a:lnTo>
                  <a:lnTo>
                    <a:pt x="1042416" y="1967484"/>
                  </a:lnTo>
                  <a:lnTo>
                    <a:pt x="1042416" y="1958340"/>
                  </a:lnTo>
                  <a:close/>
                </a:path>
                <a:path w="9565005" h="1967864">
                  <a:moveTo>
                    <a:pt x="1042416" y="1469136"/>
                  </a:moveTo>
                  <a:lnTo>
                    <a:pt x="870204" y="1469136"/>
                  </a:lnTo>
                  <a:lnTo>
                    <a:pt x="870204" y="1478280"/>
                  </a:lnTo>
                  <a:lnTo>
                    <a:pt x="1042416" y="1478280"/>
                  </a:lnTo>
                  <a:lnTo>
                    <a:pt x="1042416" y="1469136"/>
                  </a:lnTo>
                  <a:close/>
                </a:path>
                <a:path w="9565005" h="1967864">
                  <a:moveTo>
                    <a:pt x="1042416" y="979932"/>
                  </a:moveTo>
                  <a:lnTo>
                    <a:pt x="870204" y="979932"/>
                  </a:lnTo>
                  <a:lnTo>
                    <a:pt x="870204" y="989076"/>
                  </a:lnTo>
                  <a:lnTo>
                    <a:pt x="1042416" y="989076"/>
                  </a:lnTo>
                  <a:lnTo>
                    <a:pt x="1042416" y="979932"/>
                  </a:lnTo>
                  <a:close/>
                </a:path>
                <a:path w="9565005" h="1967864">
                  <a:moveTo>
                    <a:pt x="1481328" y="1958340"/>
                  </a:moveTo>
                  <a:lnTo>
                    <a:pt x="1388364" y="1958340"/>
                  </a:lnTo>
                  <a:lnTo>
                    <a:pt x="1388364" y="1967484"/>
                  </a:lnTo>
                  <a:lnTo>
                    <a:pt x="1481328" y="1967484"/>
                  </a:lnTo>
                  <a:lnTo>
                    <a:pt x="1481328" y="1958340"/>
                  </a:lnTo>
                  <a:close/>
                </a:path>
                <a:path w="9565005" h="1967864">
                  <a:moveTo>
                    <a:pt x="1481328" y="1469136"/>
                  </a:moveTo>
                  <a:lnTo>
                    <a:pt x="1388364" y="1469136"/>
                  </a:lnTo>
                  <a:lnTo>
                    <a:pt x="1388364" y="1478280"/>
                  </a:lnTo>
                  <a:lnTo>
                    <a:pt x="1481328" y="1478280"/>
                  </a:lnTo>
                  <a:lnTo>
                    <a:pt x="1481328" y="1469136"/>
                  </a:lnTo>
                  <a:close/>
                </a:path>
                <a:path w="9565005" h="1967864">
                  <a:moveTo>
                    <a:pt x="1481328" y="979932"/>
                  </a:moveTo>
                  <a:lnTo>
                    <a:pt x="1388364" y="979932"/>
                  </a:lnTo>
                  <a:lnTo>
                    <a:pt x="1388364" y="989076"/>
                  </a:lnTo>
                  <a:lnTo>
                    <a:pt x="1481328" y="989076"/>
                  </a:lnTo>
                  <a:lnTo>
                    <a:pt x="1481328" y="979932"/>
                  </a:lnTo>
                  <a:close/>
                </a:path>
                <a:path w="9565005" h="1967864">
                  <a:moveTo>
                    <a:pt x="1481328" y="489204"/>
                  </a:moveTo>
                  <a:lnTo>
                    <a:pt x="870204" y="489204"/>
                  </a:lnTo>
                  <a:lnTo>
                    <a:pt x="870204" y="498348"/>
                  </a:lnTo>
                  <a:lnTo>
                    <a:pt x="1481328" y="498348"/>
                  </a:lnTo>
                  <a:lnTo>
                    <a:pt x="1481328" y="489204"/>
                  </a:lnTo>
                  <a:close/>
                </a:path>
                <a:path w="9565005" h="1967864">
                  <a:moveTo>
                    <a:pt x="1999488" y="1958340"/>
                  </a:moveTo>
                  <a:lnTo>
                    <a:pt x="1825752" y="1958340"/>
                  </a:lnTo>
                  <a:lnTo>
                    <a:pt x="1825752" y="1967484"/>
                  </a:lnTo>
                  <a:lnTo>
                    <a:pt x="1999488" y="1967484"/>
                  </a:lnTo>
                  <a:lnTo>
                    <a:pt x="1999488" y="1958340"/>
                  </a:lnTo>
                  <a:close/>
                </a:path>
                <a:path w="9565005" h="1967864">
                  <a:moveTo>
                    <a:pt x="1999488" y="1469136"/>
                  </a:moveTo>
                  <a:lnTo>
                    <a:pt x="1825752" y="1469136"/>
                  </a:lnTo>
                  <a:lnTo>
                    <a:pt x="1825752" y="1478280"/>
                  </a:lnTo>
                  <a:lnTo>
                    <a:pt x="1999488" y="1478280"/>
                  </a:lnTo>
                  <a:lnTo>
                    <a:pt x="1999488" y="1469136"/>
                  </a:lnTo>
                  <a:close/>
                </a:path>
                <a:path w="9565005" h="1967864">
                  <a:moveTo>
                    <a:pt x="1999488" y="979932"/>
                  </a:moveTo>
                  <a:lnTo>
                    <a:pt x="1825752" y="979932"/>
                  </a:lnTo>
                  <a:lnTo>
                    <a:pt x="1825752" y="989076"/>
                  </a:lnTo>
                  <a:lnTo>
                    <a:pt x="1999488" y="989076"/>
                  </a:lnTo>
                  <a:lnTo>
                    <a:pt x="1999488" y="979932"/>
                  </a:lnTo>
                  <a:close/>
                </a:path>
                <a:path w="9565005" h="1967864">
                  <a:moveTo>
                    <a:pt x="2436876" y="1958340"/>
                  </a:moveTo>
                  <a:lnTo>
                    <a:pt x="2343912" y="1958340"/>
                  </a:lnTo>
                  <a:lnTo>
                    <a:pt x="2343912" y="1967484"/>
                  </a:lnTo>
                  <a:lnTo>
                    <a:pt x="2436876" y="1967484"/>
                  </a:lnTo>
                  <a:lnTo>
                    <a:pt x="2436876" y="1958340"/>
                  </a:lnTo>
                  <a:close/>
                </a:path>
                <a:path w="9565005" h="1967864">
                  <a:moveTo>
                    <a:pt x="2436876" y="1469136"/>
                  </a:moveTo>
                  <a:lnTo>
                    <a:pt x="2343912" y="1469136"/>
                  </a:lnTo>
                  <a:lnTo>
                    <a:pt x="2343912" y="1478280"/>
                  </a:lnTo>
                  <a:lnTo>
                    <a:pt x="2436876" y="1478280"/>
                  </a:lnTo>
                  <a:lnTo>
                    <a:pt x="2436876" y="1469136"/>
                  </a:lnTo>
                  <a:close/>
                </a:path>
                <a:path w="9565005" h="1967864">
                  <a:moveTo>
                    <a:pt x="2436876" y="979932"/>
                  </a:moveTo>
                  <a:lnTo>
                    <a:pt x="2343912" y="979932"/>
                  </a:lnTo>
                  <a:lnTo>
                    <a:pt x="2343912" y="989076"/>
                  </a:lnTo>
                  <a:lnTo>
                    <a:pt x="2436876" y="989076"/>
                  </a:lnTo>
                  <a:lnTo>
                    <a:pt x="2436876" y="979932"/>
                  </a:lnTo>
                  <a:close/>
                </a:path>
                <a:path w="9565005" h="1967864">
                  <a:moveTo>
                    <a:pt x="2436876" y="489204"/>
                  </a:moveTo>
                  <a:lnTo>
                    <a:pt x="1825752" y="489204"/>
                  </a:lnTo>
                  <a:lnTo>
                    <a:pt x="1825752" y="498348"/>
                  </a:lnTo>
                  <a:lnTo>
                    <a:pt x="2436876" y="498348"/>
                  </a:lnTo>
                  <a:lnTo>
                    <a:pt x="2436876" y="489204"/>
                  </a:lnTo>
                  <a:close/>
                </a:path>
                <a:path w="9565005" h="1967864">
                  <a:moveTo>
                    <a:pt x="2436876" y="0"/>
                  </a:moveTo>
                  <a:lnTo>
                    <a:pt x="1825752" y="0"/>
                  </a:lnTo>
                  <a:lnTo>
                    <a:pt x="1825752" y="9144"/>
                  </a:lnTo>
                  <a:lnTo>
                    <a:pt x="2436876" y="9144"/>
                  </a:lnTo>
                  <a:lnTo>
                    <a:pt x="2436876" y="0"/>
                  </a:lnTo>
                  <a:close/>
                </a:path>
                <a:path w="9565005" h="1967864">
                  <a:moveTo>
                    <a:pt x="2955036" y="1958340"/>
                  </a:moveTo>
                  <a:lnTo>
                    <a:pt x="2782824" y="1958340"/>
                  </a:lnTo>
                  <a:lnTo>
                    <a:pt x="2782824" y="1967484"/>
                  </a:lnTo>
                  <a:lnTo>
                    <a:pt x="2955036" y="1967484"/>
                  </a:lnTo>
                  <a:lnTo>
                    <a:pt x="2955036" y="1958340"/>
                  </a:lnTo>
                  <a:close/>
                </a:path>
                <a:path w="9565005" h="1967864">
                  <a:moveTo>
                    <a:pt x="2955036" y="1469136"/>
                  </a:moveTo>
                  <a:lnTo>
                    <a:pt x="2782824" y="1469136"/>
                  </a:lnTo>
                  <a:lnTo>
                    <a:pt x="2782824" y="1478280"/>
                  </a:lnTo>
                  <a:lnTo>
                    <a:pt x="2955036" y="1478280"/>
                  </a:lnTo>
                  <a:lnTo>
                    <a:pt x="2955036" y="1469136"/>
                  </a:lnTo>
                  <a:close/>
                </a:path>
                <a:path w="9565005" h="1967864">
                  <a:moveTo>
                    <a:pt x="2955036" y="979932"/>
                  </a:moveTo>
                  <a:lnTo>
                    <a:pt x="2782824" y="979932"/>
                  </a:lnTo>
                  <a:lnTo>
                    <a:pt x="2782824" y="989076"/>
                  </a:lnTo>
                  <a:lnTo>
                    <a:pt x="2955036" y="989076"/>
                  </a:lnTo>
                  <a:lnTo>
                    <a:pt x="2955036" y="979932"/>
                  </a:lnTo>
                  <a:close/>
                </a:path>
                <a:path w="9565005" h="1967864">
                  <a:moveTo>
                    <a:pt x="3393948" y="1958340"/>
                  </a:moveTo>
                  <a:lnTo>
                    <a:pt x="3300984" y="1958340"/>
                  </a:lnTo>
                  <a:lnTo>
                    <a:pt x="3300984" y="1967484"/>
                  </a:lnTo>
                  <a:lnTo>
                    <a:pt x="3393948" y="1967484"/>
                  </a:lnTo>
                  <a:lnTo>
                    <a:pt x="3393948" y="1958340"/>
                  </a:lnTo>
                  <a:close/>
                </a:path>
                <a:path w="9565005" h="1967864">
                  <a:moveTo>
                    <a:pt x="3393948" y="1469136"/>
                  </a:moveTo>
                  <a:lnTo>
                    <a:pt x="3300984" y="1469136"/>
                  </a:lnTo>
                  <a:lnTo>
                    <a:pt x="3300984" y="1478280"/>
                  </a:lnTo>
                  <a:lnTo>
                    <a:pt x="3393948" y="1478280"/>
                  </a:lnTo>
                  <a:lnTo>
                    <a:pt x="3393948" y="1469136"/>
                  </a:lnTo>
                  <a:close/>
                </a:path>
                <a:path w="9565005" h="1967864">
                  <a:moveTo>
                    <a:pt x="3393948" y="979932"/>
                  </a:moveTo>
                  <a:lnTo>
                    <a:pt x="3300984" y="979932"/>
                  </a:lnTo>
                  <a:lnTo>
                    <a:pt x="3300984" y="989076"/>
                  </a:lnTo>
                  <a:lnTo>
                    <a:pt x="3393948" y="989076"/>
                  </a:lnTo>
                  <a:lnTo>
                    <a:pt x="3393948" y="979932"/>
                  </a:lnTo>
                  <a:close/>
                </a:path>
                <a:path w="9565005" h="1967864">
                  <a:moveTo>
                    <a:pt x="3393948" y="489204"/>
                  </a:moveTo>
                  <a:lnTo>
                    <a:pt x="2782824" y="489204"/>
                  </a:lnTo>
                  <a:lnTo>
                    <a:pt x="2782824" y="498348"/>
                  </a:lnTo>
                  <a:lnTo>
                    <a:pt x="3393948" y="498348"/>
                  </a:lnTo>
                  <a:lnTo>
                    <a:pt x="3393948" y="489204"/>
                  </a:lnTo>
                  <a:close/>
                </a:path>
                <a:path w="9565005" h="1967864">
                  <a:moveTo>
                    <a:pt x="3912108" y="1958340"/>
                  </a:moveTo>
                  <a:lnTo>
                    <a:pt x="3739896" y="1958340"/>
                  </a:lnTo>
                  <a:lnTo>
                    <a:pt x="3739896" y="1967484"/>
                  </a:lnTo>
                  <a:lnTo>
                    <a:pt x="3912108" y="1967484"/>
                  </a:lnTo>
                  <a:lnTo>
                    <a:pt x="3912108" y="1958340"/>
                  </a:lnTo>
                  <a:close/>
                </a:path>
                <a:path w="9565005" h="1967864">
                  <a:moveTo>
                    <a:pt x="3912108" y="1469136"/>
                  </a:moveTo>
                  <a:lnTo>
                    <a:pt x="3739896" y="1469136"/>
                  </a:lnTo>
                  <a:lnTo>
                    <a:pt x="3739896" y="1478280"/>
                  </a:lnTo>
                  <a:lnTo>
                    <a:pt x="3912108" y="1478280"/>
                  </a:lnTo>
                  <a:lnTo>
                    <a:pt x="3912108" y="1469136"/>
                  </a:lnTo>
                  <a:close/>
                </a:path>
                <a:path w="9565005" h="1967864">
                  <a:moveTo>
                    <a:pt x="3912108" y="979932"/>
                  </a:moveTo>
                  <a:lnTo>
                    <a:pt x="3739896" y="979932"/>
                  </a:lnTo>
                  <a:lnTo>
                    <a:pt x="3739896" y="989076"/>
                  </a:lnTo>
                  <a:lnTo>
                    <a:pt x="3912108" y="989076"/>
                  </a:lnTo>
                  <a:lnTo>
                    <a:pt x="3912108" y="979932"/>
                  </a:lnTo>
                  <a:close/>
                </a:path>
                <a:path w="9565005" h="1967864">
                  <a:moveTo>
                    <a:pt x="4351020" y="1958340"/>
                  </a:moveTo>
                  <a:lnTo>
                    <a:pt x="4256532" y="1958340"/>
                  </a:lnTo>
                  <a:lnTo>
                    <a:pt x="4256532" y="1967484"/>
                  </a:lnTo>
                  <a:lnTo>
                    <a:pt x="4351020" y="1967484"/>
                  </a:lnTo>
                  <a:lnTo>
                    <a:pt x="4351020" y="1958340"/>
                  </a:lnTo>
                  <a:close/>
                </a:path>
                <a:path w="9565005" h="1967864">
                  <a:moveTo>
                    <a:pt x="4351020" y="1469136"/>
                  </a:moveTo>
                  <a:lnTo>
                    <a:pt x="4256532" y="1469136"/>
                  </a:lnTo>
                  <a:lnTo>
                    <a:pt x="4256532" y="1478280"/>
                  </a:lnTo>
                  <a:lnTo>
                    <a:pt x="4351020" y="1478280"/>
                  </a:lnTo>
                  <a:lnTo>
                    <a:pt x="4351020" y="1469136"/>
                  </a:lnTo>
                  <a:close/>
                </a:path>
                <a:path w="9565005" h="1967864">
                  <a:moveTo>
                    <a:pt x="4351020" y="979932"/>
                  </a:moveTo>
                  <a:lnTo>
                    <a:pt x="4256532" y="979932"/>
                  </a:lnTo>
                  <a:lnTo>
                    <a:pt x="4256532" y="989076"/>
                  </a:lnTo>
                  <a:lnTo>
                    <a:pt x="4351020" y="989076"/>
                  </a:lnTo>
                  <a:lnTo>
                    <a:pt x="4351020" y="979932"/>
                  </a:lnTo>
                  <a:close/>
                </a:path>
                <a:path w="9565005" h="1967864">
                  <a:moveTo>
                    <a:pt x="4351020" y="489204"/>
                  </a:moveTo>
                  <a:lnTo>
                    <a:pt x="3739896" y="489204"/>
                  </a:lnTo>
                  <a:lnTo>
                    <a:pt x="3739896" y="498348"/>
                  </a:lnTo>
                  <a:lnTo>
                    <a:pt x="4351020" y="498348"/>
                  </a:lnTo>
                  <a:lnTo>
                    <a:pt x="4351020" y="489204"/>
                  </a:lnTo>
                  <a:close/>
                </a:path>
                <a:path w="9565005" h="1967864">
                  <a:moveTo>
                    <a:pt x="4351020" y="0"/>
                  </a:moveTo>
                  <a:lnTo>
                    <a:pt x="3739896" y="0"/>
                  </a:lnTo>
                  <a:lnTo>
                    <a:pt x="3739896" y="9144"/>
                  </a:lnTo>
                  <a:lnTo>
                    <a:pt x="4351020" y="9144"/>
                  </a:lnTo>
                  <a:lnTo>
                    <a:pt x="4351020" y="0"/>
                  </a:lnTo>
                  <a:close/>
                </a:path>
                <a:path w="9565005" h="1967864">
                  <a:moveTo>
                    <a:pt x="4867656" y="1958340"/>
                  </a:moveTo>
                  <a:lnTo>
                    <a:pt x="4695444" y="1958340"/>
                  </a:lnTo>
                  <a:lnTo>
                    <a:pt x="4695444" y="1967484"/>
                  </a:lnTo>
                  <a:lnTo>
                    <a:pt x="4867656" y="1967484"/>
                  </a:lnTo>
                  <a:lnTo>
                    <a:pt x="4867656" y="1958340"/>
                  </a:lnTo>
                  <a:close/>
                </a:path>
                <a:path w="9565005" h="1967864">
                  <a:moveTo>
                    <a:pt x="4867656" y="1469136"/>
                  </a:moveTo>
                  <a:lnTo>
                    <a:pt x="4695444" y="1469136"/>
                  </a:lnTo>
                  <a:lnTo>
                    <a:pt x="4695444" y="1478280"/>
                  </a:lnTo>
                  <a:lnTo>
                    <a:pt x="4867656" y="1478280"/>
                  </a:lnTo>
                  <a:lnTo>
                    <a:pt x="4867656" y="1469136"/>
                  </a:lnTo>
                  <a:close/>
                </a:path>
                <a:path w="9565005" h="1967864">
                  <a:moveTo>
                    <a:pt x="5306568" y="1958340"/>
                  </a:moveTo>
                  <a:lnTo>
                    <a:pt x="5213604" y="1958340"/>
                  </a:lnTo>
                  <a:lnTo>
                    <a:pt x="5213604" y="1967484"/>
                  </a:lnTo>
                  <a:lnTo>
                    <a:pt x="5306568" y="1967484"/>
                  </a:lnTo>
                  <a:lnTo>
                    <a:pt x="5306568" y="1958340"/>
                  </a:lnTo>
                  <a:close/>
                </a:path>
                <a:path w="9565005" h="1967864">
                  <a:moveTo>
                    <a:pt x="5306568" y="1469136"/>
                  </a:moveTo>
                  <a:lnTo>
                    <a:pt x="5213604" y="1469136"/>
                  </a:lnTo>
                  <a:lnTo>
                    <a:pt x="5213604" y="1478280"/>
                  </a:lnTo>
                  <a:lnTo>
                    <a:pt x="5306568" y="1478280"/>
                  </a:lnTo>
                  <a:lnTo>
                    <a:pt x="5306568" y="1469136"/>
                  </a:lnTo>
                  <a:close/>
                </a:path>
                <a:path w="9565005" h="1967864">
                  <a:moveTo>
                    <a:pt x="5306568" y="979932"/>
                  </a:moveTo>
                  <a:lnTo>
                    <a:pt x="4695444" y="979932"/>
                  </a:lnTo>
                  <a:lnTo>
                    <a:pt x="4695444" y="989076"/>
                  </a:lnTo>
                  <a:lnTo>
                    <a:pt x="5306568" y="989076"/>
                  </a:lnTo>
                  <a:lnTo>
                    <a:pt x="5306568" y="979932"/>
                  </a:lnTo>
                  <a:close/>
                </a:path>
                <a:path w="9565005" h="1967864">
                  <a:moveTo>
                    <a:pt x="5306568" y="489204"/>
                  </a:moveTo>
                  <a:lnTo>
                    <a:pt x="4695444" y="489204"/>
                  </a:lnTo>
                  <a:lnTo>
                    <a:pt x="4695444" y="498348"/>
                  </a:lnTo>
                  <a:lnTo>
                    <a:pt x="5306568" y="498348"/>
                  </a:lnTo>
                  <a:lnTo>
                    <a:pt x="5306568" y="489204"/>
                  </a:lnTo>
                  <a:close/>
                </a:path>
                <a:path w="9565005" h="1967864">
                  <a:moveTo>
                    <a:pt x="5306568" y="0"/>
                  </a:moveTo>
                  <a:lnTo>
                    <a:pt x="4695444" y="0"/>
                  </a:lnTo>
                  <a:lnTo>
                    <a:pt x="4695444" y="9144"/>
                  </a:lnTo>
                  <a:lnTo>
                    <a:pt x="5306568" y="9144"/>
                  </a:lnTo>
                  <a:lnTo>
                    <a:pt x="5306568" y="0"/>
                  </a:lnTo>
                  <a:close/>
                </a:path>
                <a:path w="9565005" h="1967864">
                  <a:moveTo>
                    <a:pt x="5824728" y="1958340"/>
                  </a:moveTo>
                  <a:lnTo>
                    <a:pt x="5652516" y="1958340"/>
                  </a:lnTo>
                  <a:lnTo>
                    <a:pt x="5652516" y="1967484"/>
                  </a:lnTo>
                  <a:lnTo>
                    <a:pt x="5824728" y="1967484"/>
                  </a:lnTo>
                  <a:lnTo>
                    <a:pt x="5824728" y="1958340"/>
                  </a:lnTo>
                  <a:close/>
                </a:path>
                <a:path w="9565005" h="1967864">
                  <a:moveTo>
                    <a:pt x="5824728" y="1469136"/>
                  </a:moveTo>
                  <a:lnTo>
                    <a:pt x="5652516" y="1469136"/>
                  </a:lnTo>
                  <a:lnTo>
                    <a:pt x="5652516" y="1478280"/>
                  </a:lnTo>
                  <a:lnTo>
                    <a:pt x="5824728" y="1478280"/>
                  </a:lnTo>
                  <a:lnTo>
                    <a:pt x="5824728" y="1469136"/>
                  </a:lnTo>
                  <a:close/>
                </a:path>
                <a:path w="9565005" h="1967864">
                  <a:moveTo>
                    <a:pt x="6263640" y="1958340"/>
                  </a:moveTo>
                  <a:lnTo>
                    <a:pt x="6170676" y="1958340"/>
                  </a:lnTo>
                  <a:lnTo>
                    <a:pt x="6170676" y="1967484"/>
                  </a:lnTo>
                  <a:lnTo>
                    <a:pt x="6263640" y="1967484"/>
                  </a:lnTo>
                  <a:lnTo>
                    <a:pt x="6263640" y="1958340"/>
                  </a:lnTo>
                  <a:close/>
                </a:path>
                <a:path w="9565005" h="1967864">
                  <a:moveTo>
                    <a:pt x="6263640" y="1469136"/>
                  </a:moveTo>
                  <a:lnTo>
                    <a:pt x="6170676" y="1469136"/>
                  </a:lnTo>
                  <a:lnTo>
                    <a:pt x="6170676" y="1478280"/>
                  </a:lnTo>
                  <a:lnTo>
                    <a:pt x="6263640" y="1478280"/>
                  </a:lnTo>
                  <a:lnTo>
                    <a:pt x="6263640" y="1469136"/>
                  </a:lnTo>
                  <a:close/>
                </a:path>
                <a:path w="9565005" h="1967864">
                  <a:moveTo>
                    <a:pt x="6263640" y="979932"/>
                  </a:moveTo>
                  <a:lnTo>
                    <a:pt x="5652516" y="979932"/>
                  </a:lnTo>
                  <a:lnTo>
                    <a:pt x="5652516" y="989076"/>
                  </a:lnTo>
                  <a:lnTo>
                    <a:pt x="6263640" y="989076"/>
                  </a:lnTo>
                  <a:lnTo>
                    <a:pt x="6263640" y="979932"/>
                  </a:lnTo>
                  <a:close/>
                </a:path>
                <a:path w="9565005" h="1967864">
                  <a:moveTo>
                    <a:pt x="6263640" y="489204"/>
                  </a:moveTo>
                  <a:lnTo>
                    <a:pt x="5652516" y="489204"/>
                  </a:lnTo>
                  <a:lnTo>
                    <a:pt x="5652516" y="498348"/>
                  </a:lnTo>
                  <a:lnTo>
                    <a:pt x="6263640" y="498348"/>
                  </a:lnTo>
                  <a:lnTo>
                    <a:pt x="6263640" y="489204"/>
                  </a:lnTo>
                  <a:close/>
                </a:path>
                <a:path w="9565005" h="1967864">
                  <a:moveTo>
                    <a:pt x="6263640" y="0"/>
                  </a:moveTo>
                  <a:lnTo>
                    <a:pt x="5652516" y="0"/>
                  </a:lnTo>
                  <a:lnTo>
                    <a:pt x="5652516" y="9144"/>
                  </a:lnTo>
                  <a:lnTo>
                    <a:pt x="6263640" y="9144"/>
                  </a:lnTo>
                  <a:lnTo>
                    <a:pt x="6263640" y="0"/>
                  </a:lnTo>
                  <a:close/>
                </a:path>
                <a:path w="9565005" h="1967864">
                  <a:moveTo>
                    <a:pt x="6781800" y="1958340"/>
                  </a:moveTo>
                  <a:lnTo>
                    <a:pt x="6608064" y="1958340"/>
                  </a:lnTo>
                  <a:lnTo>
                    <a:pt x="6608064" y="1967484"/>
                  </a:lnTo>
                  <a:lnTo>
                    <a:pt x="6781800" y="1967484"/>
                  </a:lnTo>
                  <a:lnTo>
                    <a:pt x="6781800" y="1958340"/>
                  </a:lnTo>
                  <a:close/>
                </a:path>
                <a:path w="9565005" h="1967864">
                  <a:moveTo>
                    <a:pt x="7219188" y="1958340"/>
                  </a:moveTo>
                  <a:lnTo>
                    <a:pt x="7126224" y="1958340"/>
                  </a:lnTo>
                  <a:lnTo>
                    <a:pt x="7126224" y="1967484"/>
                  </a:lnTo>
                  <a:lnTo>
                    <a:pt x="7219188" y="1967484"/>
                  </a:lnTo>
                  <a:lnTo>
                    <a:pt x="7219188" y="1958340"/>
                  </a:lnTo>
                  <a:close/>
                </a:path>
                <a:path w="9565005" h="1967864">
                  <a:moveTo>
                    <a:pt x="7219188" y="1469136"/>
                  </a:moveTo>
                  <a:lnTo>
                    <a:pt x="6608064" y="1469136"/>
                  </a:lnTo>
                  <a:lnTo>
                    <a:pt x="6608064" y="1478280"/>
                  </a:lnTo>
                  <a:lnTo>
                    <a:pt x="7219188" y="1478280"/>
                  </a:lnTo>
                  <a:lnTo>
                    <a:pt x="7219188" y="1469136"/>
                  </a:lnTo>
                  <a:close/>
                </a:path>
                <a:path w="9565005" h="1967864">
                  <a:moveTo>
                    <a:pt x="7219188" y="979932"/>
                  </a:moveTo>
                  <a:lnTo>
                    <a:pt x="6608064" y="979932"/>
                  </a:lnTo>
                  <a:lnTo>
                    <a:pt x="6608064" y="989076"/>
                  </a:lnTo>
                  <a:lnTo>
                    <a:pt x="7219188" y="989076"/>
                  </a:lnTo>
                  <a:lnTo>
                    <a:pt x="7219188" y="979932"/>
                  </a:lnTo>
                  <a:close/>
                </a:path>
                <a:path w="9565005" h="1967864">
                  <a:moveTo>
                    <a:pt x="7219188" y="489204"/>
                  </a:moveTo>
                  <a:lnTo>
                    <a:pt x="6608064" y="489204"/>
                  </a:lnTo>
                  <a:lnTo>
                    <a:pt x="6608064" y="498348"/>
                  </a:lnTo>
                  <a:lnTo>
                    <a:pt x="7219188" y="498348"/>
                  </a:lnTo>
                  <a:lnTo>
                    <a:pt x="7219188" y="489204"/>
                  </a:lnTo>
                  <a:close/>
                </a:path>
                <a:path w="9565005" h="1967864">
                  <a:moveTo>
                    <a:pt x="7219188" y="0"/>
                  </a:moveTo>
                  <a:lnTo>
                    <a:pt x="6608064" y="0"/>
                  </a:lnTo>
                  <a:lnTo>
                    <a:pt x="6608064" y="9144"/>
                  </a:lnTo>
                  <a:lnTo>
                    <a:pt x="7219188" y="9144"/>
                  </a:lnTo>
                  <a:lnTo>
                    <a:pt x="7219188" y="0"/>
                  </a:lnTo>
                  <a:close/>
                </a:path>
                <a:path w="9565005" h="1967864">
                  <a:moveTo>
                    <a:pt x="7737348" y="1958340"/>
                  </a:moveTo>
                  <a:lnTo>
                    <a:pt x="7565136" y="1958340"/>
                  </a:lnTo>
                  <a:lnTo>
                    <a:pt x="7565136" y="1967484"/>
                  </a:lnTo>
                  <a:lnTo>
                    <a:pt x="7737348" y="1967484"/>
                  </a:lnTo>
                  <a:lnTo>
                    <a:pt x="7737348" y="1958340"/>
                  </a:lnTo>
                  <a:close/>
                </a:path>
                <a:path w="9565005" h="1967864">
                  <a:moveTo>
                    <a:pt x="8176260" y="1958340"/>
                  </a:moveTo>
                  <a:lnTo>
                    <a:pt x="8083296" y="1958340"/>
                  </a:lnTo>
                  <a:lnTo>
                    <a:pt x="8083296" y="1967484"/>
                  </a:lnTo>
                  <a:lnTo>
                    <a:pt x="8176260" y="1967484"/>
                  </a:lnTo>
                  <a:lnTo>
                    <a:pt x="8176260" y="1958340"/>
                  </a:lnTo>
                  <a:close/>
                </a:path>
                <a:path w="9565005" h="1967864">
                  <a:moveTo>
                    <a:pt x="8176260" y="1469136"/>
                  </a:moveTo>
                  <a:lnTo>
                    <a:pt x="7565136" y="1469136"/>
                  </a:lnTo>
                  <a:lnTo>
                    <a:pt x="7565136" y="1478280"/>
                  </a:lnTo>
                  <a:lnTo>
                    <a:pt x="8176260" y="1478280"/>
                  </a:lnTo>
                  <a:lnTo>
                    <a:pt x="8176260" y="1469136"/>
                  </a:lnTo>
                  <a:close/>
                </a:path>
                <a:path w="9565005" h="1967864">
                  <a:moveTo>
                    <a:pt x="8176260" y="979932"/>
                  </a:moveTo>
                  <a:lnTo>
                    <a:pt x="7565136" y="979932"/>
                  </a:lnTo>
                  <a:lnTo>
                    <a:pt x="7565136" y="989076"/>
                  </a:lnTo>
                  <a:lnTo>
                    <a:pt x="8176260" y="989076"/>
                  </a:lnTo>
                  <a:lnTo>
                    <a:pt x="8176260" y="979932"/>
                  </a:lnTo>
                  <a:close/>
                </a:path>
                <a:path w="9565005" h="1967864">
                  <a:moveTo>
                    <a:pt x="8176260" y="489204"/>
                  </a:moveTo>
                  <a:lnTo>
                    <a:pt x="7565136" y="489204"/>
                  </a:lnTo>
                  <a:lnTo>
                    <a:pt x="7565136" y="498348"/>
                  </a:lnTo>
                  <a:lnTo>
                    <a:pt x="8176260" y="498348"/>
                  </a:lnTo>
                  <a:lnTo>
                    <a:pt x="8176260" y="489204"/>
                  </a:lnTo>
                  <a:close/>
                </a:path>
                <a:path w="9565005" h="1967864">
                  <a:moveTo>
                    <a:pt x="8694420" y="1958340"/>
                  </a:moveTo>
                  <a:lnTo>
                    <a:pt x="8522208" y="1958340"/>
                  </a:lnTo>
                  <a:lnTo>
                    <a:pt x="8522208" y="1967484"/>
                  </a:lnTo>
                  <a:lnTo>
                    <a:pt x="8694420" y="1967484"/>
                  </a:lnTo>
                  <a:lnTo>
                    <a:pt x="8694420" y="1958340"/>
                  </a:lnTo>
                  <a:close/>
                </a:path>
                <a:path w="9565005" h="1967864">
                  <a:moveTo>
                    <a:pt x="9133332" y="1958340"/>
                  </a:moveTo>
                  <a:lnTo>
                    <a:pt x="9038844" y="1958340"/>
                  </a:lnTo>
                  <a:lnTo>
                    <a:pt x="9038844" y="1967484"/>
                  </a:lnTo>
                  <a:lnTo>
                    <a:pt x="9133332" y="1967484"/>
                  </a:lnTo>
                  <a:lnTo>
                    <a:pt x="9133332" y="1958340"/>
                  </a:lnTo>
                  <a:close/>
                </a:path>
                <a:path w="9565005" h="1967864">
                  <a:moveTo>
                    <a:pt x="9133332" y="1469136"/>
                  </a:moveTo>
                  <a:lnTo>
                    <a:pt x="8522208" y="1469136"/>
                  </a:lnTo>
                  <a:lnTo>
                    <a:pt x="8522208" y="1478280"/>
                  </a:lnTo>
                  <a:lnTo>
                    <a:pt x="9133332" y="1478280"/>
                  </a:lnTo>
                  <a:lnTo>
                    <a:pt x="9133332" y="1469136"/>
                  </a:lnTo>
                  <a:close/>
                </a:path>
                <a:path w="9565005" h="1967864">
                  <a:moveTo>
                    <a:pt x="9133332" y="979932"/>
                  </a:moveTo>
                  <a:lnTo>
                    <a:pt x="8522208" y="979932"/>
                  </a:lnTo>
                  <a:lnTo>
                    <a:pt x="8522208" y="989076"/>
                  </a:lnTo>
                  <a:lnTo>
                    <a:pt x="9133332" y="989076"/>
                  </a:lnTo>
                  <a:lnTo>
                    <a:pt x="9133332" y="979932"/>
                  </a:lnTo>
                  <a:close/>
                </a:path>
                <a:path w="9565005" h="1967864">
                  <a:moveTo>
                    <a:pt x="9133332" y="489204"/>
                  </a:moveTo>
                  <a:lnTo>
                    <a:pt x="8522208" y="489204"/>
                  </a:lnTo>
                  <a:lnTo>
                    <a:pt x="8522208" y="498348"/>
                  </a:lnTo>
                  <a:lnTo>
                    <a:pt x="9133332" y="498348"/>
                  </a:lnTo>
                  <a:lnTo>
                    <a:pt x="9133332" y="489204"/>
                  </a:lnTo>
                  <a:close/>
                </a:path>
                <a:path w="9565005" h="1967864">
                  <a:moveTo>
                    <a:pt x="9133332" y="0"/>
                  </a:moveTo>
                  <a:lnTo>
                    <a:pt x="8522208" y="0"/>
                  </a:lnTo>
                  <a:lnTo>
                    <a:pt x="8522208" y="9144"/>
                  </a:lnTo>
                  <a:lnTo>
                    <a:pt x="9133332" y="9144"/>
                  </a:lnTo>
                  <a:lnTo>
                    <a:pt x="9133332" y="0"/>
                  </a:lnTo>
                  <a:close/>
                </a:path>
                <a:path w="9565005" h="1967864">
                  <a:moveTo>
                    <a:pt x="9564624" y="1958340"/>
                  </a:moveTo>
                  <a:lnTo>
                    <a:pt x="9477756" y="1958340"/>
                  </a:lnTo>
                  <a:lnTo>
                    <a:pt x="9477756" y="1967484"/>
                  </a:lnTo>
                  <a:lnTo>
                    <a:pt x="9564624" y="1967484"/>
                  </a:lnTo>
                  <a:lnTo>
                    <a:pt x="9564624" y="1958340"/>
                  </a:lnTo>
                  <a:close/>
                </a:path>
                <a:path w="9565005" h="1967864">
                  <a:moveTo>
                    <a:pt x="9564624" y="1469136"/>
                  </a:moveTo>
                  <a:lnTo>
                    <a:pt x="9477756" y="1469136"/>
                  </a:lnTo>
                  <a:lnTo>
                    <a:pt x="9477756" y="1478280"/>
                  </a:lnTo>
                  <a:lnTo>
                    <a:pt x="9564624" y="1478280"/>
                  </a:lnTo>
                  <a:lnTo>
                    <a:pt x="9564624" y="1469136"/>
                  </a:lnTo>
                  <a:close/>
                </a:path>
                <a:path w="9565005" h="1967864">
                  <a:moveTo>
                    <a:pt x="9564624" y="979932"/>
                  </a:moveTo>
                  <a:lnTo>
                    <a:pt x="9477756" y="979932"/>
                  </a:lnTo>
                  <a:lnTo>
                    <a:pt x="9477756" y="989076"/>
                  </a:lnTo>
                  <a:lnTo>
                    <a:pt x="9564624" y="989076"/>
                  </a:lnTo>
                  <a:lnTo>
                    <a:pt x="9564624" y="979932"/>
                  </a:lnTo>
                  <a:close/>
                </a:path>
                <a:path w="9565005" h="1967864">
                  <a:moveTo>
                    <a:pt x="9564624" y="489204"/>
                  </a:moveTo>
                  <a:lnTo>
                    <a:pt x="9477756" y="489204"/>
                  </a:lnTo>
                  <a:lnTo>
                    <a:pt x="9477756" y="498348"/>
                  </a:lnTo>
                  <a:lnTo>
                    <a:pt x="9564624" y="498348"/>
                  </a:lnTo>
                  <a:lnTo>
                    <a:pt x="9564624" y="489204"/>
                  </a:lnTo>
                  <a:close/>
                </a:path>
              </a:pathLst>
            </a:custGeom>
            <a:solidFill>
              <a:srgbClr val="D8D8D8"/>
            </a:solidFill>
          </p:spPr>
          <p:txBody>
            <a:bodyPr wrap="square" lIns="0" tIns="0" rIns="0" bIns="0" rtlCol="0"/>
            <a:lstStyle/>
            <a:p>
              <a:endParaRPr sz="1539"/>
            </a:p>
          </p:txBody>
        </p:sp>
        <p:sp>
          <p:nvSpPr>
            <p:cNvPr id="6" name="object 6"/>
            <p:cNvSpPr/>
            <p:nvPr/>
          </p:nvSpPr>
          <p:spPr>
            <a:xfrm>
              <a:off x="932688" y="2351531"/>
              <a:ext cx="9565005" cy="1967864"/>
            </a:xfrm>
            <a:custGeom>
              <a:avLst/>
              <a:gdLst/>
              <a:ahLst/>
              <a:cxnLst/>
              <a:rect l="l" t="t" r="r" b="b"/>
              <a:pathLst>
                <a:path w="9565005" h="1967864">
                  <a:moveTo>
                    <a:pt x="524256" y="1958340"/>
                  </a:moveTo>
                  <a:lnTo>
                    <a:pt x="0" y="1958340"/>
                  </a:lnTo>
                  <a:lnTo>
                    <a:pt x="0" y="1967484"/>
                  </a:lnTo>
                  <a:lnTo>
                    <a:pt x="524256" y="1967484"/>
                  </a:lnTo>
                  <a:lnTo>
                    <a:pt x="524256" y="1958340"/>
                  </a:lnTo>
                  <a:close/>
                </a:path>
                <a:path w="9565005" h="1967864">
                  <a:moveTo>
                    <a:pt x="524256" y="1469136"/>
                  </a:moveTo>
                  <a:lnTo>
                    <a:pt x="0" y="1469136"/>
                  </a:lnTo>
                  <a:lnTo>
                    <a:pt x="0" y="1478280"/>
                  </a:lnTo>
                  <a:lnTo>
                    <a:pt x="524256" y="1478280"/>
                  </a:lnTo>
                  <a:lnTo>
                    <a:pt x="524256" y="1469136"/>
                  </a:lnTo>
                  <a:close/>
                </a:path>
                <a:path w="9565005" h="1967864">
                  <a:moveTo>
                    <a:pt x="524256" y="979932"/>
                  </a:moveTo>
                  <a:lnTo>
                    <a:pt x="0" y="979932"/>
                  </a:lnTo>
                  <a:lnTo>
                    <a:pt x="0" y="989076"/>
                  </a:lnTo>
                  <a:lnTo>
                    <a:pt x="524256" y="989076"/>
                  </a:lnTo>
                  <a:lnTo>
                    <a:pt x="524256" y="979932"/>
                  </a:lnTo>
                  <a:close/>
                </a:path>
                <a:path w="9565005" h="1967864">
                  <a:moveTo>
                    <a:pt x="1481328" y="1958340"/>
                  </a:moveTo>
                  <a:lnTo>
                    <a:pt x="870204" y="1958340"/>
                  </a:lnTo>
                  <a:lnTo>
                    <a:pt x="870204" y="1967484"/>
                  </a:lnTo>
                  <a:lnTo>
                    <a:pt x="1481328" y="1967484"/>
                  </a:lnTo>
                  <a:lnTo>
                    <a:pt x="1481328" y="1958340"/>
                  </a:lnTo>
                  <a:close/>
                </a:path>
                <a:path w="9565005" h="1967864">
                  <a:moveTo>
                    <a:pt x="1481328" y="1469136"/>
                  </a:moveTo>
                  <a:lnTo>
                    <a:pt x="870204" y="1469136"/>
                  </a:lnTo>
                  <a:lnTo>
                    <a:pt x="870204" y="1478280"/>
                  </a:lnTo>
                  <a:lnTo>
                    <a:pt x="1481328" y="1478280"/>
                  </a:lnTo>
                  <a:lnTo>
                    <a:pt x="1481328" y="1469136"/>
                  </a:lnTo>
                  <a:close/>
                </a:path>
                <a:path w="9565005" h="1967864">
                  <a:moveTo>
                    <a:pt x="1481328" y="979932"/>
                  </a:moveTo>
                  <a:lnTo>
                    <a:pt x="870204" y="979932"/>
                  </a:lnTo>
                  <a:lnTo>
                    <a:pt x="870204" y="989076"/>
                  </a:lnTo>
                  <a:lnTo>
                    <a:pt x="1481328" y="989076"/>
                  </a:lnTo>
                  <a:lnTo>
                    <a:pt x="1481328" y="979932"/>
                  </a:lnTo>
                  <a:close/>
                </a:path>
                <a:path w="9565005" h="1967864">
                  <a:moveTo>
                    <a:pt x="1481328" y="489204"/>
                  </a:moveTo>
                  <a:lnTo>
                    <a:pt x="0" y="489204"/>
                  </a:lnTo>
                  <a:lnTo>
                    <a:pt x="0" y="498348"/>
                  </a:lnTo>
                  <a:lnTo>
                    <a:pt x="1481328" y="498348"/>
                  </a:lnTo>
                  <a:lnTo>
                    <a:pt x="1481328" y="489204"/>
                  </a:lnTo>
                  <a:close/>
                </a:path>
                <a:path w="9565005" h="1967864">
                  <a:moveTo>
                    <a:pt x="2436876" y="1469136"/>
                  </a:moveTo>
                  <a:lnTo>
                    <a:pt x="1825752" y="1469136"/>
                  </a:lnTo>
                  <a:lnTo>
                    <a:pt x="1825752" y="1478280"/>
                  </a:lnTo>
                  <a:lnTo>
                    <a:pt x="2436876" y="1478280"/>
                  </a:lnTo>
                  <a:lnTo>
                    <a:pt x="2436876" y="1469136"/>
                  </a:lnTo>
                  <a:close/>
                </a:path>
                <a:path w="9565005" h="1967864">
                  <a:moveTo>
                    <a:pt x="2436876" y="979932"/>
                  </a:moveTo>
                  <a:lnTo>
                    <a:pt x="1825752" y="979932"/>
                  </a:lnTo>
                  <a:lnTo>
                    <a:pt x="1825752" y="989076"/>
                  </a:lnTo>
                  <a:lnTo>
                    <a:pt x="2436876" y="989076"/>
                  </a:lnTo>
                  <a:lnTo>
                    <a:pt x="2436876" y="979932"/>
                  </a:lnTo>
                  <a:close/>
                </a:path>
                <a:path w="9565005" h="1967864">
                  <a:moveTo>
                    <a:pt x="2436876" y="489204"/>
                  </a:moveTo>
                  <a:lnTo>
                    <a:pt x="1825752" y="489204"/>
                  </a:lnTo>
                  <a:lnTo>
                    <a:pt x="1825752" y="498348"/>
                  </a:lnTo>
                  <a:lnTo>
                    <a:pt x="2436876" y="498348"/>
                  </a:lnTo>
                  <a:lnTo>
                    <a:pt x="2436876" y="489204"/>
                  </a:lnTo>
                  <a:close/>
                </a:path>
                <a:path w="9565005" h="1967864">
                  <a:moveTo>
                    <a:pt x="3393948" y="1958340"/>
                  </a:moveTo>
                  <a:lnTo>
                    <a:pt x="2782824" y="1958340"/>
                  </a:lnTo>
                  <a:lnTo>
                    <a:pt x="2782824" y="1967484"/>
                  </a:lnTo>
                  <a:lnTo>
                    <a:pt x="3393948" y="1967484"/>
                  </a:lnTo>
                  <a:lnTo>
                    <a:pt x="3393948" y="1958340"/>
                  </a:lnTo>
                  <a:close/>
                </a:path>
                <a:path w="9565005" h="1967864">
                  <a:moveTo>
                    <a:pt x="3393948" y="1469136"/>
                  </a:moveTo>
                  <a:lnTo>
                    <a:pt x="2782824" y="1469136"/>
                  </a:lnTo>
                  <a:lnTo>
                    <a:pt x="2782824" y="1478280"/>
                  </a:lnTo>
                  <a:lnTo>
                    <a:pt x="3393948" y="1478280"/>
                  </a:lnTo>
                  <a:lnTo>
                    <a:pt x="3393948" y="1469136"/>
                  </a:lnTo>
                  <a:close/>
                </a:path>
                <a:path w="9565005" h="1967864">
                  <a:moveTo>
                    <a:pt x="3393948" y="979932"/>
                  </a:moveTo>
                  <a:lnTo>
                    <a:pt x="2782824" y="979932"/>
                  </a:lnTo>
                  <a:lnTo>
                    <a:pt x="2782824" y="989076"/>
                  </a:lnTo>
                  <a:lnTo>
                    <a:pt x="3393948" y="989076"/>
                  </a:lnTo>
                  <a:lnTo>
                    <a:pt x="3393948" y="979932"/>
                  </a:lnTo>
                  <a:close/>
                </a:path>
                <a:path w="9565005" h="1967864">
                  <a:moveTo>
                    <a:pt x="3393948" y="489204"/>
                  </a:moveTo>
                  <a:lnTo>
                    <a:pt x="2782824" y="489204"/>
                  </a:lnTo>
                  <a:lnTo>
                    <a:pt x="2782824" y="498348"/>
                  </a:lnTo>
                  <a:lnTo>
                    <a:pt x="3393948" y="498348"/>
                  </a:lnTo>
                  <a:lnTo>
                    <a:pt x="3393948" y="489204"/>
                  </a:lnTo>
                  <a:close/>
                </a:path>
                <a:path w="9565005" h="1967864">
                  <a:moveTo>
                    <a:pt x="4351020" y="1469136"/>
                  </a:moveTo>
                  <a:lnTo>
                    <a:pt x="3739896" y="1469136"/>
                  </a:lnTo>
                  <a:lnTo>
                    <a:pt x="3739896" y="1478280"/>
                  </a:lnTo>
                  <a:lnTo>
                    <a:pt x="4351020" y="1478280"/>
                  </a:lnTo>
                  <a:lnTo>
                    <a:pt x="4351020" y="1469136"/>
                  </a:lnTo>
                  <a:close/>
                </a:path>
                <a:path w="9565005" h="1967864">
                  <a:moveTo>
                    <a:pt x="4351020" y="979932"/>
                  </a:moveTo>
                  <a:lnTo>
                    <a:pt x="3739896" y="979932"/>
                  </a:lnTo>
                  <a:lnTo>
                    <a:pt x="3739896" y="989076"/>
                  </a:lnTo>
                  <a:lnTo>
                    <a:pt x="4351020" y="989076"/>
                  </a:lnTo>
                  <a:lnTo>
                    <a:pt x="4351020" y="979932"/>
                  </a:lnTo>
                  <a:close/>
                </a:path>
                <a:path w="9565005" h="1967864">
                  <a:moveTo>
                    <a:pt x="4351020" y="489204"/>
                  </a:moveTo>
                  <a:lnTo>
                    <a:pt x="3739896" y="489204"/>
                  </a:lnTo>
                  <a:lnTo>
                    <a:pt x="3739896" y="498348"/>
                  </a:lnTo>
                  <a:lnTo>
                    <a:pt x="4351020" y="498348"/>
                  </a:lnTo>
                  <a:lnTo>
                    <a:pt x="4351020" y="489204"/>
                  </a:lnTo>
                  <a:close/>
                </a:path>
                <a:path w="9565005" h="1967864">
                  <a:moveTo>
                    <a:pt x="5306568" y="1469136"/>
                  </a:moveTo>
                  <a:lnTo>
                    <a:pt x="4695444" y="1469136"/>
                  </a:lnTo>
                  <a:lnTo>
                    <a:pt x="4695444" y="1478280"/>
                  </a:lnTo>
                  <a:lnTo>
                    <a:pt x="5306568" y="1478280"/>
                  </a:lnTo>
                  <a:lnTo>
                    <a:pt x="5306568" y="1469136"/>
                  </a:lnTo>
                  <a:close/>
                </a:path>
                <a:path w="9565005" h="1967864">
                  <a:moveTo>
                    <a:pt x="5306568" y="979932"/>
                  </a:moveTo>
                  <a:lnTo>
                    <a:pt x="4695444" y="979932"/>
                  </a:lnTo>
                  <a:lnTo>
                    <a:pt x="4695444" y="989076"/>
                  </a:lnTo>
                  <a:lnTo>
                    <a:pt x="5306568" y="989076"/>
                  </a:lnTo>
                  <a:lnTo>
                    <a:pt x="5306568" y="979932"/>
                  </a:lnTo>
                  <a:close/>
                </a:path>
                <a:path w="9565005" h="1967864">
                  <a:moveTo>
                    <a:pt x="5306568" y="489204"/>
                  </a:moveTo>
                  <a:lnTo>
                    <a:pt x="4695444" y="489204"/>
                  </a:lnTo>
                  <a:lnTo>
                    <a:pt x="4695444" y="498348"/>
                  </a:lnTo>
                  <a:lnTo>
                    <a:pt x="5306568" y="498348"/>
                  </a:lnTo>
                  <a:lnTo>
                    <a:pt x="5306568" y="489204"/>
                  </a:lnTo>
                  <a:close/>
                </a:path>
                <a:path w="9565005" h="1967864">
                  <a:moveTo>
                    <a:pt x="6263640" y="1469136"/>
                  </a:moveTo>
                  <a:lnTo>
                    <a:pt x="5652516" y="1469136"/>
                  </a:lnTo>
                  <a:lnTo>
                    <a:pt x="5652516" y="1478280"/>
                  </a:lnTo>
                  <a:lnTo>
                    <a:pt x="6263640" y="1478280"/>
                  </a:lnTo>
                  <a:lnTo>
                    <a:pt x="6263640" y="1469136"/>
                  </a:lnTo>
                  <a:close/>
                </a:path>
                <a:path w="9565005" h="1967864">
                  <a:moveTo>
                    <a:pt x="6263640" y="979932"/>
                  </a:moveTo>
                  <a:lnTo>
                    <a:pt x="5652516" y="979932"/>
                  </a:lnTo>
                  <a:lnTo>
                    <a:pt x="5652516" y="989076"/>
                  </a:lnTo>
                  <a:lnTo>
                    <a:pt x="6263640" y="989076"/>
                  </a:lnTo>
                  <a:lnTo>
                    <a:pt x="6263640" y="979932"/>
                  </a:lnTo>
                  <a:close/>
                </a:path>
                <a:path w="9565005" h="1967864">
                  <a:moveTo>
                    <a:pt x="7219188" y="1469136"/>
                  </a:moveTo>
                  <a:lnTo>
                    <a:pt x="6608064" y="1469136"/>
                  </a:lnTo>
                  <a:lnTo>
                    <a:pt x="6608064" y="1478280"/>
                  </a:lnTo>
                  <a:lnTo>
                    <a:pt x="7219188" y="1478280"/>
                  </a:lnTo>
                  <a:lnTo>
                    <a:pt x="7219188" y="1469136"/>
                  </a:lnTo>
                  <a:close/>
                </a:path>
                <a:path w="9565005" h="1967864">
                  <a:moveTo>
                    <a:pt x="7219188" y="979932"/>
                  </a:moveTo>
                  <a:lnTo>
                    <a:pt x="6608064" y="979932"/>
                  </a:lnTo>
                  <a:lnTo>
                    <a:pt x="6608064" y="989076"/>
                  </a:lnTo>
                  <a:lnTo>
                    <a:pt x="7219188" y="989076"/>
                  </a:lnTo>
                  <a:lnTo>
                    <a:pt x="7219188" y="979932"/>
                  </a:lnTo>
                  <a:close/>
                </a:path>
                <a:path w="9565005" h="1967864">
                  <a:moveTo>
                    <a:pt x="8176260" y="1958340"/>
                  </a:moveTo>
                  <a:lnTo>
                    <a:pt x="7565136" y="1958340"/>
                  </a:lnTo>
                  <a:lnTo>
                    <a:pt x="7565136" y="1967484"/>
                  </a:lnTo>
                  <a:lnTo>
                    <a:pt x="8176260" y="1967484"/>
                  </a:lnTo>
                  <a:lnTo>
                    <a:pt x="8176260" y="1958340"/>
                  </a:lnTo>
                  <a:close/>
                </a:path>
                <a:path w="9565005" h="1967864">
                  <a:moveTo>
                    <a:pt x="8176260" y="1469136"/>
                  </a:moveTo>
                  <a:lnTo>
                    <a:pt x="7565136" y="1469136"/>
                  </a:lnTo>
                  <a:lnTo>
                    <a:pt x="7565136" y="1478280"/>
                  </a:lnTo>
                  <a:lnTo>
                    <a:pt x="8176260" y="1478280"/>
                  </a:lnTo>
                  <a:lnTo>
                    <a:pt x="8176260" y="1469136"/>
                  </a:lnTo>
                  <a:close/>
                </a:path>
                <a:path w="9565005" h="1967864">
                  <a:moveTo>
                    <a:pt x="8176260" y="979932"/>
                  </a:moveTo>
                  <a:lnTo>
                    <a:pt x="7565136" y="979932"/>
                  </a:lnTo>
                  <a:lnTo>
                    <a:pt x="7565136" y="989076"/>
                  </a:lnTo>
                  <a:lnTo>
                    <a:pt x="8176260" y="989076"/>
                  </a:lnTo>
                  <a:lnTo>
                    <a:pt x="8176260" y="979932"/>
                  </a:lnTo>
                  <a:close/>
                </a:path>
                <a:path w="9565005" h="1967864">
                  <a:moveTo>
                    <a:pt x="9133332" y="1958340"/>
                  </a:moveTo>
                  <a:lnTo>
                    <a:pt x="8522208" y="1958340"/>
                  </a:lnTo>
                  <a:lnTo>
                    <a:pt x="8522208" y="1967484"/>
                  </a:lnTo>
                  <a:lnTo>
                    <a:pt x="9133332" y="1967484"/>
                  </a:lnTo>
                  <a:lnTo>
                    <a:pt x="9133332" y="1958340"/>
                  </a:lnTo>
                  <a:close/>
                </a:path>
                <a:path w="9565005" h="1967864">
                  <a:moveTo>
                    <a:pt x="9133332" y="1469136"/>
                  </a:moveTo>
                  <a:lnTo>
                    <a:pt x="8522208" y="1469136"/>
                  </a:lnTo>
                  <a:lnTo>
                    <a:pt x="8522208" y="1478280"/>
                  </a:lnTo>
                  <a:lnTo>
                    <a:pt x="9133332" y="1478280"/>
                  </a:lnTo>
                  <a:lnTo>
                    <a:pt x="9133332" y="1469136"/>
                  </a:lnTo>
                  <a:close/>
                </a:path>
                <a:path w="9565005" h="1967864">
                  <a:moveTo>
                    <a:pt x="9133332" y="979932"/>
                  </a:moveTo>
                  <a:lnTo>
                    <a:pt x="8522208" y="979932"/>
                  </a:lnTo>
                  <a:lnTo>
                    <a:pt x="8522208" y="989076"/>
                  </a:lnTo>
                  <a:lnTo>
                    <a:pt x="9133332" y="989076"/>
                  </a:lnTo>
                  <a:lnTo>
                    <a:pt x="9133332" y="979932"/>
                  </a:lnTo>
                  <a:close/>
                </a:path>
                <a:path w="9565005" h="1967864">
                  <a:moveTo>
                    <a:pt x="9133332" y="489204"/>
                  </a:moveTo>
                  <a:lnTo>
                    <a:pt x="5652516" y="489204"/>
                  </a:lnTo>
                  <a:lnTo>
                    <a:pt x="5652516" y="498348"/>
                  </a:lnTo>
                  <a:lnTo>
                    <a:pt x="9133332" y="498348"/>
                  </a:lnTo>
                  <a:lnTo>
                    <a:pt x="9133332" y="489204"/>
                  </a:lnTo>
                  <a:close/>
                </a:path>
                <a:path w="9565005" h="1967864">
                  <a:moveTo>
                    <a:pt x="9564624" y="1958340"/>
                  </a:moveTo>
                  <a:lnTo>
                    <a:pt x="9477756" y="1958340"/>
                  </a:lnTo>
                  <a:lnTo>
                    <a:pt x="9477756" y="1967484"/>
                  </a:lnTo>
                  <a:lnTo>
                    <a:pt x="9564624" y="1967484"/>
                  </a:lnTo>
                  <a:lnTo>
                    <a:pt x="9564624" y="1958340"/>
                  </a:lnTo>
                  <a:close/>
                </a:path>
                <a:path w="9565005" h="1967864">
                  <a:moveTo>
                    <a:pt x="9564624" y="1469136"/>
                  </a:moveTo>
                  <a:lnTo>
                    <a:pt x="9477756" y="1469136"/>
                  </a:lnTo>
                  <a:lnTo>
                    <a:pt x="9477756" y="1478280"/>
                  </a:lnTo>
                  <a:lnTo>
                    <a:pt x="9564624" y="1478280"/>
                  </a:lnTo>
                  <a:lnTo>
                    <a:pt x="9564624" y="1469136"/>
                  </a:lnTo>
                  <a:close/>
                </a:path>
                <a:path w="9565005" h="1967864">
                  <a:moveTo>
                    <a:pt x="9564624" y="979932"/>
                  </a:moveTo>
                  <a:lnTo>
                    <a:pt x="9477756" y="979932"/>
                  </a:lnTo>
                  <a:lnTo>
                    <a:pt x="9477756" y="989076"/>
                  </a:lnTo>
                  <a:lnTo>
                    <a:pt x="9564624" y="989076"/>
                  </a:lnTo>
                  <a:lnTo>
                    <a:pt x="9564624" y="979932"/>
                  </a:lnTo>
                  <a:close/>
                </a:path>
                <a:path w="9565005" h="1967864">
                  <a:moveTo>
                    <a:pt x="9564624" y="489204"/>
                  </a:moveTo>
                  <a:lnTo>
                    <a:pt x="9477756" y="489204"/>
                  </a:lnTo>
                  <a:lnTo>
                    <a:pt x="9477756" y="498348"/>
                  </a:lnTo>
                  <a:lnTo>
                    <a:pt x="9564624" y="498348"/>
                  </a:lnTo>
                  <a:lnTo>
                    <a:pt x="9564624" y="489204"/>
                  </a:lnTo>
                  <a:close/>
                </a:path>
                <a:path w="9565005" h="1967864">
                  <a:moveTo>
                    <a:pt x="9564624" y="0"/>
                  </a:moveTo>
                  <a:lnTo>
                    <a:pt x="0" y="0"/>
                  </a:lnTo>
                  <a:lnTo>
                    <a:pt x="0" y="9144"/>
                  </a:lnTo>
                  <a:lnTo>
                    <a:pt x="9564624" y="9144"/>
                  </a:lnTo>
                  <a:lnTo>
                    <a:pt x="9564624" y="0"/>
                  </a:lnTo>
                  <a:close/>
                </a:path>
              </a:pathLst>
            </a:custGeom>
            <a:solidFill>
              <a:srgbClr val="D8D8D8"/>
            </a:solidFill>
          </p:spPr>
          <p:txBody>
            <a:bodyPr wrap="square" lIns="0" tIns="0" rIns="0" bIns="0" rtlCol="0"/>
            <a:lstStyle/>
            <a:p>
              <a:endParaRPr sz="1539"/>
            </a:p>
          </p:txBody>
        </p:sp>
        <p:sp>
          <p:nvSpPr>
            <p:cNvPr id="7" name="object 7"/>
            <p:cNvSpPr/>
            <p:nvPr/>
          </p:nvSpPr>
          <p:spPr>
            <a:xfrm>
              <a:off x="1019556" y="5074919"/>
              <a:ext cx="8952230" cy="1687195"/>
            </a:xfrm>
            <a:custGeom>
              <a:avLst/>
              <a:gdLst/>
              <a:ahLst/>
              <a:cxnLst/>
              <a:rect l="l" t="t" r="r" b="b"/>
              <a:pathLst>
                <a:path w="8952230" h="1687195">
                  <a:moveTo>
                    <a:pt x="344424" y="248412"/>
                  </a:moveTo>
                  <a:lnTo>
                    <a:pt x="0" y="248412"/>
                  </a:lnTo>
                  <a:lnTo>
                    <a:pt x="0" y="1687080"/>
                  </a:lnTo>
                  <a:lnTo>
                    <a:pt x="344424" y="1687080"/>
                  </a:lnTo>
                  <a:lnTo>
                    <a:pt x="344424" y="248412"/>
                  </a:lnTo>
                  <a:close/>
                </a:path>
                <a:path w="8952230" h="1687195">
                  <a:moveTo>
                    <a:pt x="1301496" y="0"/>
                  </a:moveTo>
                  <a:lnTo>
                    <a:pt x="955548" y="0"/>
                  </a:lnTo>
                  <a:lnTo>
                    <a:pt x="955548" y="1687080"/>
                  </a:lnTo>
                  <a:lnTo>
                    <a:pt x="1301496" y="1687080"/>
                  </a:lnTo>
                  <a:lnTo>
                    <a:pt x="1301496" y="0"/>
                  </a:lnTo>
                  <a:close/>
                </a:path>
                <a:path w="8952230" h="1687195">
                  <a:moveTo>
                    <a:pt x="2257044" y="3048"/>
                  </a:moveTo>
                  <a:lnTo>
                    <a:pt x="1912620" y="3048"/>
                  </a:lnTo>
                  <a:lnTo>
                    <a:pt x="1912620" y="1687080"/>
                  </a:lnTo>
                  <a:lnTo>
                    <a:pt x="2257044" y="1687080"/>
                  </a:lnTo>
                  <a:lnTo>
                    <a:pt x="2257044" y="3048"/>
                  </a:lnTo>
                  <a:close/>
                </a:path>
                <a:path w="8952230" h="1687195">
                  <a:moveTo>
                    <a:pt x="3214116" y="152400"/>
                  </a:moveTo>
                  <a:lnTo>
                    <a:pt x="2868168" y="152400"/>
                  </a:lnTo>
                  <a:lnTo>
                    <a:pt x="2868168" y="1687080"/>
                  </a:lnTo>
                  <a:lnTo>
                    <a:pt x="3214116" y="1687080"/>
                  </a:lnTo>
                  <a:lnTo>
                    <a:pt x="3214116" y="152400"/>
                  </a:lnTo>
                  <a:close/>
                </a:path>
                <a:path w="8952230" h="1687195">
                  <a:moveTo>
                    <a:pt x="4169664" y="199644"/>
                  </a:moveTo>
                  <a:lnTo>
                    <a:pt x="3825240" y="199644"/>
                  </a:lnTo>
                  <a:lnTo>
                    <a:pt x="3825240" y="1687080"/>
                  </a:lnTo>
                  <a:lnTo>
                    <a:pt x="4169664" y="1687080"/>
                  </a:lnTo>
                  <a:lnTo>
                    <a:pt x="4169664" y="199644"/>
                  </a:lnTo>
                  <a:close/>
                </a:path>
                <a:path w="8952230" h="1687195">
                  <a:moveTo>
                    <a:pt x="5126736" y="350520"/>
                  </a:moveTo>
                  <a:lnTo>
                    <a:pt x="4780788" y="350520"/>
                  </a:lnTo>
                  <a:lnTo>
                    <a:pt x="4780788" y="1687080"/>
                  </a:lnTo>
                  <a:lnTo>
                    <a:pt x="5126736" y="1687080"/>
                  </a:lnTo>
                  <a:lnTo>
                    <a:pt x="5126736" y="350520"/>
                  </a:lnTo>
                  <a:close/>
                </a:path>
                <a:path w="8952230" h="1687195">
                  <a:moveTo>
                    <a:pt x="6083808" y="537972"/>
                  </a:moveTo>
                  <a:lnTo>
                    <a:pt x="5737860" y="537972"/>
                  </a:lnTo>
                  <a:lnTo>
                    <a:pt x="5737860" y="1687080"/>
                  </a:lnTo>
                  <a:lnTo>
                    <a:pt x="6083808" y="1687080"/>
                  </a:lnTo>
                  <a:lnTo>
                    <a:pt x="6083808" y="537972"/>
                  </a:lnTo>
                  <a:close/>
                </a:path>
                <a:path w="8952230" h="1687195">
                  <a:moveTo>
                    <a:pt x="7039356" y="777240"/>
                  </a:moveTo>
                  <a:lnTo>
                    <a:pt x="6694932" y="777240"/>
                  </a:lnTo>
                  <a:lnTo>
                    <a:pt x="6694932" y="1687080"/>
                  </a:lnTo>
                  <a:lnTo>
                    <a:pt x="7039356" y="1687080"/>
                  </a:lnTo>
                  <a:lnTo>
                    <a:pt x="7039356" y="777240"/>
                  </a:lnTo>
                  <a:close/>
                </a:path>
                <a:path w="8952230" h="1687195">
                  <a:moveTo>
                    <a:pt x="7996428" y="897636"/>
                  </a:moveTo>
                  <a:lnTo>
                    <a:pt x="7650480" y="897636"/>
                  </a:lnTo>
                  <a:lnTo>
                    <a:pt x="7650480" y="1687080"/>
                  </a:lnTo>
                  <a:lnTo>
                    <a:pt x="7996428" y="1687080"/>
                  </a:lnTo>
                  <a:lnTo>
                    <a:pt x="7996428" y="897636"/>
                  </a:lnTo>
                  <a:close/>
                </a:path>
                <a:path w="8952230" h="1687195">
                  <a:moveTo>
                    <a:pt x="8951976" y="906780"/>
                  </a:moveTo>
                  <a:lnTo>
                    <a:pt x="8607552" y="906780"/>
                  </a:lnTo>
                  <a:lnTo>
                    <a:pt x="8607552" y="1687080"/>
                  </a:lnTo>
                  <a:lnTo>
                    <a:pt x="8951976" y="1687080"/>
                  </a:lnTo>
                  <a:lnTo>
                    <a:pt x="8951976" y="906780"/>
                  </a:lnTo>
                  <a:close/>
                </a:path>
              </a:pathLst>
            </a:custGeom>
            <a:solidFill>
              <a:srgbClr val="FF7C80"/>
            </a:solidFill>
          </p:spPr>
          <p:txBody>
            <a:bodyPr wrap="square" lIns="0" tIns="0" rIns="0" bIns="0" rtlCol="0"/>
            <a:lstStyle/>
            <a:p>
              <a:endParaRPr sz="1539"/>
            </a:p>
          </p:txBody>
        </p:sp>
        <p:sp>
          <p:nvSpPr>
            <p:cNvPr id="8" name="object 8"/>
            <p:cNvSpPr/>
            <p:nvPr/>
          </p:nvSpPr>
          <p:spPr>
            <a:xfrm>
              <a:off x="1456944" y="2548127"/>
              <a:ext cx="8953500" cy="4214495"/>
            </a:xfrm>
            <a:custGeom>
              <a:avLst/>
              <a:gdLst/>
              <a:ahLst/>
              <a:cxnLst/>
              <a:rect l="l" t="t" r="r" b="b"/>
              <a:pathLst>
                <a:path w="8953500" h="4214495">
                  <a:moveTo>
                    <a:pt x="345948" y="541020"/>
                  </a:moveTo>
                  <a:lnTo>
                    <a:pt x="0" y="541020"/>
                  </a:lnTo>
                  <a:lnTo>
                    <a:pt x="0" y="4213872"/>
                  </a:lnTo>
                  <a:lnTo>
                    <a:pt x="345948" y="4213872"/>
                  </a:lnTo>
                  <a:lnTo>
                    <a:pt x="345948" y="541020"/>
                  </a:lnTo>
                  <a:close/>
                </a:path>
                <a:path w="8953500" h="4214495">
                  <a:moveTo>
                    <a:pt x="1301496" y="10668"/>
                  </a:moveTo>
                  <a:lnTo>
                    <a:pt x="957072" y="10668"/>
                  </a:lnTo>
                  <a:lnTo>
                    <a:pt x="957072" y="4213872"/>
                  </a:lnTo>
                  <a:lnTo>
                    <a:pt x="1301496" y="4213872"/>
                  </a:lnTo>
                  <a:lnTo>
                    <a:pt x="1301496" y="10668"/>
                  </a:lnTo>
                  <a:close/>
                </a:path>
                <a:path w="8953500" h="4214495">
                  <a:moveTo>
                    <a:pt x="2258568" y="47244"/>
                  </a:moveTo>
                  <a:lnTo>
                    <a:pt x="1912620" y="47244"/>
                  </a:lnTo>
                  <a:lnTo>
                    <a:pt x="1912620" y="4213872"/>
                  </a:lnTo>
                  <a:lnTo>
                    <a:pt x="2258568" y="4213872"/>
                  </a:lnTo>
                  <a:lnTo>
                    <a:pt x="2258568" y="47244"/>
                  </a:lnTo>
                  <a:close/>
                </a:path>
                <a:path w="8953500" h="4214495">
                  <a:moveTo>
                    <a:pt x="3215640" y="38100"/>
                  </a:moveTo>
                  <a:lnTo>
                    <a:pt x="2869692" y="38100"/>
                  </a:lnTo>
                  <a:lnTo>
                    <a:pt x="2869692" y="4213872"/>
                  </a:lnTo>
                  <a:lnTo>
                    <a:pt x="3215640" y="4213872"/>
                  </a:lnTo>
                  <a:lnTo>
                    <a:pt x="3215640" y="38100"/>
                  </a:lnTo>
                  <a:close/>
                </a:path>
                <a:path w="8953500" h="4214495">
                  <a:moveTo>
                    <a:pt x="4171188" y="108204"/>
                  </a:moveTo>
                  <a:lnTo>
                    <a:pt x="3826764" y="108204"/>
                  </a:lnTo>
                  <a:lnTo>
                    <a:pt x="3826764" y="4213872"/>
                  </a:lnTo>
                  <a:lnTo>
                    <a:pt x="4171188" y="4213872"/>
                  </a:lnTo>
                  <a:lnTo>
                    <a:pt x="4171188" y="108204"/>
                  </a:lnTo>
                  <a:close/>
                </a:path>
                <a:path w="8953500" h="4214495">
                  <a:moveTo>
                    <a:pt x="5128260" y="0"/>
                  </a:moveTo>
                  <a:lnTo>
                    <a:pt x="4782312" y="0"/>
                  </a:lnTo>
                  <a:lnTo>
                    <a:pt x="4782312" y="4213872"/>
                  </a:lnTo>
                  <a:lnTo>
                    <a:pt x="5128260" y="4213872"/>
                  </a:lnTo>
                  <a:lnTo>
                    <a:pt x="5128260" y="0"/>
                  </a:lnTo>
                  <a:close/>
                </a:path>
                <a:path w="8953500" h="4214495">
                  <a:moveTo>
                    <a:pt x="6083808" y="397764"/>
                  </a:moveTo>
                  <a:lnTo>
                    <a:pt x="5739384" y="397764"/>
                  </a:lnTo>
                  <a:lnTo>
                    <a:pt x="5739384" y="4213872"/>
                  </a:lnTo>
                  <a:lnTo>
                    <a:pt x="6083808" y="4213872"/>
                  </a:lnTo>
                  <a:lnTo>
                    <a:pt x="6083808" y="397764"/>
                  </a:lnTo>
                  <a:close/>
                </a:path>
                <a:path w="8953500" h="4214495">
                  <a:moveTo>
                    <a:pt x="7040880" y="509016"/>
                  </a:moveTo>
                  <a:lnTo>
                    <a:pt x="6694932" y="509016"/>
                  </a:lnTo>
                  <a:lnTo>
                    <a:pt x="6694932" y="4213872"/>
                  </a:lnTo>
                  <a:lnTo>
                    <a:pt x="7040880" y="4213872"/>
                  </a:lnTo>
                  <a:lnTo>
                    <a:pt x="7040880" y="509016"/>
                  </a:lnTo>
                  <a:close/>
                </a:path>
                <a:path w="8953500" h="4214495">
                  <a:moveTo>
                    <a:pt x="7997952" y="473964"/>
                  </a:moveTo>
                  <a:lnTo>
                    <a:pt x="7652004" y="473964"/>
                  </a:lnTo>
                  <a:lnTo>
                    <a:pt x="7652004" y="4213872"/>
                  </a:lnTo>
                  <a:lnTo>
                    <a:pt x="7997952" y="4213872"/>
                  </a:lnTo>
                  <a:lnTo>
                    <a:pt x="7997952" y="473964"/>
                  </a:lnTo>
                  <a:close/>
                </a:path>
                <a:path w="8953500" h="4214495">
                  <a:moveTo>
                    <a:pt x="8953500" y="184404"/>
                  </a:moveTo>
                  <a:lnTo>
                    <a:pt x="8609076" y="184404"/>
                  </a:lnTo>
                  <a:lnTo>
                    <a:pt x="8609076" y="4213872"/>
                  </a:lnTo>
                  <a:lnTo>
                    <a:pt x="8953500" y="4213872"/>
                  </a:lnTo>
                  <a:lnTo>
                    <a:pt x="8953500" y="184404"/>
                  </a:lnTo>
                  <a:close/>
                </a:path>
              </a:pathLst>
            </a:custGeom>
            <a:solidFill>
              <a:srgbClr val="8EB3E2"/>
            </a:solidFill>
          </p:spPr>
          <p:txBody>
            <a:bodyPr wrap="square" lIns="0" tIns="0" rIns="0" bIns="0" rtlCol="0"/>
            <a:lstStyle/>
            <a:p>
              <a:endParaRPr sz="1539"/>
            </a:p>
          </p:txBody>
        </p:sp>
        <p:sp>
          <p:nvSpPr>
            <p:cNvPr id="9" name="object 9"/>
            <p:cNvSpPr/>
            <p:nvPr/>
          </p:nvSpPr>
          <p:spPr>
            <a:xfrm>
              <a:off x="932688" y="6757421"/>
              <a:ext cx="9565005" cy="9525"/>
            </a:xfrm>
            <a:custGeom>
              <a:avLst/>
              <a:gdLst/>
              <a:ahLst/>
              <a:cxnLst/>
              <a:rect l="l" t="t" r="r" b="b"/>
              <a:pathLst>
                <a:path w="9565005" h="9525">
                  <a:moveTo>
                    <a:pt x="9564623" y="0"/>
                  </a:moveTo>
                  <a:lnTo>
                    <a:pt x="0" y="0"/>
                  </a:lnTo>
                  <a:lnTo>
                    <a:pt x="0" y="9144"/>
                  </a:lnTo>
                  <a:lnTo>
                    <a:pt x="9564623" y="9144"/>
                  </a:lnTo>
                  <a:lnTo>
                    <a:pt x="9564623" y="0"/>
                  </a:lnTo>
                  <a:close/>
                </a:path>
              </a:pathLst>
            </a:custGeom>
            <a:solidFill>
              <a:srgbClr val="000000"/>
            </a:solidFill>
          </p:spPr>
          <p:txBody>
            <a:bodyPr wrap="square" lIns="0" tIns="0" rIns="0" bIns="0" rtlCol="0"/>
            <a:lstStyle/>
            <a:p>
              <a:endParaRPr sz="1539"/>
            </a:p>
          </p:txBody>
        </p:sp>
      </p:grpSp>
      <p:sp>
        <p:nvSpPr>
          <p:cNvPr id="10" name="object 10"/>
          <p:cNvSpPr/>
          <p:nvPr/>
        </p:nvSpPr>
        <p:spPr>
          <a:xfrm>
            <a:off x="797548" y="1787966"/>
            <a:ext cx="8179102" cy="8145"/>
          </a:xfrm>
          <a:custGeom>
            <a:avLst/>
            <a:gdLst/>
            <a:ahLst/>
            <a:cxnLst/>
            <a:rect l="l" t="t" r="r" b="b"/>
            <a:pathLst>
              <a:path w="9565005" h="9525">
                <a:moveTo>
                  <a:pt x="9564623" y="0"/>
                </a:moveTo>
                <a:lnTo>
                  <a:pt x="0" y="0"/>
                </a:lnTo>
                <a:lnTo>
                  <a:pt x="0" y="9144"/>
                </a:lnTo>
                <a:lnTo>
                  <a:pt x="9564623" y="9144"/>
                </a:lnTo>
                <a:lnTo>
                  <a:pt x="9564623" y="0"/>
                </a:lnTo>
                <a:close/>
              </a:path>
            </a:pathLst>
          </a:custGeom>
          <a:solidFill>
            <a:srgbClr val="D8D8D8"/>
          </a:solidFill>
        </p:spPr>
        <p:txBody>
          <a:bodyPr wrap="square" lIns="0" tIns="0" rIns="0" bIns="0" rtlCol="0"/>
          <a:lstStyle/>
          <a:p>
            <a:endParaRPr sz="1539"/>
          </a:p>
        </p:txBody>
      </p:sp>
      <p:sp>
        <p:nvSpPr>
          <p:cNvPr id="11" name="object 11"/>
          <p:cNvSpPr txBox="1"/>
          <p:nvPr/>
        </p:nvSpPr>
        <p:spPr>
          <a:xfrm>
            <a:off x="777565" y="4434298"/>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2,939</a:t>
            </a:r>
            <a:endParaRPr sz="1283">
              <a:latin typeface="メイリオ"/>
              <a:cs typeface="メイリオ"/>
            </a:endParaRPr>
          </a:p>
        </p:txBody>
      </p:sp>
      <p:sp>
        <p:nvSpPr>
          <p:cNvPr id="12" name="object 12"/>
          <p:cNvSpPr txBox="1"/>
          <p:nvPr/>
        </p:nvSpPr>
        <p:spPr>
          <a:xfrm>
            <a:off x="1595964" y="4280522"/>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3,446</a:t>
            </a:r>
            <a:endParaRPr sz="1283">
              <a:latin typeface="メイリオ"/>
              <a:cs typeface="メイリオ"/>
            </a:endParaRPr>
          </a:p>
        </p:txBody>
      </p:sp>
      <p:sp>
        <p:nvSpPr>
          <p:cNvPr id="13" name="object 13"/>
          <p:cNvSpPr txBox="1"/>
          <p:nvPr/>
        </p:nvSpPr>
        <p:spPr>
          <a:xfrm>
            <a:off x="2413059" y="4294857"/>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3,441</a:t>
            </a:r>
            <a:endParaRPr sz="1283">
              <a:latin typeface="メイリオ"/>
              <a:cs typeface="メイリオ"/>
            </a:endParaRPr>
          </a:p>
        </p:txBody>
      </p:sp>
      <p:sp>
        <p:nvSpPr>
          <p:cNvPr id="14" name="object 14"/>
          <p:cNvSpPr txBox="1"/>
          <p:nvPr/>
        </p:nvSpPr>
        <p:spPr>
          <a:xfrm>
            <a:off x="3231458" y="4399111"/>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3,136</a:t>
            </a:r>
            <a:endParaRPr sz="1283">
              <a:latin typeface="メイリオ"/>
              <a:cs typeface="メイリオ"/>
            </a:endParaRPr>
          </a:p>
        </p:txBody>
      </p:sp>
      <p:sp>
        <p:nvSpPr>
          <p:cNvPr id="15" name="object 15"/>
          <p:cNvSpPr txBox="1"/>
          <p:nvPr/>
        </p:nvSpPr>
        <p:spPr>
          <a:xfrm>
            <a:off x="4048554" y="4451239"/>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3,039</a:t>
            </a:r>
            <a:endParaRPr sz="1283">
              <a:latin typeface="メイリオ"/>
              <a:cs typeface="メイリオ"/>
            </a:endParaRPr>
          </a:p>
        </p:txBody>
      </p:sp>
      <p:sp>
        <p:nvSpPr>
          <p:cNvPr id="16" name="object 16"/>
          <p:cNvSpPr txBox="1"/>
          <p:nvPr/>
        </p:nvSpPr>
        <p:spPr>
          <a:xfrm>
            <a:off x="4866954" y="4603711"/>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2,731</a:t>
            </a:r>
            <a:endParaRPr sz="1283">
              <a:latin typeface="メイリオ"/>
              <a:cs typeface="メイリオ"/>
            </a:endParaRPr>
          </a:p>
        </p:txBody>
      </p:sp>
      <p:sp>
        <p:nvSpPr>
          <p:cNvPr id="17" name="object 17"/>
          <p:cNvSpPr txBox="1"/>
          <p:nvPr/>
        </p:nvSpPr>
        <p:spPr>
          <a:xfrm>
            <a:off x="5685352" y="4752274"/>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2,347</a:t>
            </a:r>
            <a:endParaRPr sz="1283">
              <a:latin typeface="メイリオ"/>
              <a:cs typeface="メイリオ"/>
            </a:endParaRPr>
          </a:p>
        </p:txBody>
      </p:sp>
      <p:sp>
        <p:nvSpPr>
          <p:cNvPr id="18" name="object 18"/>
          <p:cNvSpPr txBox="1"/>
          <p:nvPr/>
        </p:nvSpPr>
        <p:spPr>
          <a:xfrm>
            <a:off x="6502448" y="4956874"/>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1,859</a:t>
            </a:r>
            <a:endParaRPr sz="1283">
              <a:latin typeface="メイリオ"/>
              <a:cs typeface="メイリオ"/>
            </a:endParaRPr>
          </a:p>
        </p:txBody>
      </p:sp>
      <p:sp>
        <p:nvSpPr>
          <p:cNvPr id="19" name="object 19"/>
          <p:cNvSpPr txBox="1"/>
          <p:nvPr/>
        </p:nvSpPr>
        <p:spPr>
          <a:xfrm>
            <a:off x="7320846" y="5036368"/>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1,612</a:t>
            </a:r>
            <a:endParaRPr sz="1283">
              <a:latin typeface="メイリオ"/>
              <a:cs typeface="メイリオ"/>
            </a:endParaRPr>
          </a:p>
        </p:txBody>
      </p:sp>
      <p:sp>
        <p:nvSpPr>
          <p:cNvPr id="20" name="object 20"/>
          <p:cNvSpPr txBox="1"/>
          <p:nvPr/>
        </p:nvSpPr>
        <p:spPr>
          <a:xfrm>
            <a:off x="8126214" y="5044187"/>
            <a:ext cx="486522" cy="209489"/>
          </a:xfrm>
          <a:prstGeom prst="rect">
            <a:avLst/>
          </a:prstGeom>
        </p:spPr>
        <p:txBody>
          <a:bodyPr vert="horz" wrap="square" lIns="0" tIns="11946" rIns="0" bIns="0" rtlCol="0">
            <a:spAutoFit/>
          </a:bodyPr>
          <a:lstStyle/>
          <a:p>
            <a:pPr marL="10860">
              <a:spcBef>
                <a:spcPts val="94"/>
              </a:spcBef>
            </a:pPr>
            <a:r>
              <a:rPr sz="1283" spc="-9" dirty="0">
                <a:latin typeface="メイリオ"/>
                <a:cs typeface="メイリオ"/>
              </a:rPr>
              <a:t>1,594</a:t>
            </a:r>
            <a:endParaRPr sz="1283">
              <a:latin typeface="メイリオ"/>
              <a:cs typeface="メイリオ"/>
            </a:endParaRPr>
          </a:p>
        </p:txBody>
      </p:sp>
      <p:sp>
        <p:nvSpPr>
          <p:cNvPr id="21" name="object 21"/>
          <p:cNvSpPr txBox="1"/>
          <p:nvPr/>
        </p:nvSpPr>
        <p:spPr>
          <a:xfrm>
            <a:off x="1167218" y="2588990"/>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7,504</a:t>
            </a:r>
            <a:endParaRPr sz="1197">
              <a:latin typeface="メイリオ"/>
              <a:cs typeface="メイリオ"/>
            </a:endParaRPr>
          </a:p>
        </p:txBody>
      </p:sp>
      <p:sp>
        <p:nvSpPr>
          <p:cNvPr id="22" name="object 22"/>
          <p:cNvSpPr txBox="1"/>
          <p:nvPr/>
        </p:nvSpPr>
        <p:spPr>
          <a:xfrm>
            <a:off x="1985616" y="2148515"/>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8,586</a:t>
            </a:r>
            <a:endParaRPr sz="1197">
              <a:latin typeface="メイリオ"/>
              <a:cs typeface="メイリオ"/>
            </a:endParaRPr>
          </a:p>
        </p:txBody>
      </p:sp>
      <p:sp>
        <p:nvSpPr>
          <p:cNvPr id="23" name="object 23"/>
          <p:cNvSpPr txBox="1"/>
          <p:nvPr/>
        </p:nvSpPr>
        <p:spPr>
          <a:xfrm>
            <a:off x="2802712" y="2178488"/>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8,512</a:t>
            </a:r>
            <a:endParaRPr sz="1197">
              <a:latin typeface="メイリオ"/>
              <a:cs typeface="メイリオ"/>
            </a:endParaRPr>
          </a:p>
        </p:txBody>
      </p:sp>
      <p:sp>
        <p:nvSpPr>
          <p:cNvPr id="24" name="object 24"/>
          <p:cNvSpPr txBox="1"/>
          <p:nvPr/>
        </p:nvSpPr>
        <p:spPr>
          <a:xfrm>
            <a:off x="3621111" y="2170669"/>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8,531</a:t>
            </a:r>
            <a:endParaRPr sz="1197">
              <a:latin typeface="メイリオ"/>
              <a:cs typeface="メイリオ"/>
            </a:endParaRPr>
          </a:p>
        </p:txBody>
      </p:sp>
      <p:sp>
        <p:nvSpPr>
          <p:cNvPr id="25" name="object 25"/>
          <p:cNvSpPr txBox="1"/>
          <p:nvPr/>
        </p:nvSpPr>
        <p:spPr>
          <a:xfrm>
            <a:off x="4438206" y="2230615"/>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8,387</a:t>
            </a:r>
            <a:endParaRPr sz="1197">
              <a:latin typeface="メイリオ"/>
              <a:cs typeface="メイリオ"/>
            </a:endParaRPr>
          </a:p>
        </p:txBody>
      </p:sp>
      <p:sp>
        <p:nvSpPr>
          <p:cNvPr id="26" name="object 26"/>
          <p:cNvSpPr txBox="1"/>
          <p:nvPr/>
        </p:nvSpPr>
        <p:spPr>
          <a:xfrm>
            <a:off x="5256606" y="2149818"/>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8,609</a:t>
            </a:r>
            <a:endParaRPr sz="1197">
              <a:latin typeface="メイリオ"/>
              <a:cs typeface="メイリオ"/>
            </a:endParaRPr>
          </a:p>
        </p:txBody>
      </p:sp>
      <p:sp>
        <p:nvSpPr>
          <p:cNvPr id="27" name="object 27"/>
          <p:cNvSpPr txBox="1"/>
          <p:nvPr/>
        </p:nvSpPr>
        <p:spPr>
          <a:xfrm>
            <a:off x="6073702" y="2444337"/>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7,794</a:t>
            </a:r>
            <a:endParaRPr sz="1197">
              <a:latin typeface="メイリオ"/>
              <a:cs typeface="メイリオ"/>
            </a:endParaRPr>
          </a:p>
        </p:txBody>
      </p:sp>
      <p:sp>
        <p:nvSpPr>
          <p:cNvPr id="28" name="object 28"/>
          <p:cNvSpPr txBox="1"/>
          <p:nvPr/>
        </p:nvSpPr>
        <p:spPr>
          <a:xfrm>
            <a:off x="6892100" y="2551197"/>
            <a:ext cx="455571" cy="195732"/>
          </a:xfrm>
          <a:prstGeom prst="rect">
            <a:avLst/>
          </a:prstGeom>
        </p:spPr>
        <p:txBody>
          <a:bodyPr vert="horz" wrap="square" lIns="0" tIns="11403" rIns="0" bIns="0" rtlCol="0">
            <a:spAutoFit/>
          </a:bodyPr>
          <a:lstStyle/>
          <a:p>
            <a:pPr marL="10860">
              <a:spcBef>
                <a:spcPts val="90"/>
              </a:spcBef>
            </a:pPr>
            <a:r>
              <a:rPr sz="1197" spc="-9" dirty="0">
                <a:latin typeface="メイリオ"/>
                <a:cs typeface="メイリオ"/>
              </a:rPr>
              <a:t>7,568</a:t>
            </a:r>
            <a:endParaRPr sz="1197">
              <a:latin typeface="メイリオ"/>
              <a:cs typeface="メイリオ"/>
            </a:endParaRPr>
          </a:p>
        </p:txBody>
      </p:sp>
      <p:sp>
        <p:nvSpPr>
          <p:cNvPr id="29" name="object 29"/>
          <p:cNvSpPr txBox="1"/>
          <p:nvPr/>
        </p:nvSpPr>
        <p:spPr>
          <a:xfrm>
            <a:off x="7659675" y="2492555"/>
            <a:ext cx="558197" cy="223666"/>
          </a:xfrm>
          <a:prstGeom prst="rect">
            <a:avLst/>
          </a:prstGeom>
        </p:spPr>
        <p:txBody>
          <a:bodyPr vert="horz" wrap="square" lIns="0" tIns="13032" rIns="0" bIns="0" rtlCol="0">
            <a:spAutoFit/>
          </a:bodyPr>
          <a:lstStyle/>
          <a:p>
            <a:pPr marL="10860">
              <a:spcBef>
                <a:spcPts val="103"/>
              </a:spcBef>
            </a:pPr>
            <a:r>
              <a:rPr sz="1368" b="1" spc="-9" dirty="0">
                <a:solidFill>
                  <a:srgbClr val="333399"/>
                </a:solidFill>
                <a:latin typeface="メイリオ"/>
                <a:cs typeface="メイリオ"/>
              </a:rPr>
              <a:t>7,640</a:t>
            </a:r>
            <a:endParaRPr sz="1368">
              <a:latin typeface="メイリオ"/>
              <a:cs typeface="メイリオ"/>
            </a:endParaRPr>
          </a:p>
        </p:txBody>
      </p:sp>
      <p:sp>
        <p:nvSpPr>
          <p:cNvPr id="30" name="object 30"/>
          <p:cNvSpPr txBox="1"/>
          <p:nvPr/>
        </p:nvSpPr>
        <p:spPr>
          <a:xfrm>
            <a:off x="8394670" y="2164153"/>
            <a:ext cx="558197" cy="223666"/>
          </a:xfrm>
          <a:prstGeom prst="rect">
            <a:avLst/>
          </a:prstGeom>
        </p:spPr>
        <p:txBody>
          <a:bodyPr vert="horz" wrap="square" lIns="0" tIns="13032" rIns="0" bIns="0" rtlCol="0">
            <a:spAutoFit/>
          </a:bodyPr>
          <a:lstStyle/>
          <a:p>
            <a:pPr marL="10860">
              <a:spcBef>
                <a:spcPts val="103"/>
              </a:spcBef>
            </a:pPr>
            <a:r>
              <a:rPr sz="1368" b="1" spc="-9" dirty="0">
                <a:solidFill>
                  <a:srgbClr val="333399"/>
                </a:solidFill>
                <a:latin typeface="メイリオ"/>
                <a:cs typeface="メイリオ"/>
              </a:rPr>
              <a:t>8,230</a:t>
            </a:r>
            <a:endParaRPr sz="1368">
              <a:latin typeface="メイリオ"/>
              <a:cs typeface="メイリオ"/>
            </a:endParaRPr>
          </a:p>
        </p:txBody>
      </p:sp>
      <p:sp>
        <p:nvSpPr>
          <p:cNvPr id="31" name="object 31"/>
          <p:cNvSpPr txBox="1"/>
          <p:nvPr/>
        </p:nvSpPr>
        <p:spPr>
          <a:xfrm>
            <a:off x="268022" y="5003788"/>
            <a:ext cx="378466" cy="22366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2000</a:t>
            </a:r>
            <a:endParaRPr sz="1368">
              <a:latin typeface="Calibri"/>
              <a:cs typeface="Calibri"/>
            </a:endParaRPr>
          </a:p>
        </p:txBody>
      </p:sp>
      <p:sp>
        <p:nvSpPr>
          <p:cNvPr id="32" name="object 32"/>
          <p:cNvSpPr txBox="1"/>
          <p:nvPr/>
        </p:nvSpPr>
        <p:spPr>
          <a:xfrm>
            <a:off x="268022" y="4585465"/>
            <a:ext cx="378466" cy="22366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3000</a:t>
            </a:r>
            <a:endParaRPr sz="1368">
              <a:latin typeface="Calibri"/>
              <a:cs typeface="Calibri"/>
            </a:endParaRPr>
          </a:p>
        </p:txBody>
      </p:sp>
      <p:sp>
        <p:nvSpPr>
          <p:cNvPr id="33" name="object 33"/>
          <p:cNvSpPr txBox="1"/>
          <p:nvPr/>
        </p:nvSpPr>
        <p:spPr>
          <a:xfrm>
            <a:off x="268022" y="4167145"/>
            <a:ext cx="378466" cy="22366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4000</a:t>
            </a:r>
            <a:endParaRPr sz="1368">
              <a:latin typeface="Calibri"/>
              <a:cs typeface="Calibri"/>
            </a:endParaRPr>
          </a:p>
        </p:txBody>
      </p:sp>
      <p:sp>
        <p:nvSpPr>
          <p:cNvPr id="34" name="object 34"/>
          <p:cNvSpPr txBox="1"/>
          <p:nvPr/>
        </p:nvSpPr>
        <p:spPr>
          <a:xfrm>
            <a:off x="268022" y="2910876"/>
            <a:ext cx="378466" cy="108069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7000</a:t>
            </a:r>
            <a:endParaRPr sz="1368">
              <a:latin typeface="Calibri"/>
              <a:cs typeface="Calibri"/>
            </a:endParaRPr>
          </a:p>
          <a:p>
            <a:pPr marL="10860">
              <a:spcBef>
                <a:spcPts val="1650"/>
              </a:spcBef>
            </a:pPr>
            <a:r>
              <a:rPr sz="1368" spc="-17" dirty="0">
                <a:latin typeface="Calibri"/>
                <a:cs typeface="Calibri"/>
              </a:rPr>
              <a:t>6000</a:t>
            </a:r>
            <a:endParaRPr sz="1368">
              <a:latin typeface="Calibri"/>
              <a:cs typeface="Calibri"/>
            </a:endParaRPr>
          </a:p>
          <a:p>
            <a:pPr marL="10860">
              <a:spcBef>
                <a:spcPts val="1655"/>
              </a:spcBef>
            </a:pPr>
            <a:r>
              <a:rPr sz="1368" spc="-17" dirty="0">
                <a:latin typeface="Calibri"/>
                <a:cs typeface="Calibri"/>
              </a:rPr>
              <a:t>5000</a:t>
            </a:r>
            <a:endParaRPr sz="1368">
              <a:latin typeface="Calibri"/>
              <a:cs typeface="Calibri"/>
            </a:endParaRPr>
          </a:p>
        </p:txBody>
      </p:sp>
      <p:sp>
        <p:nvSpPr>
          <p:cNvPr id="35" name="object 35"/>
          <p:cNvSpPr txBox="1"/>
          <p:nvPr/>
        </p:nvSpPr>
        <p:spPr>
          <a:xfrm>
            <a:off x="268022" y="2492555"/>
            <a:ext cx="378466" cy="22366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8000</a:t>
            </a:r>
            <a:endParaRPr sz="1368">
              <a:latin typeface="Calibri"/>
              <a:cs typeface="Calibri"/>
            </a:endParaRPr>
          </a:p>
        </p:txBody>
      </p:sp>
      <p:sp>
        <p:nvSpPr>
          <p:cNvPr id="36" name="object 36"/>
          <p:cNvSpPr txBox="1"/>
          <p:nvPr/>
        </p:nvSpPr>
        <p:spPr>
          <a:xfrm>
            <a:off x="268022" y="2072929"/>
            <a:ext cx="378466" cy="223666"/>
          </a:xfrm>
          <a:prstGeom prst="rect">
            <a:avLst/>
          </a:prstGeom>
        </p:spPr>
        <p:txBody>
          <a:bodyPr vert="horz" wrap="square" lIns="0" tIns="13032" rIns="0" bIns="0" rtlCol="0">
            <a:spAutoFit/>
          </a:bodyPr>
          <a:lstStyle/>
          <a:p>
            <a:pPr marL="10860">
              <a:spcBef>
                <a:spcPts val="103"/>
              </a:spcBef>
            </a:pPr>
            <a:r>
              <a:rPr sz="1368" spc="-17" dirty="0">
                <a:latin typeface="Calibri"/>
                <a:cs typeface="Calibri"/>
              </a:rPr>
              <a:t>9000</a:t>
            </a:r>
            <a:endParaRPr sz="1368">
              <a:latin typeface="Calibri"/>
              <a:cs typeface="Calibri"/>
            </a:endParaRPr>
          </a:p>
        </p:txBody>
      </p:sp>
      <p:sp>
        <p:nvSpPr>
          <p:cNvPr id="37" name="object 37"/>
          <p:cNvSpPr txBox="1"/>
          <p:nvPr/>
        </p:nvSpPr>
        <p:spPr>
          <a:xfrm>
            <a:off x="179405" y="1654608"/>
            <a:ext cx="468060" cy="223666"/>
          </a:xfrm>
          <a:prstGeom prst="rect">
            <a:avLst/>
          </a:prstGeom>
        </p:spPr>
        <p:txBody>
          <a:bodyPr vert="horz" wrap="square" lIns="0" tIns="13032" rIns="0" bIns="0" rtlCol="0">
            <a:spAutoFit/>
          </a:bodyPr>
          <a:lstStyle/>
          <a:p>
            <a:pPr marL="10860">
              <a:spcBef>
                <a:spcPts val="103"/>
              </a:spcBef>
            </a:pPr>
            <a:r>
              <a:rPr sz="1368" spc="-9" dirty="0">
                <a:latin typeface="Calibri"/>
                <a:cs typeface="Calibri"/>
              </a:rPr>
              <a:t>10000</a:t>
            </a:r>
            <a:endParaRPr sz="1368">
              <a:latin typeface="Calibri"/>
              <a:cs typeface="Calibri"/>
            </a:endParaRPr>
          </a:p>
        </p:txBody>
      </p:sp>
      <p:sp>
        <p:nvSpPr>
          <p:cNvPr id="38" name="object 38"/>
          <p:cNvSpPr/>
          <p:nvPr/>
        </p:nvSpPr>
        <p:spPr>
          <a:xfrm>
            <a:off x="6053285" y="1936530"/>
            <a:ext cx="118915" cy="120001"/>
          </a:xfrm>
          <a:custGeom>
            <a:avLst/>
            <a:gdLst/>
            <a:ahLst/>
            <a:cxnLst/>
            <a:rect l="l" t="t" r="r" b="b"/>
            <a:pathLst>
              <a:path w="139065" h="140335">
                <a:moveTo>
                  <a:pt x="138683" y="0"/>
                </a:moveTo>
                <a:lnTo>
                  <a:pt x="0" y="0"/>
                </a:lnTo>
                <a:lnTo>
                  <a:pt x="0" y="140208"/>
                </a:lnTo>
                <a:lnTo>
                  <a:pt x="138683" y="140208"/>
                </a:lnTo>
                <a:lnTo>
                  <a:pt x="138683" y="0"/>
                </a:lnTo>
                <a:close/>
              </a:path>
            </a:pathLst>
          </a:custGeom>
          <a:solidFill>
            <a:srgbClr val="FF7C80"/>
          </a:solidFill>
        </p:spPr>
        <p:txBody>
          <a:bodyPr wrap="square" lIns="0" tIns="0" rIns="0" bIns="0" rtlCol="0"/>
          <a:lstStyle/>
          <a:p>
            <a:endParaRPr sz="1539"/>
          </a:p>
        </p:txBody>
      </p:sp>
      <p:sp>
        <p:nvSpPr>
          <p:cNvPr id="39" name="object 39"/>
          <p:cNvSpPr txBox="1"/>
          <p:nvPr/>
        </p:nvSpPr>
        <p:spPr>
          <a:xfrm>
            <a:off x="6217050" y="1872240"/>
            <a:ext cx="373579" cy="223666"/>
          </a:xfrm>
          <a:prstGeom prst="rect">
            <a:avLst/>
          </a:prstGeom>
        </p:spPr>
        <p:txBody>
          <a:bodyPr vert="horz" wrap="square" lIns="0" tIns="13032" rIns="0" bIns="0" rtlCol="0">
            <a:spAutoFit/>
          </a:bodyPr>
          <a:lstStyle/>
          <a:p>
            <a:pPr marL="10860">
              <a:spcBef>
                <a:spcPts val="103"/>
              </a:spcBef>
            </a:pPr>
            <a:r>
              <a:rPr sz="1368" spc="-26" dirty="0">
                <a:latin typeface="メイリオ"/>
                <a:cs typeface="メイリオ"/>
              </a:rPr>
              <a:t>倒産</a:t>
            </a:r>
            <a:endParaRPr sz="1368">
              <a:latin typeface="メイリオ"/>
              <a:cs typeface="メイリオ"/>
            </a:endParaRPr>
          </a:p>
        </p:txBody>
      </p:sp>
      <p:sp>
        <p:nvSpPr>
          <p:cNvPr id="40" name="object 40"/>
          <p:cNvSpPr/>
          <p:nvPr/>
        </p:nvSpPr>
        <p:spPr>
          <a:xfrm>
            <a:off x="6876896" y="1936530"/>
            <a:ext cx="120001" cy="120001"/>
          </a:xfrm>
          <a:custGeom>
            <a:avLst/>
            <a:gdLst/>
            <a:ahLst/>
            <a:cxnLst/>
            <a:rect l="l" t="t" r="r" b="b"/>
            <a:pathLst>
              <a:path w="140334" h="140335">
                <a:moveTo>
                  <a:pt x="140207" y="0"/>
                </a:moveTo>
                <a:lnTo>
                  <a:pt x="0" y="0"/>
                </a:lnTo>
                <a:lnTo>
                  <a:pt x="0" y="140208"/>
                </a:lnTo>
                <a:lnTo>
                  <a:pt x="140207" y="140208"/>
                </a:lnTo>
                <a:lnTo>
                  <a:pt x="140207" y="0"/>
                </a:lnTo>
                <a:close/>
              </a:path>
            </a:pathLst>
          </a:custGeom>
          <a:solidFill>
            <a:srgbClr val="8EB3E2"/>
          </a:solidFill>
        </p:spPr>
        <p:txBody>
          <a:bodyPr wrap="square" lIns="0" tIns="0" rIns="0" bIns="0" rtlCol="0"/>
          <a:lstStyle/>
          <a:p>
            <a:endParaRPr sz="1539"/>
          </a:p>
        </p:txBody>
      </p:sp>
      <p:sp>
        <p:nvSpPr>
          <p:cNvPr id="41" name="object 41"/>
          <p:cNvSpPr txBox="1"/>
          <p:nvPr/>
        </p:nvSpPr>
        <p:spPr>
          <a:xfrm>
            <a:off x="7041966" y="1872240"/>
            <a:ext cx="1077298" cy="223666"/>
          </a:xfrm>
          <a:prstGeom prst="rect">
            <a:avLst/>
          </a:prstGeom>
        </p:spPr>
        <p:txBody>
          <a:bodyPr vert="horz" wrap="square" lIns="0" tIns="13032" rIns="0" bIns="0" rtlCol="0">
            <a:spAutoFit/>
          </a:bodyPr>
          <a:lstStyle/>
          <a:p>
            <a:pPr marL="10860">
              <a:spcBef>
                <a:spcPts val="103"/>
              </a:spcBef>
            </a:pPr>
            <a:r>
              <a:rPr sz="1368" spc="-9" dirty="0">
                <a:latin typeface="メイリオ"/>
                <a:cs typeface="メイリオ"/>
              </a:rPr>
              <a:t>休廃業・解散</a:t>
            </a:r>
            <a:endParaRPr sz="1368">
              <a:latin typeface="メイリオ"/>
              <a:cs typeface="メイリオ"/>
            </a:endParaRPr>
          </a:p>
        </p:txBody>
      </p:sp>
      <p:grpSp>
        <p:nvGrpSpPr>
          <p:cNvPr id="42" name="object 42"/>
          <p:cNvGrpSpPr/>
          <p:nvPr/>
        </p:nvGrpSpPr>
        <p:grpSpPr>
          <a:xfrm>
            <a:off x="1803605" y="2040783"/>
            <a:ext cx="7219633" cy="3596785"/>
            <a:chOff x="2109216" y="2157983"/>
            <a:chExt cx="8442960" cy="4206240"/>
          </a:xfrm>
        </p:grpSpPr>
        <p:sp>
          <p:nvSpPr>
            <p:cNvPr id="43" name="object 43"/>
            <p:cNvSpPr/>
            <p:nvPr/>
          </p:nvSpPr>
          <p:spPr>
            <a:xfrm>
              <a:off x="2109216" y="5416295"/>
              <a:ext cx="7734300" cy="948055"/>
            </a:xfrm>
            <a:custGeom>
              <a:avLst/>
              <a:gdLst/>
              <a:ahLst/>
              <a:cxnLst/>
              <a:rect l="l" t="t" r="r" b="b"/>
              <a:pathLst>
                <a:path w="7734300" h="948054">
                  <a:moveTo>
                    <a:pt x="10667" y="0"/>
                  </a:moveTo>
                  <a:lnTo>
                    <a:pt x="0" y="97535"/>
                  </a:lnTo>
                  <a:lnTo>
                    <a:pt x="7632191" y="899165"/>
                  </a:lnTo>
                  <a:lnTo>
                    <a:pt x="7627619" y="947933"/>
                  </a:lnTo>
                  <a:lnTo>
                    <a:pt x="7734300" y="861060"/>
                  </a:lnTo>
                  <a:lnTo>
                    <a:pt x="7647432" y="754379"/>
                  </a:lnTo>
                  <a:lnTo>
                    <a:pt x="7642859" y="803147"/>
                  </a:lnTo>
                  <a:lnTo>
                    <a:pt x="10667" y="0"/>
                  </a:lnTo>
                  <a:close/>
                </a:path>
              </a:pathLst>
            </a:custGeom>
            <a:solidFill>
              <a:srgbClr val="FF0000"/>
            </a:solidFill>
          </p:spPr>
          <p:txBody>
            <a:bodyPr wrap="square" lIns="0" tIns="0" rIns="0" bIns="0" rtlCol="0"/>
            <a:lstStyle/>
            <a:p>
              <a:endParaRPr sz="1539"/>
            </a:p>
          </p:txBody>
        </p:sp>
        <p:sp>
          <p:nvSpPr>
            <p:cNvPr id="44" name="object 44"/>
            <p:cNvSpPr/>
            <p:nvPr/>
          </p:nvSpPr>
          <p:spPr>
            <a:xfrm>
              <a:off x="9343644" y="2157983"/>
              <a:ext cx="1209040" cy="617220"/>
            </a:xfrm>
            <a:custGeom>
              <a:avLst/>
              <a:gdLst/>
              <a:ahLst/>
              <a:cxnLst/>
              <a:rect l="l" t="t" r="r" b="b"/>
              <a:pathLst>
                <a:path w="1209040" h="617219">
                  <a:moveTo>
                    <a:pt x="384048" y="385572"/>
                  </a:moveTo>
                  <a:lnTo>
                    <a:pt x="262128" y="324612"/>
                  </a:lnTo>
                  <a:lnTo>
                    <a:pt x="277368" y="370332"/>
                  </a:lnTo>
                  <a:lnTo>
                    <a:pt x="0" y="461772"/>
                  </a:lnTo>
                  <a:lnTo>
                    <a:pt x="30480" y="554736"/>
                  </a:lnTo>
                  <a:lnTo>
                    <a:pt x="307848" y="463296"/>
                  </a:lnTo>
                  <a:lnTo>
                    <a:pt x="323088" y="509016"/>
                  </a:lnTo>
                  <a:lnTo>
                    <a:pt x="384048" y="385572"/>
                  </a:lnTo>
                  <a:close/>
                </a:path>
                <a:path w="1209040" h="617219">
                  <a:moveTo>
                    <a:pt x="1208532" y="307848"/>
                  </a:moveTo>
                  <a:lnTo>
                    <a:pt x="1207008" y="292608"/>
                  </a:lnTo>
                  <a:lnTo>
                    <a:pt x="1205484" y="275844"/>
                  </a:lnTo>
                  <a:lnTo>
                    <a:pt x="1199388" y="245364"/>
                  </a:lnTo>
                  <a:lnTo>
                    <a:pt x="1182624" y="201168"/>
                  </a:lnTo>
                  <a:lnTo>
                    <a:pt x="1173480" y="183184"/>
                  </a:lnTo>
                  <a:lnTo>
                    <a:pt x="1173480" y="295656"/>
                  </a:lnTo>
                  <a:lnTo>
                    <a:pt x="1173480" y="323088"/>
                  </a:lnTo>
                  <a:lnTo>
                    <a:pt x="1171956" y="336804"/>
                  </a:lnTo>
                  <a:lnTo>
                    <a:pt x="1165860" y="364236"/>
                  </a:lnTo>
                  <a:lnTo>
                    <a:pt x="1162812" y="376428"/>
                  </a:lnTo>
                  <a:lnTo>
                    <a:pt x="1156716" y="388620"/>
                  </a:lnTo>
                  <a:lnTo>
                    <a:pt x="1152144" y="402336"/>
                  </a:lnTo>
                  <a:lnTo>
                    <a:pt x="1144524" y="414528"/>
                  </a:lnTo>
                  <a:lnTo>
                    <a:pt x="1138428" y="426720"/>
                  </a:lnTo>
                  <a:lnTo>
                    <a:pt x="1129284" y="437388"/>
                  </a:lnTo>
                  <a:lnTo>
                    <a:pt x="1121664" y="449580"/>
                  </a:lnTo>
                  <a:lnTo>
                    <a:pt x="1110996" y="460248"/>
                  </a:lnTo>
                  <a:lnTo>
                    <a:pt x="1101852" y="470916"/>
                  </a:lnTo>
                  <a:lnTo>
                    <a:pt x="1089660" y="481584"/>
                  </a:lnTo>
                  <a:lnTo>
                    <a:pt x="1078992" y="492252"/>
                  </a:lnTo>
                  <a:lnTo>
                    <a:pt x="1066800" y="501396"/>
                  </a:lnTo>
                  <a:lnTo>
                    <a:pt x="1053084" y="510540"/>
                  </a:lnTo>
                  <a:lnTo>
                    <a:pt x="1040892" y="519684"/>
                  </a:lnTo>
                  <a:lnTo>
                    <a:pt x="1025652" y="527304"/>
                  </a:lnTo>
                  <a:lnTo>
                    <a:pt x="1011936" y="534924"/>
                  </a:lnTo>
                  <a:lnTo>
                    <a:pt x="996696" y="542544"/>
                  </a:lnTo>
                  <a:lnTo>
                    <a:pt x="979932" y="548640"/>
                  </a:lnTo>
                  <a:lnTo>
                    <a:pt x="964692" y="554736"/>
                  </a:lnTo>
                  <a:lnTo>
                    <a:pt x="947928" y="560832"/>
                  </a:lnTo>
                  <a:lnTo>
                    <a:pt x="931164" y="565404"/>
                  </a:lnTo>
                  <a:lnTo>
                    <a:pt x="912876" y="569976"/>
                  </a:lnTo>
                  <a:lnTo>
                    <a:pt x="896112" y="574548"/>
                  </a:lnTo>
                  <a:lnTo>
                    <a:pt x="877824" y="577596"/>
                  </a:lnTo>
                  <a:lnTo>
                    <a:pt x="859536" y="579120"/>
                  </a:lnTo>
                  <a:lnTo>
                    <a:pt x="839724" y="582168"/>
                  </a:lnTo>
                  <a:lnTo>
                    <a:pt x="821436" y="582168"/>
                  </a:lnTo>
                  <a:lnTo>
                    <a:pt x="801624" y="583692"/>
                  </a:lnTo>
                  <a:lnTo>
                    <a:pt x="783336" y="582168"/>
                  </a:lnTo>
                  <a:lnTo>
                    <a:pt x="763524" y="582168"/>
                  </a:lnTo>
                  <a:lnTo>
                    <a:pt x="745236" y="579120"/>
                  </a:lnTo>
                  <a:lnTo>
                    <a:pt x="726948" y="577596"/>
                  </a:lnTo>
                  <a:lnTo>
                    <a:pt x="708660" y="574548"/>
                  </a:lnTo>
                  <a:lnTo>
                    <a:pt x="690372" y="569976"/>
                  </a:lnTo>
                  <a:lnTo>
                    <a:pt x="673608" y="565404"/>
                  </a:lnTo>
                  <a:lnTo>
                    <a:pt x="655320" y="560832"/>
                  </a:lnTo>
                  <a:lnTo>
                    <a:pt x="640080" y="554736"/>
                  </a:lnTo>
                  <a:lnTo>
                    <a:pt x="623316" y="548640"/>
                  </a:lnTo>
                  <a:lnTo>
                    <a:pt x="608076" y="542544"/>
                  </a:lnTo>
                  <a:lnTo>
                    <a:pt x="577596" y="527304"/>
                  </a:lnTo>
                  <a:lnTo>
                    <a:pt x="563880" y="518160"/>
                  </a:lnTo>
                  <a:lnTo>
                    <a:pt x="550164" y="510540"/>
                  </a:lnTo>
                  <a:lnTo>
                    <a:pt x="537972" y="501396"/>
                  </a:lnTo>
                  <a:lnTo>
                    <a:pt x="525780" y="490728"/>
                  </a:lnTo>
                  <a:lnTo>
                    <a:pt x="513588" y="481584"/>
                  </a:lnTo>
                  <a:lnTo>
                    <a:pt x="492252" y="460248"/>
                  </a:lnTo>
                  <a:lnTo>
                    <a:pt x="483108" y="448056"/>
                  </a:lnTo>
                  <a:lnTo>
                    <a:pt x="473964" y="437388"/>
                  </a:lnTo>
                  <a:lnTo>
                    <a:pt x="458724" y="413004"/>
                  </a:lnTo>
                  <a:lnTo>
                    <a:pt x="446532" y="388620"/>
                  </a:lnTo>
                  <a:lnTo>
                    <a:pt x="441960" y="374904"/>
                  </a:lnTo>
                  <a:lnTo>
                    <a:pt x="437388" y="362712"/>
                  </a:lnTo>
                  <a:lnTo>
                    <a:pt x="434340" y="348996"/>
                  </a:lnTo>
                  <a:lnTo>
                    <a:pt x="431292" y="321564"/>
                  </a:lnTo>
                  <a:lnTo>
                    <a:pt x="431292" y="294132"/>
                  </a:lnTo>
                  <a:lnTo>
                    <a:pt x="434340" y="266700"/>
                  </a:lnTo>
                  <a:lnTo>
                    <a:pt x="438912" y="254508"/>
                  </a:lnTo>
                  <a:lnTo>
                    <a:pt x="441960" y="240792"/>
                  </a:lnTo>
                  <a:lnTo>
                    <a:pt x="446532" y="228600"/>
                  </a:lnTo>
                  <a:lnTo>
                    <a:pt x="452628" y="216408"/>
                  </a:lnTo>
                  <a:lnTo>
                    <a:pt x="458724" y="202692"/>
                  </a:lnTo>
                  <a:lnTo>
                    <a:pt x="466344" y="190500"/>
                  </a:lnTo>
                  <a:lnTo>
                    <a:pt x="475488" y="179832"/>
                  </a:lnTo>
                  <a:lnTo>
                    <a:pt x="483108" y="167640"/>
                  </a:lnTo>
                  <a:lnTo>
                    <a:pt x="493776" y="156972"/>
                  </a:lnTo>
                  <a:lnTo>
                    <a:pt x="502920" y="146304"/>
                  </a:lnTo>
                  <a:lnTo>
                    <a:pt x="513588" y="135636"/>
                  </a:lnTo>
                  <a:lnTo>
                    <a:pt x="525780" y="126492"/>
                  </a:lnTo>
                  <a:lnTo>
                    <a:pt x="537972" y="115824"/>
                  </a:lnTo>
                  <a:lnTo>
                    <a:pt x="551688" y="106680"/>
                  </a:lnTo>
                  <a:lnTo>
                    <a:pt x="563880" y="97536"/>
                  </a:lnTo>
                  <a:lnTo>
                    <a:pt x="579120" y="89916"/>
                  </a:lnTo>
                  <a:lnTo>
                    <a:pt x="592836" y="82296"/>
                  </a:lnTo>
                  <a:lnTo>
                    <a:pt x="656844" y="56388"/>
                  </a:lnTo>
                  <a:lnTo>
                    <a:pt x="708660" y="42672"/>
                  </a:lnTo>
                  <a:lnTo>
                    <a:pt x="783336" y="35052"/>
                  </a:lnTo>
                  <a:lnTo>
                    <a:pt x="821436" y="35052"/>
                  </a:lnTo>
                  <a:lnTo>
                    <a:pt x="877824" y="39624"/>
                  </a:lnTo>
                  <a:lnTo>
                    <a:pt x="896112" y="42672"/>
                  </a:lnTo>
                  <a:lnTo>
                    <a:pt x="914400" y="47244"/>
                  </a:lnTo>
                  <a:lnTo>
                    <a:pt x="931164" y="51816"/>
                  </a:lnTo>
                  <a:lnTo>
                    <a:pt x="949452" y="56388"/>
                  </a:lnTo>
                  <a:lnTo>
                    <a:pt x="964692" y="62484"/>
                  </a:lnTo>
                  <a:lnTo>
                    <a:pt x="981456" y="68580"/>
                  </a:lnTo>
                  <a:lnTo>
                    <a:pt x="996696" y="74676"/>
                  </a:lnTo>
                  <a:lnTo>
                    <a:pt x="1027176" y="89916"/>
                  </a:lnTo>
                  <a:lnTo>
                    <a:pt x="1040892" y="99060"/>
                  </a:lnTo>
                  <a:lnTo>
                    <a:pt x="1054608" y="106680"/>
                  </a:lnTo>
                  <a:lnTo>
                    <a:pt x="1066800" y="115824"/>
                  </a:lnTo>
                  <a:lnTo>
                    <a:pt x="1078992" y="126492"/>
                  </a:lnTo>
                  <a:lnTo>
                    <a:pt x="1091184" y="135636"/>
                  </a:lnTo>
                  <a:lnTo>
                    <a:pt x="1112520" y="156972"/>
                  </a:lnTo>
                  <a:lnTo>
                    <a:pt x="1121664" y="169164"/>
                  </a:lnTo>
                  <a:lnTo>
                    <a:pt x="1130808" y="179832"/>
                  </a:lnTo>
                  <a:lnTo>
                    <a:pt x="1146048" y="204216"/>
                  </a:lnTo>
                  <a:lnTo>
                    <a:pt x="1158240" y="228600"/>
                  </a:lnTo>
                  <a:lnTo>
                    <a:pt x="1162812" y="242316"/>
                  </a:lnTo>
                  <a:lnTo>
                    <a:pt x="1165860" y="254508"/>
                  </a:lnTo>
                  <a:lnTo>
                    <a:pt x="1170432" y="268224"/>
                  </a:lnTo>
                  <a:lnTo>
                    <a:pt x="1173480" y="295656"/>
                  </a:lnTo>
                  <a:lnTo>
                    <a:pt x="1173480" y="183184"/>
                  </a:lnTo>
                  <a:lnTo>
                    <a:pt x="1147572" y="146304"/>
                  </a:lnTo>
                  <a:lnTo>
                    <a:pt x="1114044" y="109728"/>
                  </a:lnTo>
                  <a:lnTo>
                    <a:pt x="1072896" y="79248"/>
                  </a:lnTo>
                  <a:lnTo>
                    <a:pt x="1057656" y="68580"/>
                  </a:lnTo>
                  <a:lnTo>
                    <a:pt x="1042416" y="59436"/>
                  </a:lnTo>
                  <a:lnTo>
                    <a:pt x="1027176" y="51816"/>
                  </a:lnTo>
                  <a:lnTo>
                    <a:pt x="993648" y="36576"/>
                  </a:lnTo>
                  <a:lnTo>
                    <a:pt x="989457" y="35052"/>
                  </a:lnTo>
                  <a:lnTo>
                    <a:pt x="976884" y="30480"/>
                  </a:lnTo>
                  <a:lnTo>
                    <a:pt x="940308" y="18288"/>
                  </a:lnTo>
                  <a:lnTo>
                    <a:pt x="902208" y="9144"/>
                  </a:lnTo>
                  <a:lnTo>
                    <a:pt x="862584" y="3048"/>
                  </a:lnTo>
                  <a:lnTo>
                    <a:pt x="822960" y="0"/>
                  </a:lnTo>
                  <a:lnTo>
                    <a:pt x="781812" y="0"/>
                  </a:lnTo>
                  <a:lnTo>
                    <a:pt x="740664" y="3048"/>
                  </a:lnTo>
                  <a:lnTo>
                    <a:pt x="701040" y="9144"/>
                  </a:lnTo>
                  <a:lnTo>
                    <a:pt x="609600" y="36576"/>
                  </a:lnTo>
                  <a:lnTo>
                    <a:pt x="560832" y="60960"/>
                  </a:lnTo>
                  <a:lnTo>
                    <a:pt x="516636" y="89916"/>
                  </a:lnTo>
                  <a:lnTo>
                    <a:pt x="478536" y="121920"/>
                  </a:lnTo>
                  <a:lnTo>
                    <a:pt x="457200" y="147828"/>
                  </a:lnTo>
                  <a:lnTo>
                    <a:pt x="446532" y="160020"/>
                  </a:lnTo>
                  <a:lnTo>
                    <a:pt x="437388" y="173736"/>
                  </a:lnTo>
                  <a:lnTo>
                    <a:pt x="422148" y="201168"/>
                  </a:lnTo>
                  <a:lnTo>
                    <a:pt x="414528" y="216408"/>
                  </a:lnTo>
                  <a:lnTo>
                    <a:pt x="409956" y="231648"/>
                  </a:lnTo>
                  <a:lnTo>
                    <a:pt x="405384" y="245364"/>
                  </a:lnTo>
                  <a:lnTo>
                    <a:pt x="400812" y="262128"/>
                  </a:lnTo>
                  <a:lnTo>
                    <a:pt x="397764" y="292608"/>
                  </a:lnTo>
                  <a:lnTo>
                    <a:pt x="396240" y="309372"/>
                  </a:lnTo>
                  <a:lnTo>
                    <a:pt x="397764" y="326136"/>
                  </a:lnTo>
                  <a:lnTo>
                    <a:pt x="409956" y="387096"/>
                  </a:lnTo>
                  <a:lnTo>
                    <a:pt x="437388" y="445008"/>
                  </a:lnTo>
                  <a:lnTo>
                    <a:pt x="478536" y="495300"/>
                  </a:lnTo>
                  <a:lnTo>
                    <a:pt x="531876" y="539496"/>
                  </a:lnTo>
                  <a:lnTo>
                    <a:pt x="577596" y="565404"/>
                  </a:lnTo>
                  <a:lnTo>
                    <a:pt x="627888" y="588264"/>
                  </a:lnTo>
                  <a:lnTo>
                    <a:pt x="682752" y="603504"/>
                  </a:lnTo>
                  <a:lnTo>
                    <a:pt x="742188" y="614172"/>
                  </a:lnTo>
                  <a:lnTo>
                    <a:pt x="781812" y="617220"/>
                  </a:lnTo>
                  <a:lnTo>
                    <a:pt x="822960" y="617220"/>
                  </a:lnTo>
                  <a:lnTo>
                    <a:pt x="864108" y="614172"/>
                  </a:lnTo>
                  <a:lnTo>
                    <a:pt x="902208" y="608076"/>
                  </a:lnTo>
                  <a:lnTo>
                    <a:pt x="940308" y="598932"/>
                  </a:lnTo>
                  <a:lnTo>
                    <a:pt x="976884" y="586740"/>
                  </a:lnTo>
                  <a:lnTo>
                    <a:pt x="985266" y="583692"/>
                  </a:lnTo>
                  <a:lnTo>
                    <a:pt x="993648" y="580644"/>
                  </a:lnTo>
                  <a:lnTo>
                    <a:pt x="1027176" y="565404"/>
                  </a:lnTo>
                  <a:lnTo>
                    <a:pt x="1043940" y="556260"/>
                  </a:lnTo>
                  <a:lnTo>
                    <a:pt x="1059180" y="548640"/>
                  </a:lnTo>
                  <a:lnTo>
                    <a:pt x="1072896" y="537972"/>
                  </a:lnTo>
                  <a:lnTo>
                    <a:pt x="1088136" y="528828"/>
                  </a:lnTo>
                  <a:lnTo>
                    <a:pt x="1100328" y="518160"/>
                  </a:lnTo>
                  <a:lnTo>
                    <a:pt x="1114044" y="505968"/>
                  </a:lnTo>
                  <a:lnTo>
                    <a:pt x="1126236" y="495300"/>
                  </a:lnTo>
                  <a:lnTo>
                    <a:pt x="1147572" y="470916"/>
                  </a:lnTo>
                  <a:lnTo>
                    <a:pt x="1158240" y="457200"/>
                  </a:lnTo>
                  <a:lnTo>
                    <a:pt x="1167384" y="443484"/>
                  </a:lnTo>
                  <a:lnTo>
                    <a:pt x="1182624" y="416052"/>
                  </a:lnTo>
                  <a:lnTo>
                    <a:pt x="1188720" y="400812"/>
                  </a:lnTo>
                  <a:lnTo>
                    <a:pt x="1194816" y="387096"/>
                  </a:lnTo>
                  <a:lnTo>
                    <a:pt x="1203960" y="356616"/>
                  </a:lnTo>
                  <a:lnTo>
                    <a:pt x="1205484" y="339852"/>
                  </a:lnTo>
                  <a:lnTo>
                    <a:pt x="1207008" y="324612"/>
                  </a:lnTo>
                  <a:lnTo>
                    <a:pt x="1208532" y="307848"/>
                  </a:lnTo>
                  <a:close/>
                </a:path>
              </a:pathLst>
            </a:custGeom>
            <a:solidFill>
              <a:srgbClr val="001F60"/>
            </a:solidFill>
          </p:spPr>
          <p:txBody>
            <a:bodyPr wrap="square" lIns="0" tIns="0" rIns="0" bIns="0" rtlCol="0"/>
            <a:lstStyle/>
            <a:p>
              <a:endParaRPr sz="1539"/>
            </a:p>
          </p:txBody>
        </p:sp>
      </p:grpSp>
      <p:sp>
        <p:nvSpPr>
          <p:cNvPr id="45" name="object 45"/>
          <p:cNvSpPr txBox="1"/>
          <p:nvPr/>
        </p:nvSpPr>
        <p:spPr>
          <a:xfrm>
            <a:off x="257161" y="5422114"/>
            <a:ext cx="8846440" cy="1144944"/>
          </a:xfrm>
          <a:prstGeom prst="rect">
            <a:avLst/>
          </a:prstGeom>
        </p:spPr>
        <p:txBody>
          <a:bodyPr vert="horz" wrap="square" lIns="0" tIns="13032" rIns="0" bIns="0" rtlCol="0">
            <a:spAutoFit/>
          </a:bodyPr>
          <a:lstStyle/>
          <a:p>
            <a:pPr marR="8461390" algn="r">
              <a:spcBef>
                <a:spcPts val="103"/>
              </a:spcBef>
            </a:pPr>
            <a:r>
              <a:rPr sz="1368" spc="-17" dirty="0">
                <a:latin typeface="Calibri"/>
                <a:cs typeface="Calibri"/>
              </a:rPr>
              <a:t>1000</a:t>
            </a:r>
            <a:endParaRPr sz="1368">
              <a:latin typeface="Calibri"/>
              <a:cs typeface="Calibri"/>
            </a:endParaRPr>
          </a:p>
          <a:p>
            <a:pPr marR="8461390" algn="r">
              <a:spcBef>
                <a:spcPts val="1658"/>
              </a:spcBef>
            </a:pPr>
            <a:r>
              <a:rPr sz="1368" spc="-43" dirty="0">
                <a:latin typeface="Calibri"/>
                <a:cs typeface="Calibri"/>
              </a:rPr>
              <a:t>0</a:t>
            </a:r>
            <a:endParaRPr sz="1368">
              <a:latin typeface="Calibri"/>
              <a:cs typeface="Calibri"/>
            </a:endParaRPr>
          </a:p>
          <a:p>
            <a:pPr marL="597287">
              <a:spcBef>
                <a:spcPts val="239"/>
              </a:spcBef>
              <a:tabLst>
                <a:tab pos="1414485" algn="l"/>
                <a:tab pos="2232769" algn="l"/>
                <a:tab pos="3051052" algn="l"/>
                <a:tab pos="3868250" algn="l"/>
                <a:tab pos="4686534" algn="l"/>
                <a:tab pos="5503731" algn="l"/>
                <a:tab pos="6322015" algn="l"/>
                <a:tab pos="7140841" algn="l"/>
                <a:tab pos="7957496" algn="l"/>
              </a:tabLst>
            </a:pPr>
            <a:r>
              <a:rPr sz="1368" dirty="0">
                <a:latin typeface="ＭＳ Ｐゴシック"/>
                <a:cs typeface="ＭＳ Ｐゴシック"/>
              </a:rPr>
              <a:t>平成</a:t>
            </a:r>
            <a:r>
              <a:rPr sz="1368" spc="-9" dirty="0">
                <a:latin typeface="Calibri"/>
                <a:cs typeface="Calibri"/>
              </a:rPr>
              <a:t>19</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0</a:t>
            </a:r>
            <a:r>
              <a:rPr sz="1368" spc="-51"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1</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2</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3</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4</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5</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6</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7</a:t>
            </a:r>
            <a:r>
              <a:rPr sz="1368" spc="-43" dirty="0">
                <a:latin typeface="ＭＳ Ｐゴシック"/>
                <a:cs typeface="ＭＳ Ｐゴシック"/>
              </a:rPr>
              <a:t>年</a:t>
            </a:r>
            <a:r>
              <a:rPr sz="1368" dirty="0">
                <a:latin typeface="ＭＳ Ｐゴシック"/>
                <a:cs typeface="ＭＳ Ｐゴシック"/>
              </a:rPr>
              <a:t>	平成</a:t>
            </a:r>
            <a:r>
              <a:rPr sz="1368" spc="-9" dirty="0">
                <a:latin typeface="Calibri"/>
                <a:cs typeface="Calibri"/>
              </a:rPr>
              <a:t>28</a:t>
            </a:r>
            <a:r>
              <a:rPr sz="1368" spc="-43" dirty="0">
                <a:latin typeface="ＭＳ Ｐゴシック"/>
                <a:cs typeface="ＭＳ Ｐゴシック"/>
              </a:rPr>
              <a:t>年</a:t>
            </a:r>
            <a:endParaRPr sz="1368">
              <a:latin typeface="ＭＳ Ｐゴシック"/>
              <a:cs typeface="ＭＳ Ｐゴシック"/>
            </a:endParaRPr>
          </a:p>
          <a:p>
            <a:pPr marL="4726172">
              <a:spcBef>
                <a:spcPts val="47"/>
              </a:spcBef>
            </a:pPr>
            <a:r>
              <a:rPr sz="898" spc="-9" dirty="0">
                <a:latin typeface="ＭＳ Ｐゴシック"/>
                <a:cs typeface="ＭＳ Ｐゴシック"/>
              </a:rPr>
              <a:t>出所：帝国データバンク「全国「休廃業・解散」動向調査」、「全国企業倒産集計」</a:t>
            </a:r>
            <a:r>
              <a:rPr sz="2501" spc="-32" baseline="15669" dirty="0">
                <a:latin typeface="Arial"/>
                <a:cs typeface="Arial"/>
              </a:rPr>
              <a:t>13</a:t>
            </a:r>
            <a:endParaRPr sz="2501" baseline="15669">
              <a:latin typeface="Arial"/>
              <a:cs typeface="Arial"/>
            </a:endParaRPr>
          </a:p>
        </p:txBody>
      </p:sp>
      <p:sp>
        <p:nvSpPr>
          <p:cNvPr id="46" name="object 46"/>
          <p:cNvSpPr/>
          <p:nvPr/>
        </p:nvSpPr>
        <p:spPr>
          <a:xfrm>
            <a:off x="80797" y="853585"/>
            <a:ext cx="8997392" cy="690687"/>
          </a:xfrm>
          <a:custGeom>
            <a:avLst/>
            <a:gdLst/>
            <a:ahLst/>
            <a:cxnLst/>
            <a:rect l="l" t="t" r="r" b="b"/>
            <a:pathLst>
              <a:path w="10521950" h="807719">
                <a:moveTo>
                  <a:pt x="10376916" y="0"/>
                </a:moveTo>
                <a:lnTo>
                  <a:pt x="143255" y="0"/>
                </a:lnTo>
                <a:lnTo>
                  <a:pt x="129539" y="1524"/>
                </a:lnTo>
                <a:lnTo>
                  <a:pt x="114300" y="3048"/>
                </a:lnTo>
                <a:lnTo>
                  <a:pt x="74676" y="18288"/>
                </a:lnTo>
                <a:lnTo>
                  <a:pt x="41147" y="42672"/>
                </a:lnTo>
                <a:lnTo>
                  <a:pt x="24383" y="65532"/>
                </a:lnTo>
                <a:lnTo>
                  <a:pt x="16763" y="76200"/>
                </a:lnTo>
                <a:lnTo>
                  <a:pt x="10667" y="89916"/>
                </a:lnTo>
                <a:lnTo>
                  <a:pt x="6095" y="103632"/>
                </a:lnTo>
                <a:lnTo>
                  <a:pt x="0" y="131064"/>
                </a:lnTo>
                <a:lnTo>
                  <a:pt x="0" y="678180"/>
                </a:lnTo>
                <a:lnTo>
                  <a:pt x="3047" y="693420"/>
                </a:lnTo>
                <a:lnTo>
                  <a:pt x="6095" y="707136"/>
                </a:lnTo>
                <a:lnTo>
                  <a:pt x="10667" y="720852"/>
                </a:lnTo>
                <a:lnTo>
                  <a:pt x="18288" y="733044"/>
                </a:lnTo>
                <a:lnTo>
                  <a:pt x="24383" y="745236"/>
                </a:lnTo>
                <a:lnTo>
                  <a:pt x="53340" y="775716"/>
                </a:lnTo>
                <a:lnTo>
                  <a:pt x="88392" y="797052"/>
                </a:lnTo>
                <a:lnTo>
                  <a:pt x="131064" y="807720"/>
                </a:lnTo>
                <a:lnTo>
                  <a:pt x="10392156" y="807720"/>
                </a:lnTo>
                <a:lnTo>
                  <a:pt x="10405871" y="804672"/>
                </a:lnTo>
                <a:lnTo>
                  <a:pt x="10421112" y="801624"/>
                </a:lnTo>
                <a:lnTo>
                  <a:pt x="10433304" y="797052"/>
                </a:lnTo>
                <a:lnTo>
                  <a:pt x="10447019" y="790956"/>
                </a:lnTo>
                <a:lnTo>
                  <a:pt x="10457688" y="783336"/>
                </a:lnTo>
                <a:lnTo>
                  <a:pt x="10465816" y="777240"/>
                </a:lnTo>
                <a:lnTo>
                  <a:pt x="132587" y="777240"/>
                </a:lnTo>
                <a:lnTo>
                  <a:pt x="120396" y="774192"/>
                </a:lnTo>
                <a:lnTo>
                  <a:pt x="71628" y="751332"/>
                </a:lnTo>
                <a:lnTo>
                  <a:pt x="44195" y="716280"/>
                </a:lnTo>
                <a:lnTo>
                  <a:pt x="30479" y="673608"/>
                </a:lnTo>
                <a:lnTo>
                  <a:pt x="30479" y="132588"/>
                </a:lnTo>
                <a:lnTo>
                  <a:pt x="44195" y="89916"/>
                </a:lnTo>
                <a:lnTo>
                  <a:pt x="73151" y="56388"/>
                </a:lnTo>
                <a:lnTo>
                  <a:pt x="121919" y="33528"/>
                </a:lnTo>
                <a:lnTo>
                  <a:pt x="134111" y="32004"/>
                </a:lnTo>
                <a:lnTo>
                  <a:pt x="144779" y="30480"/>
                </a:lnTo>
                <a:lnTo>
                  <a:pt x="10464800" y="30480"/>
                </a:lnTo>
                <a:lnTo>
                  <a:pt x="10457688" y="24384"/>
                </a:lnTo>
                <a:lnTo>
                  <a:pt x="10419588" y="6096"/>
                </a:lnTo>
                <a:lnTo>
                  <a:pt x="10390632" y="1524"/>
                </a:lnTo>
                <a:lnTo>
                  <a:pt x="10376916" y="0"/>
                </a:lnTo>
                <a:close/>
              </a:path>
              <a:path w="10521950" h="807719">
                <a:moveTo>
                  <a:pt x="10464800" y="30480"/>
                </a:moveTo>
                <a:lnTo>
                  <a:pt x="10376916" y="30480"/>
                </a:lnTo>
                <a:lnTo>
                  <a:pt x="10389108" y="32004"/>
                </a:lnTo>
                <a:lnTo>
                  <a:pt x="10399776" y="33528"/>
                </a:lnTo>
                <a:lnTo>
                  <a:pt x="10411967" y="36575"/>
                </a:lnTo>
                <a:lnTo>
                  <a:pt x="10421112" y="39624"/>
                </a:lnTo>
                <a:lnTo>
                  <a:pt x="10431780" y="45720"/>
                </a:lnTo>
                <a:lnTo>
                  <a:pt x="10440923" y="50292"/>
                </a:lnTo>
                <a:lnTo>
                  <a:pt x="10477500" y="91440"/>
                </a:lnTo>
                <a:lnTo>
                  <a:pt x="10489691" y="134112"/>
                </a:lnTo>
                <a:lnTo>
                  <a:pt x="10491216" y="146304"/>
                </a:lnTo>
                <a:lnTo>
                  <a:pt x="10491216" y="662940"/>
                </a:lnTo>
                <a:lnTo>
                  <a:pt x="10488167" y="687324"/>
                </a:lnTo>
                <a:lnTo>
                  <a:pt x="10482071" y="708660"/>
                </a:lnTo>
                <a:lnTo>
                  <a:pt x="10475976" y="717804"/>
                </a:lnTo>
                <a:lnTo>
                  <a:pt x="10471404" y="726948"/>
                </a:lnTo>
                <a:lnTo>
                  <a:pt x="10456164" y="745236"/>
                </a:lnTo>
                <a:lnTo>
                  <a:pt x="10448543" y="751332"/>
                </a:lnTo>
                <a:lnTo>
                  <a:pt x="10439400" y="758952"/>
                </a:lnTo>
                <a:lnTo>
                  <a:pt x="10421112" y="768096"/>
                </a:lnTo>
                <a:lnTo>
                  <a:pt x="10410443" y="772668"/>
                </a:lnTo>
                <a:lnTo>
                  <a:pt x="10399776" y="775716"/>
                </a:lnTo>
                <a:lnTo>
                  <a:pt x="10387584" y="777240"/>
                </a:lnTo>
                <a:lnTo>
                  <a:pt x="10465816" y="777240"/>
                </a:lnTo>
                <a:lnTo>
                  <a:pt x="10497312" y="743712"/>
                </a:lnTo>
                <a:lnTo>
                  <a:pt x="10515600" y="705612"/>
                </a:lnTo>
                <a:lnTo>
                  <a:pt x="10521695" y="676656"/>
                </a:lnTo>
                <a:lnTo>
                  <a:pt x="10521695" y="144780"/>
                </a:lnTo>
                <a:lnTo>
                  <a:pt x="10515600" y="102108"/>
                </a:lnTo>
                <a:lnTo>
                  <a:pt x="10488167" y="51816"/>
                </a:lnTo>
                <a:lnTo>
                  <a:pt x="10479023" y="42672"/>
                </a:lnTo>
                <a:lnTo>
                  <a:pt x="10464800" y="30480"/>
                </a:lnTo>
                <a:close/>
              </a:path>
            </a:pathLst>
          </a:custGeom>
          <a:solidFill>
            <a:srgbClr val="4F80BC"/>
          </a:solidFill>
        </p:spPr>
        <p:txBody>
          <a:bodyPr wrap="square" lIns="0" tIns="0" rIns="0" bIns="0" rtlCol="0"/>
          <a:lstStyle/>
          <a:p>
            <a:endParaRPr sz="1539"/>
          </a:p>
        </p:txBody>
      </p:sp>
      <p:sp>
        <p:nvSpPr>
          <p:cNvPr id="47" name="object 47"/>
          <p:cNvSpPr txBox="1"/>
          <p:nvPr/>
        </p:nvSpPr>
        <p:spPr>
          <a:xfrm>
            <a:off x="200256" y="885075"/>
            <a:ext cx="5060151" cy="582957"/>
          </a:xfrm>
          <a:prstGeom prst="rect">
            <a:avLst/>
          </a:prstGeom>
        </p:spPr>
        <p:txBody>
          <a:bodyPr vert="horz" wrap="square" lIns="0" tIns="70589" rIns="0" bIns="0" rtlCol="0">
            <a:spAutoFit/>
          </a:bodyPr>
          <a:lstStyle/>
          <a:p>
            <a:pPr marL="341540" indent="-330680">
              <a:spcBef>
                <a:spcPts val="556"/>
              </a:spcBef>
              <a:buChar char="○"/>
              <a:tabLst>
                <a:tab pos="341540" algn="l"/>
              </a:tabLst>
            </a:pPr>
            <a:r>
              <a:rPr sz="1454" spc="81" dirty="0">
                <a:latin typeface="ＭＳ Ｐゴシック"/>
                <a:cs typeface="ＭＳ Ｐゴシック"/>
              </a:rPr>
              <a:t>倒産件数については、ここ</a:t>
            </a:r>
            <a:r>
              <a:rPr sz="1454" spc="73" dirty="0">
                <a:latin typeface="ＭＳ Ｐゴシック"/>
                <a:cs typeface="ＭＳ Ｐゴシック"/>
              </a:rPr>
              <a:t>10</a:t>
            </a:r>
            <a:r>
              <a:rPr sz="1454" spc="68" dirty="0">
                <a:latin typeface="ＭＳ Ｐゴシック"/>
                <a:cs typeface="ＭＳ Ｐゴシック"/>
              </a:rPr>
              <a:t>年ほど、概ね減少傾向。</a:t>
            </a:r>
            <a:endParaRPr sz="1454">
              <a:latin typeface="ＭＳ Ｐゴシック"/>
              <a:cs typeface="ＭＳ Ｐゴシック"/>
            </a:endParaRPr>
          </a:p>
          <a:p>
            <a:pPr marL="341540" indent="-330680">
              <a:spcBef>
                <a:spcPts val="462"/>
              </a:spcBef>
              <a:buChar char="○"/>
              <a:tabLst>
                <a:tab pos="341540" algn="l"/>
              </a:tabLst>
            </a:pPr>
            <a:r>
              <a:rPr sz="1454" spc="64" dirty="0">
                <a:latin typeface="ＭＳ Ｐゴシック"/>
                <a:cs typeface="ＭＳ Ｐゴシック"/>
              </a:rPr>
              <a:t>他方で、休廃業・解散については、足許では増加の動き。</a:t>
            </a:r>
            <a:endParaRPr sz="1454">
              <a:latin typeface="ＭＳ Ｐゴシック"/>
              <a:cs typeface="ＭＳ Ｐゴシック"/>
            </a:endParaRPr>
          </a:p>
        </p:txBody>
      </p:sp>
      <p:sp>
        <p:nvSpPr>
          <p:cNvPr id="48" name="object 48"/>
          <p:cNvSpPr txBox="1"/>
          <p:nvPr/>
        </p:nvSpPr>
        <p:spPr>
          <a:xfrm>
            <a:off x="725439" y="1615513"/>
            <a:ext cx="267152" cy="158491"/>
          </a:xfrm>
          <a:prstGeom prst="rect">
            <a:avLst/>
          </a:prstGeom>
        </p:spPr>
        <p:txBody>
          <a:bodyPr vert="horz" wrap="square" lIns="0" tIns="13575" rIns="0" bIns="0" rtlCol="0">
            <a:spAutoFit/>
          </a:bodyPr>
          <a:lstStyle/>
          <a:p>
            <a:pPr marL="10860">
              <a:spcBef>
                <a:spcPts val="107"/>
              </a:spcBef>
            </a:pPr>
            <a:r>
              <a:rPr sz="941" dirty="0">
                <a:latin typeface="ＭＳ Ｐゴシック"/>
                <a:cs typeface="ＭＳ Ｐゴシック"/>
              </a:rPr>
              <a:t>（件</a:t>
            </a:r>
            <a:r>
              <a:rPr sz="941" spc="-43" dirty="0">
                <a:latin typeface="ＭＳ Ｐゴシック"/>
                <a:cs typeface="ＭＳ Ｐゴシック"/>
              </a:rPr>
              <a:t>）</a:t>
            </a:r>
            <a:endParaRPr sz="941">
              <a:latin typeface="ＭＳ Ｐゴシック"/>
              <a:cs typeface="ＭＳ Ｐゴシック"/>
            </a:endParaRPr>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2009508" y="5150179"/>
            <a:ext cx="8145" cy="432765"/>
          </a:xfrm>
          <a:custGeom>
            <a:avLst/>
            <a:gdLst/>
            <a:ahLst/>
            <a:cxnLst/>
            <a:rect l="l" t="t" r="r" b="b"/>
            <a:pathLst>
              <a:path w="9525" h="506095">
                <a:moveTo>
                  <a:pt x="0" y="505973"/>
                </a:moveTo>
                <a:lnTo>
                  <a:pt x="9143" y="505973"/>
                </a:lnTo>
                <a:lnTo>
                  <a:pt x="9143" y="0"/>
                </a:lnTo>
                <a:lnTo>
                  <a:pt x="0" y="0"/>
                </a:lnTo>
                <a:lnTo>
                  <a:pt x="0" y="505973"/>
                </a:lnTo>
                <a:close/>
              </a:path>
            </a:pathLst>
          </a:custGeom>
          <a:solidFill>
            <a:srgbClr val="000000"/>
          </a:solidFill>
        </p:spPr>
        <p:txBody>
          <a:bodyPr wrap="square" lIns="0" tIns="0" rIns="0" bIns="0" rtlCol="0"/>
          <a:lstStyle/>
          <a:p>
            <a:endParaRPr sz="1539"/>
          </a:p>
        </p:txBody>
      </p:sp>
      <p:sp>
        <p:nvSpPr>
          <p:cNvPr id="4" name="object 4"/>
          <p:cNvSpPr/>
          <p:nvPr/>
        </p:nvSpPr>
        <p:spPr>
          <a:xfrm>
            <a:off x="2009508" y="4780075"/>
            <a:ext cx="8145" cy="122716"/>
          </a:xfrm>
          <a:custGeom>
            <a:avLst/>
            <a:gdLst/>
            <a:ahLst/>
            <a:cxnLst/>
            <a:rect l="l" t="t" r="r" b="b"/>
            <a:pathLst>
              <a:path w="9525" h="143510">
                <a:moveTo>
                  <a:pt x="0" y="143255"/>
                </a:moveTo>
                <a:lnTo>
                  <a:pt x="9143" y="143255"/>
                </a:lnTo>
                <a:lnTo>
                  <a:pt x="9143" y="0"/>
                </a:lnTo>
                <a:lnTo>
                  <a:pt x="0" y="0"/>
                </a:lnTo>
                <a:lnTo>
                  <a:pt x="0" y="143255"/>
                </a:lnTo>
                <a:close/>
              </a:path>
            </a:pathLst>
          </a:custGeom>
          <a:solidFill>
            <a:srgbClr val="000000"/>
          </a:solidFill>
        </p:spPr>
        <p:txBody>
          <a:bodyPr wrap="square" lIns="0" tIns="0" rIns="0" bIns="0" rtlCol="0"/>
          <a:lstStyle/>
          <a:p>
            <a:endParaRPr sz="1539"/>
          </a:p>
        </p:txBody>
      </p:sp>
      <p:sp>
        <p:nvSpPr>
          <p:cNvPr id="5" name="object 5"/>
          <p:cNvSpPr/>
          <p:nvPr/>
        </p:nvSpPr>
        <p:spPr>
          <a:xfrm>
            <a:off x="2009508" y="4408667"/>
            <a:ext cx="8145" cy="123802"/>
          </a:xfrm>
          <a:custGeom>
            <a:avLst/>
            <a:gdLst/>
            <a:ahLst/>
            <a:cxnLst/>
            <a:rect l="l" t="t" r="r" b="b"/>
            <a:pathLst>
              <a:path w="9525" h="144779">
                <a:moveTo>
                  <a:pt x="0" y="144780"/>
                </a:moveTo>
                <a:lnTo>
                  <a:pt x="9143" y="144780"/>
                </a:lnTo>
                <a:lnTo>
                  <a:pt x="9143" y="0"/>
                </a:lnTo>
                <a:lnTo>
                  <a:pt x="0" y="0"/>
                </a:lnTo>
                <a:lnTo>
                  <a:pt x="0" y="144780"/>
                </a:lnTo>
                <a:close/>
              </a:path>
            </a:pathLst>
          </a:custGeom>
          <a:solidFill>
            <a:srgbClr val="000000"/>
          </a:solidFill>
        </p:spPr>
        <p:txBody>
          <a:bodyPr wrap="square" lIns="0" tIns="0" rIns="0" bIns="0" rtlCol="0"/>
          <a:lstStyle/>
          <a:p>
            <a:endParaRPr sz="1539"/>
          </a:p>
        </p:txBody>
      </p:sp>
      <p:sp>
        <p:nvSpPr>
          <p:cNvPr id="6" name="object 6"/>
          <p:cNvSpPr/>
          <p:nvPr/>
        </p:nvSpPr>
        <p:spPr>
          <a:xfrm>
            <a:off x="2009508" y="4037261"/>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7" name="object 7"/>
          <p:cNvSpPr/>
          <p:nvPr/>
        </p:nvSpPr>
        <p:spPr>
          <a:xfrm>
            <a:off x="2009508" y="3667156"/>
            <a:ext cx="8145" cy="122716"/>
          </a:xfrm>
          <a:custGeom>
            <a:avLst/>
            <a:gdLst/>
            <a:ahLst/>
            <a:cxnLst/>
            <a:rect l="l" t="t" r="r" b="b"/>
            <a:pathLst>
              <a:path w="9525" h="143510">
                <a:moveTo>
                  <a:pt x="0" y="143256"/>
                </a:moveTo>
                <a:lnTo>
                  <a:pt x="9143" y="143256"/>
                </a:lnTo>
                <a:lnTo>
                  <a:pt x="9143" y="0"/>
                </a:lnTo>
                <a:lnTo>
                  <a:pt x="0" y="0"/>
                </a:lnTo>
                <a:lnTo>
                  <a:pt x="0" y="143256"/>
                </a:lnTo>
                <a:close/>
              </a:path>
            </a:pathLst>
          </a:custGeom>
          <a:solidFill>
            <a:srgbClr val="000000"/>
          </a:solidFill>
        </p:spPr>
        <p:txBody>
          <a:bodyPr wrap="square" lIns="0" tIns="0" rIns="0" bIns="0" rtlCol="0"/>
          <a:lstStyle/>
          <a:p>
            <a:endParaRPr sz="1539"/>
          </a:p>
        </p:txBody>
      </p:sp>
      <p:sp>
        <p:nvSpPr>
          <p:cNvPr id="8" name="object 8"/>
          <p:cNvSpPr/>
          <p:nvPr/>
        </p:nvSpPr>
        <p:spPr>
          <a:xfrm>
            <a:off x="2009508" y="3295750"/>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9" name="object 9"/>
          <p:cNvSpPr/>
          <p:nvPr/>
        </p:nvSpPr>
        <p:spPr>
          <a:xfrm>
            <a:off x="2009508" y="2924342"/>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10" name="object 10"/>
          <p:cNvSpPr/>
          <p:nvPr/>
        </p:nvSpPr>
        <p:spPr>
          <a:xfrm>
            <a:off x="2009508" y="2554238"/>
            <a:ext cx="8145" cy="122716"/>
          </a:xfrm>
          <a:custGeom>
            <a:avLst/>
            <a:gdLst/>
            <a:ahLst/>
            <a:cxnLst/>
            <a:rect l="l" t="t" r="r" b="b"/>
            <a:pathLst>
              <a:path w="9525" h="143510">
                <a:moveTo>
                  <a:pt x="0" y="143256"/>
                </a:moveTo>
                <a:lnTo>
                  <a:pt x="9143" y="143256"/>
                </a:lnTo>
                <a:lnTo>
                  <a:pt x="9143" y="0"/>
                </a:lnTo>
                <a:lnTo>
                  <a:pt x="0" y="0"/>
                </a:lnTo>
                <a:lnTo>
                  <a:pt x="0" y="143256"/>
                </a:lnTo>
                <a:close/>
              </a:path>
            </a:pathLst>
          </a:custGeom>
          <a:solidFill>
            <a:srgbClr val="000000"/>
          </a:solidFill>
        </p:spPr>
        <p:txBody>
          <a:bodyPr wrap="square" lIns="0" tIns="0" rIns="0" bIns="0" rtlCol="0"/>
          <a:lstStyle/>
          <a:p>
            <a:endParaRPr sz="1539"/>
          </a:p>
        </p:txBody>
      </p:sp>
      <p:sp>
        <p:nvSpPr>
          <p:cNvPr id="11" name="object 11"/>
          <p:cNvSpPr/>
          <p:nvPr/>
        </p:nvSpPr>
        <p:spPr>
          <a:xfrm>
            <a:off x="2009508" y="2182832"/>
            <a:ext cx="8145" cy="123802"/>
          </a:xfrm>
          <a:custGeom>
            <a:avLst/>
            <a:gdLst/>
            <a:ahLst/>
            <a:cxnLst/>
            <a:rect l="l" t="t" r="r" b="b"/>
            <a:pathLst>
              <a:path w="9525" h="144780">
                <a:moveTo>
                  <a:pt x="0" y="144780"/>
                </a:moveTo>
                <a:lnTo>
                  <a:pt x="9143" y="144780"/>
                </a:lnTo>
                <a:lnTo>
                  <a:pt x="9143" y="0"/>
                </a:lnTo>
                <a:lnTo>
                  <a:pt x="0" y="0"/>
                </a:lnTo>
                <a:lnTo>
                  <a:pt x="0" y="144780"/>
                </a:lnTo>
                <a:close/>
              </a:path>
            </a:pathLst>
          </a:custGeom>
          <a:solidFill>
            <a:srgbClr val="000000"/>
          </a:solidFill>
        </p:spPr>
        <p:txBody>
          <a:bodyPr wrap="square" lIns="0" tIns="0" rIns="0" bIns="0" rtlCol="0"/>
          <a:lstStyle/>
          <a:p>
            <a:endParaRPr sz="1539"/>
          </a:p>
        </p:txBody>
      </p:sp>
      <p:sp>
        <p:nvSpPr>
          <p:cNvPr id="12" name="object 12"/>
          <p:cNvSpPr/>
          <p:nvPr/>
        </p:nvSpPr>
        <p:spPr>
          <a:xfrm>
            <a:off x="2009508" y="1811424"/>
            <a:ext cx="8145" cy="123802"/>
          </a:xfrm>
          <a:custGeom>
            <a:avLst/>
            <a:gdLst/>
            <a:ahLst/>
            <a:cxnLst/>
            <a:rect l="l" t="t" r="r" b="b"/>
            <a:pathLst>
              <a:path w="9525" h="144780">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13" name="object 13"/>
          <p:cNvSpPr/>
          <p:nvPr/>
        </p:nvSpPr>
        <p:spPr>
          <a:xfrm>
            <a:off x="2009508" y="1502570"/>
            <a:ext cx="8145" cy="61358"/>
          </a:xfrm>
          <a:custGeom>
            <a:avLst/>
            <a:gdLst/>
            <a:ahLst/>
            <a:cxnLst/>
            <a:rect l="l" t="t" r="r" b="b"/>
            <a:pathLst>
              <a:path w="9525" h="71755">
                <a:moveTo>
                  <a:pt x="0" y="71627"/>
                </a:moveTo>
                <a:lnTo>
                  <a:pt x="9143" y="71627"/>
                </a:lnTo>
                <a:lnTo>
                  <a:pt x="9143" y="0"/>
                </a:lnTo>
                <a:lnTo>
                  <a:pt x="0" y="0"/>
                </a:lnTo>
                <a:lnTo>
                  <a:pt x="0" y="71627"/>
                </a:lnTo>
                <a:close/>
              </a:path>
            </a:pathLst>
          </a:custGeom>
          <a:solidFill>
            <a:srgbClr val="000000"/>
          </a:solidFill>
        </p:spPr>
        <p:txBody>
          <a:bodyPr wrap="square" lIns="0" tIns="0" rIns="0" bIns="0" rtlCol="0"/>
          <a:lstStyle/>
          <a:p>
            <a:endParaRPr sz="1539"/>
          </a:p>
        </p:txBody>
      </p:sp>
      <p:sp>
        <p:nvSpPr>
          <p:cNvPr id="14" name="object 14"/>
          <p:cNvSpPr/>
          <p:nvPr/>
        </p:nvSpPr>
        <p:spPr>
          <a:xfrm>
            <a:off x="2645462" y="5150179"/>
            <a:ext cx="8145" cy="432765"/>
          </a:xfrm>
          <a:custGeom>
            <a:avLst/>
            <a:gdLst/>
            <a:ahLst/>
            <a:cxnLst/>
            <a:rect l="l" t="t" r="r" b="b"/>
            <a:pathLst>
              <a:path w="9525" h="506095">
                <a:moveTo>
                  <a:pt x="0" y="505973"/>
                </a:moveTo>
                <a:lnTo>
                  <a:pt x="9143" y="505973"/>
                </a:lnTo>
                <a:lnTo>
                  <a:pt x="9143" y="0"/>
                </a:lnTo>
                <a:lnTo>
                  <a:pt x="0" y="0"/>
                </a:lnTo>
                <a:lnTo>
                  <a:pt x="0" y="505973"/>
                </a:lnTo>
                <a:close/>
              </a:path>
            </a:pathLst>
          </a:custGeom>
          <a:solidFill>
            <a:srgbClr val="000000"/>
          </a:solidFill>
        </p:spPr>
        <p:txBody>
          <a:bodyPr wrap="square" lIns="0" tIns="0" rIns="0" bIns="0" rtlCol="0"/>
          <a:lstStyle/>
          <a:p>
            <a:endParaRPr sz="1539"/>
          </a:p>
        </p:txBody>
      </p:sp>
      <p:sp>
        <p:nvSpPr>
          <p:cNvPr id="15" name="object 15"/>
          <p:cNvSpPr/>
          <p:nvPr/>
        </p:nvSpPr>
        <p:spPr>
          <a:xfrm>
            <a:off x="2645462" y="4780075"/>
            <a:ext cx="8145" cy="122716"/>
          </a:xfrm>
          <a:custGeom>
            <a:avLst/>
            <a:gdLst/>
            <a:ahLst/>
            <a:cxnLst/>
            <a:rect l="l" t="t" r="r" b="b"/>
            <a:pathLst>
              <a:path w="9525" h="143510">
                <a:moveTo>
                  <a:pt x="0" y="143255"/>
                </a:moveTo>
                <a:lnTo>
                  <a:pt x="9143" y="143255"/>
                </a:lnTo>
                <a:lnTo>
                  <a:pt x="9143" y="0"/>
                </a:lnTo>
                <a:lnTo>
                  <a:pt x="0" y="0"/>
                </a:lnTo>
                <a:lnTo>
                  <a:pt x="0" y="143255"/>
                </a:lnTo>
                <a:close/>
              </a:path>
            </a:pathLst>
          </a:custGeom>
          <a:solidFill>
            <a:srgbClr val="000000"/>
          </a:solidFill>
        </p:spPr>
        <p:txBody>
          <a:bodyPr wrap="square" lIns="0" tIns="0" rIns="0" bIns="0" rtlCol="0"/>
          <a:lstStyle/>
          <a:p>
            <a:endParaRPr sz="1539"/>
          </a:p>
        </p:txBody>
      </p:sp>
      <p:sp>
        <p:nvSpPr>
          <p:cNvPr id="16" name="object 16"/>
          <p:cNvSpPr/>
          <p:nvPr/>
        </p:nvSpPr>
        <p:spPr>
          <a:xfrm>
            <a:off x="2645462" y="4408667"/>
            <a:ext cx="8145" cy="123802"/>
          </a:xfrm>
          <a:custGeom>
            <a:avLst/>
            <a:gdLst/>
            <a:ahLst/>
            <a:cxnLst/>
            <a:rect l="l" t="t" r="r" b="b"/>
            <a:pathLst>
              <a:path w="9525" h="144779">
                <a:moveTo>
                  <a:pt x="0" y="144780"/>
                </a:moveTo>
                <a:lnTo>
                  <a:pt x="9143" y="144780"/>
                </a:lnTo>
                <a:lnTo>
                  <a:pt x="9143" y="0"/>
                </a:lnTo>
                <a:lnTo>
                  <a:pt x="0" y="0"/>
                </a:lnTo>
                <a:lnTo>
                  <a:pt x="0" y="144780"/>
                </a:lnTo>
                <a:close/>
              </a:path>
            </a:pathLst>
          </a:custGeom>
          <a:solidFill>
            <a:srgbClr val="000000"/>
          </a:solidFill>
        </p:spPr>
        <p:txBody>
          <a:bodyPr wrap="square" lIns="0" tIns="0" rIns="0" bIns="0" rtlCol="0"/>
          <a:lstStyle/>
          <a:p>
            <a:endParaRPr sz="1539"/>
          </a:p>
        </p:txBody>
      </p:sp>
      <p:sp>
        <p:nvSpPr>
          <p:cNvPr id="17" name="object 17"/>
          <p:cNvSpPr/>
          <p:nvPr/>
        </p:nvSpPr>
        <p:spPr>
          <a:xfrm>
            <a:off x="2645462" y="4037261"/>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18" name="object 18"/>
          <p:cNvSpPr/>
          <p:nvPr/>
        </p:nvSpPr>
        <p:spPr>
          <a:xfrm>
            <a:off x="2645462" y="3667156"/>
            <a:ext cx="8145" cy="122716"/>
          </a:xfrm>
          <a:custGeom>
            <a:avLst/>
            <a:gdLst/>
            <a:ahLst/>
            <a:cxnLst/>
            <a:rect l="l" t="t" r="r" b="b"/>
            <a:pathLst>
              <a:path w="9525" h="143510">
                <a:moveTo>
                  <a:pt x="0" y="143256"/>
                </a:moveTo>
                <a:lnTo>
                  <a:pt x="9143" y="143256"/>
                </a:lnTo>
                <a:lnTo>
                  <a:pt x="9143" y="0"/>
                </a:lnTo>
                <a:lnTo>
                  <a:pt x="0" y="0"/>
                </a:lnTo>
                <a:lnTo>
                  <a:pt x="0" y="143256"/>
                </a:lnTo>
                <a:close/>
              </a:path>
            </a:pathLst>
          </a:custGeom>
          <a:solidFill>
            <a:srgbClr val="000000"/>
          </a:solidFill>
        </p:spPr>
        <p:txBody>
          <a:bodyPr wrap="square" lIns="0" tIns="0" rIns="0" bIns="0" rtlCol="0"/>
          <a:lstStyle/>
          <a:p>
            <a:endParaRPr sz="1539"/>
          </a:p>
        </p:txBody>
      </p:sp>
      <p:sp>
        <p:nvSpPr>
          <p:cNvPr id="19" name="object 19"/>
          <p:cNvSpPr/>
          <p:nvPr/>
        </p:nvSpPr>
        <p:spPr>
          <a:xfrm>
            <a:off x="2645462" y="3295750"/>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20" name="object 20"/>
          <p:cNvSpPr/>
          <p:nvPr/>
        </p:nvSpPr>
        <p:spPr>
          <a:xfrm>
            <a:off x="2645462" y="2924342"/>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21" name="object 21"/>
          <p:cNvSpPr/>
          <p:nvPr/>
        </p:nvSpPr>
        <p:spPr>
          <a:xfrm>
            <a:off x="2645462" y="2554238"/>
            <a:ext cx="8145" cy="122716"/>
          </a:xfrm>
          <a:custGeom>
            <a:avLst/>
            <a:gdLst/>
            <a:ahLst/>
            <a:cxnLst/>
            <a:rect l="l" t="t" r="r" b="b"/>
            <a:pathLst>
              <a:path w="9525" h="143510">
                <a:moveTo>
                  <a:pt x="0" y="143256"/>
                </a:moveTo>
                <a:lnTo>
                  <a:pt x="9143" y="143256"/>
                </a:lnTo>
                <a:lnTo>
                  <a:pt x="9143" y="0"/>
                </a:lnTo>
                <a:lnTo>
                  <a:pt x="0" y="0"/>
                </a:lnTo>
                <a:lnTo>
                  <a:pt x="0" y="143256"/>
                </a:lnTo>
                <a:close/>
              </a:path>
            </a:pathLst>
          </a:custGeom>
          <a:solidFill>
            <a:srgbClr val="000000"/>
          </a:solidFill>
        </p:spPr>
        <p:txBody>
          <a:bodyPr wrap="square" lIns="0" tIns="0" rIns="0" bIns="0" rtlCol="0"/>
          <a:lstStyle/>
          <a:p>
            <a:endParaRPr sz="1539"/>
          </a:p>
        </p:txBody>
      </p:sp>
      <p:sp>
        <p:nvSpPr>
          <p:cNvPr id="22" name="object 22"/>
          <p:cNvSpPr/>
          <p:nvPr/>
        </p:nvSpPr>
        <p:spPr>
          <a:xfrm>
            <a:off x="2645462" y="2182832"/>
            <a:ext cx="8145" cy="123802"/>
          </a:xfrm>
          <a:custGeom>
            <a:avLst/>
            <a:gdLst/>
            <a:ahLst/>
            <a:cxnLst/>
            <a:rect l="l" t="t" r="r" b="b"/>
            <a:pathLst>
              <a:path w="9525" h="144780">
                <a:moveTo>
                  <a:pt x="0" y="144780"/>
                </a:moveTo>
                <a:lnTo>
                  <a:pt x="9143" y="144780"/>
                </a:lnTo>
                <a:lnTo>
                  <a:pt x="9143" y="0"/>
                </a:lnTo>
                <a:lnTo>
                  <a:pt x="0" y="0"/>
                </a:lnTo>
                <a:lnTo>
                  <a:pt x="0" y="144780"/>
                </a:lnTo>
                <a:close/>
              </a:path>
            </a:pathLst>
          </a:custGeom>
          <a:solidFill>
            <a:srgbClr val="000000"/>
          </a:solidFill>
        </p:spPr>
        <p:txBody>
          <a:bodyPr wrap="square" lIns="0" tIns="0" rIns="0" bIns="0" rtlCol="0"/>
          <a:lstStyle/>
          <a:p>
            <a:endParaRPr sz="1539"/>
          </a:p>
        </p:txBody>
      </p:sp>
      <p:sp>
        <p:nvSpPr>
          <p:cNvPr id="23" name="object 23"/>
          <p:cNvSpPr/>
          <p:nvPr/>
        </p:nvSpPr>
        <p:spPr>
          <a:xfrm>
            <a:off x="2645462" y="1811424"/>
            <a:ext cx="8145" cy="123802"/>
          </a:xfrm>
          <a:custGeom>
            <a:avLst/>
            <a:gdLst/>
            <a:ahLst/>
            <a:cxnLst/>
            <a:rect l="l" t="t" r="r" b="b"/>
            <a:pathLst>
              <a:path w="9525" h="144780">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24" name="object 24"/>
          <p:cNvSpPr/>
          <p:nvPr/>
        </p:nvSpPr>
        <p:spPr>
          <a:xfrm>
            <a:off x="2645462" y="1502570"/>
            <a:ext cx="8145" cy="61358"/>
          </a:xfrm>
          <a:custGeom>
            <a:avLst/>
            <a:gdLst/>
            <a:ahLst/>
            <a:cxnLst/>
            <a:rect l="l" t="t" r="r" b="b"/>
            <a:pathLst>
              <a:path w="9525" h="71755">
                <a:moveTo>
                  <a:pt x="0" y="71627"/>
                </a:moveTo>
                <a:lnTo>
                  <a:pt x="9143" y="71627"/>
                </a:lnTo>
                <a:lnTo>
                  <a:pt x="9143" y="0"/>
                </a:lnTo>
                <a:lnTo>
                  <a:pt x="0" y="0"/>
                </a:lnTo>
                <a:lnTo>
                  <a:pt x="0" y="71627"/>
                </a:lnTo>
                <a:close/>
              </a:path>
            </a:pathLst>
          </a:custGeom>
          <a:solidFill>
            <a:srgbClr val="000000"/>
          </a:solidFill>
        </p:spPr>
        <p:txBody>
          <a:bodyPr wrap="square" lIns="0" tIns="0" rIns="0" bIns="0" rtlCol="0"/>
          <a:lstStyle/>
          <a:p>
            <a:endParaRPr sz="1539"/>
          </a:p>
        </p:txBody>
      </p:sp>
      <p:sp>
        <p:nvSpPr>
          <p:cNvPr id="25" name="object 25"/>
          <p:cNvSpPr/>
          <p:nvPr/>
        </p:nvSpPr>
        <p:spPr>
          <a:xfrm>
            <a:off x="3282717" y="4780076"/>
            <a:ext cx="8145" cy="803086"/>
          </a:xfrm>
          <a:custGeom>
            <a:avLst/>
            <a:gdLst/>
            <a:ahLst/>
            <a:cxnLst/>
            <a:rect l="l" t="t" r="r" b="b"/>
            <a:pathLst>
              <a:path w="9525" h="939164">
                <a:moveTo>
                  <a:pt x="0" y="938789"/>
                </a:moveTo>
                <a:lnTo>
                  <a:pt x="9144" y="938789"/>
                </a:lnTo>
                <a:lnTo>
                  <a:pt x="9144" y="0"/>
                </a:lnTo>
                <a:lnTo>
                  <a:pt x="0" y="0"/>
                </a:lnTo>
                <a:lnTo>
                  <a:pt x="0" y="938789"/>
                </a:lnTo>
                <a:close/>
              </a:path>
            </a:pathLst>
          </a:custGeom>
          <a:solidFill>
            <a:srgbClr val="000000"/>
          </a:solidFill>
        </p:spPr>
        <p:txBody>
          <a:bodyPr wrap="square" lIns="0" tIns="0" rIns="0" bIns="0" rtlCol="0"/>
          <a:lstStyle/>
          <a:p>
            <a:endParaRPr sz="1539"/>
          </a:p>
        </p:txBody>
      </p:sp>
      <p:sp>
        <p:nvSpPr>
          <p:cNvPr id="26" name="object 26"/>
          <p:cNvSpPr/>
          <p:nvPr/>
        </p:nvSpPr>
        <p:spPr>
          <a:xfrm>
            <a:off x="3282717" y="4408667"/>
            <a:ext cx="8145" cy="123802"/>
          </a:xfrm>
          <a:custGeom>
            <a:avLst/>
            <a:gdLst/>
            <a:ahLst/>
            <a:cxnLst/>
            <a:rect l="l" t="t" r="r" b="b"/>
            <a:pathLst>
              <a:path w="9525" h="144779">
                <a:moveTo>
                  <a:pt x="0" y="144780"/>
                </a:moveTo>
                <a:lnTo>
                  <a:pt x="9144" y="144780"/>
                </a:lnTo>
                <a:lnTo>
                  <a:pt x="9144" y="0"/>
                </a:lnTo>
                <a:lnTo>
                  <a:pt x="0" y="0"/>
                </a:lnTo>
                <a:lnTo>
                  <a:pt x="0" y="144780"/>
                </a:lnTo>
                <a:close/>
              </a:path>
            </a:pathLst>
          </a:custGeom>
          <a:solidFill>
            <a:srgbClr val="000000"/>
          </a:solidFill>
        </p:spPr>
        <p:txBody>
          <a:bodyPr wrap="square" lIns="0" tIns="0" rIns="0" bIns="0" rtlCol="0"/>
          <a:lstStyle/>
          <a:p>
            <a:endParaRPr sz="1539"/>
          </a:p>
        </p:txBody>
      </p:sp>
      <p:sp>
        <p:nvSpPr>
          <p:cNvPr id="27" name="object 27"/>
          <p:cNvSpPr/>
          <p:nvPr/>
        </p:nvSpPr>
        <p:spPr>
          <a:xfrm>
            <a:off x="3282717" y="4037261"/>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28" name="object 28"/>
          <p:cNvSpPr/>
          <p:nvPr/>
        </p:nvSpPr>
        <p:spPr>
          <a:xfrm>
            <a:off x="3282717" y="3667156"/>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29" name="object 29"/>
          <p:cNvSpPr/>
          <p:nvPr/>
        </p:nvSpPr>
        <p:spPr>
          <a:xfrm>
            <a:off x="3282717" y="3295750"/>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30" name="object 30"/>
          <p:cNvSpPr/>
          <p:nvPr/>
        </p:nvSpPr>
        <p:spPr>
          <a:xfrm>
            <a:off x="3282717" y="2924342"/>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31" name="object 31"/>
          <p:cNvSpPr/>
          <p:nvPr/>
        </p:nvSpPr>
        <p:spPr>
          <a:xfrm>
            <a:off x="3282717" y="2554238"/>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32" name="object 32"/>
          <p:cNvSpPr/>
          <p:nvPr/>
        </p:nvSpPr>
        <p:spPr>
          <a:xfrm>
            <a:off x="3282717" y="2182832"/>
            <a:ext cx="8145" cy="123802"/>
          </a:xfrm>
          <a:custGeom>
            <a:avLst/>
            <a:gdLst/>
            <a:ahLst/>
            <a:cxnLst/>
            <a:rect l="l" t="t" r="r" b="b"/>
            <a:pathLst>
              <a:path w="9525" h="144780">
                <a:moveTo>
                  <a:pt x="0" y="144780"/>
                </a:moveTo>
                <a:lnTo>
                  <a:pt x="9144" y="144780"/>
                </a:lnTo>
                <a:lnTo>
                  <a:pt x="9144" y="0"/>
                </a:lnTo>
                <a:lnTo>
                  <a:pt x="0" y="0"/>
                </a:lnTo>
                <a:lnTo>
                  <a:pt x="0" y="144780"/>
                </a:lnTo>
                <a:close/>
              </a:path>
            </a:pathLst>
          </a:custGeom>
          <a:solidFill>
            <a:srgbClr val="000000"/>
          </a:solidFill>
        </p:spPr>
        <p:txBody>
          <a:bodyPr wrap="square" lIns="0" tIns="0" rIns="0" bIns="0" rtlCol="0"/>
          <a:lstStyle/>
          <a:p>
            <a:endParaRPr sz="1539"/>
          </a:p>
        </p:txBody>
      </p:sp>
      <p:sp>
        <p:nvSpPr>
          <p:cNvPr id="33" name="object 33"/>
          <p:cNvSpPr/>
          <p:nvPr/>
        </p:nvSpPr>
        <p:spPr>
          <a:xfrm>
            <a:off x="3282717" y="1811424"/>
            <a:ext cx="8145" cy="123802"/>
          </a:xfrm>
          <a:custGeom>
            <a:avLst/>
            <a:gdLst/>
            <a:ahLst/>
            <a:cxnLst/>
            <a:rect l="l" t="t" r="r" b="b"/>
            <a:pathLst>
              <a:path w="9525" h="144780">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34" name="object 34"/>
          <p:cNvSpPr/>
          <p:nvPr/>
        </p:nvSpPr>
        <p:spPr>
          <a:xfrm>
            <a:off x="3282717"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35" name="object 35"/>
          <p:cNvSpPr/>
          <p:nvPr/>
        </p:nvSpPr>
        <p:spPr>
          <a:xfrm>
            <a:off x="3918670" y="4408667"/>
            <a:ext cx="8145" cy="1174494"/>
          </a:xfrm>
          <a:custGeom>
            <a:avLst/>
            <a:gdLst/>
            <a:ahLst/>
            <a:cxnLst/>
            <a:rect l="l" t="t" r="r" b="b"/>
            <a:pathLst>
              <a:path w="9525" h="1373504">
                <a:moveTo>
                  <a:pt x="0" y="1373129"/>
                </a:moveTo>
                <a:lnTo>
                  <a:pt x="9144" y="1373129"/>
                </a:lnTo>
                <a:lnTo>
                  <a:pt x="9144" y="0"/>
                </a:lnTo>
                <a:lnTo>
                  <a:pt x="0" y="0"/>
                </a:lnTo>
                <a:lnTo>
                  <a:pt x="0" y="1373129"/>
                </a:lnTo>
                <a:close/>
              </a:path>
            </a:pathLst>
          </a:custGeom>
          <a:solidFill>
            <a:srgbClr val="000000"/>
          </a:solidFill>
        </p:spPr>
        <p:txBody>
          <a:bodyPr wrap="square" lIns="0" tIns="0" rIns="0" bIns="0" rtlCol="0"/>
          <a:lstStyle/>
          <a:p>
            <a:endParaRPr sz="1539"/>
          </a:p>
        </p:txBody>
      </p:sp>
      <p:sp>
        <p:nvSpPr>
          <p:cNvPr id="36" name="object 36"/>
          <p:cNvSpPr/>
          <p:nvPr/>
        </p:nvSpPr>
        <p:spPr>
          <a:xfrm>
            <a:off x="3918670" y="4037261"/>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37" name="object 37"/>
          <p:cNvSpPr/>
          <p:nvPr/>
        </p:nvSpPr>
        <p:spPr>
          <a:xfrm>
            <a:off x="3918670" y="3667156"/>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38" name="object 38"/>
          <p:cNvSpPr/>
          <p:nvPr/>
        </p:nvSpPr>
        <p:spPr>
          <a:xfrm>
            <a:off x="3918670" y="3295750"/>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39" name="object 39"/>
          <p:cNvSpPr/>
          <p:nvPr/>
        </p:nvSpPr>
        <p:spPr>
          <a:xfrm>
            <a:off x="3918670" y="2924342"/>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40" name="object 40"/>
          <p:cNvSpPr/>
          <p:nvPr/>
        </p:nvSpPr>
        <p:spPr>
          <a:xfrm>
            <a:off x="3918670" y="2554238"/>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41" name="object 41"/>
          <p:cNvSpPr/>
          <p:nvPr/>
        </p:nvSpPr>
        <p:spPr>
          <a:xfrm>
            <a:off x="3918670" y="2182832"/>
            <a:ext cx="8145" cy="123802"/>
          </a:xfrm>
          <a:custGeom>
            <a:avLst/>
            <a:gdLst/>
            <a:ahLst/>
            <a:cxnLst/>
            <a:rect l="l" t="t" r="r" b="b"/>
            <a:pathLst>
              <a:path w="9525" h="144780">
                <a:moveTo>
                  <a:pt x="0" y="144780"/>
                </a:moveTo>
                <a:lnTo>
                  <a:pt x="9144" y="144780"/>
                </a:lnTo>
                <a:lnTo>
                  <a:pt x="9144" y="0"/>
                </a:lnTo>
                <a:lnTo>
                  <a:pt x="0" y="0"/>
                </a:lnTo>
                <a:lnTo>
                  <a:pt x="0" y="144780"/>
                </a:lnTo>
                <a:close/>
              </a:path>
            </a:pathLst>
          </a:custGeom>
          <a:solidFill>
            <a:srgbClr val="000000"/>
          </a:solidFill>
        </p:spPr>
        <p:txBody>
          <a:bodyPr wrap="square" lIns="0" tIns="0" rIns="0" bIns="0" rtlCol="0"/>
          <a:lstStyle/>
          <a:p>
            <a:endParaRPr sz="1539"/>
          </a:p>
        </p:txBody>
      </p:sp>
      <p:sp>
        <p:nvSpPr>
          <p:cNvPr id="42" name="object 42"/>
          <p:cNvSpPr/>
          <p:nvPr/>
        </p:nvSpPr>
        <p:spPr>
          <a:xfrm>
            <a:off x="3918670" y="1811424"/>
            <a:ext cx="8145" cy="123802"/>
          </a:xfrm>
          <a:custGeom>
            <a:avLst/>
            <a:gdLst/>
            <a:ahLst/>
            <a:cxnLst/>
            <a:rect l="l" t="t" r="r" b="b"/>
            <a:pathLst>
              <a:path w="9525" h="144780">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43" name="object 43"/>
          <p:cNvSpPr/>
          <p:nvPr/>
        </p:nvSpPr>
        <p:spPr>
          <a:xfrm>
            <a:off x="3918670"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44" name="object 44"/>
          <p:cNvSpPr/>
          <p:nvPr/>
        </p:nvSpPr>
        <p:spPr>
          <a:xfrm>
            <a:off x="4555927" y="4408667"/>
            <a:ext cx="8145" cy="1174494"/>
          </a:xfrm>
          <a:custGeom>
            <a:avLst/>
            <a:gdLst/>
            <a:ahLst/>
            <a:cxnLst/>
            <a:rect l="l" t="t" r="r" b="b"/>
            <a:pathLst>
              <a:path w="9525" h="1373504">
                <a:moveTo>
                  <a:pt x="0" y="1373129"/>
                </a:moveTo>
                <a:lnTo>
                  <a:pt x="9144" y="1373129"/>
                </a:lnTo>
                <a:lnTo>
                  <a:pt x="9144" y="0"/>
                </a:lnTo>
                <a:lnTo>
                  <a:pt x="0" y="0"/>
                </a:lnTo>
                <a:lnTo>
                  <a:pt x="0" y="1373129"/>
                </a:lnTo>
                <a:close/>
              </a:path>
            </a:pathLst>
          </a:custGeom>
          <a:solidFill>
            <a:srgbClr val="000000"/>
          </a:solidFill>
        </p:spPr>
        <p:txBody>
          <a:bodyPr wrap="square" lIns="0" tIns="0" rIns="0" bIns="0" rtlCol="0"/>
          <a:lstStyle/>
          <a:p>
            <a:endParaRPr sz="1539"/>
          </a:p>
        </p:txBody>
      </p:sp>
      <p:sp>
        <p:nvSpPr>
          <p:cNvPr id="45" name="object 45"/>
          <p:cNvSpPr/>
          <p:nvPr/>
        </p:nvSpPr>
        <p:spPr>
          <a:xfrm>
            <a:off x="4555927" y="4037261"/>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46" name="object 46"/>
          <p:cNvSpPr/>
          <p:nvPr/>
        </p:nvSpPr>
        <p:spPr>
          <a:xfrm>
            <a:off x="4555927" y="3667156"/>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47" name="object 47"/>
          <p:cNvSpPr/>
          <p:nvPr/>
        </p:nvSpPr>
        <p:spPr>
          <a:xfrm>
            <a:off x="4555927" y="3295750"/>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48" name="object 48"/>
          <p:cNvSpPr/>
          <p:nvPr/>
        </p:nvSpPr>
        <p:spPr>
          <a:xfrm>
            <a:off x="4555927" y="2924342"/>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49" name="object 49"/>
          <p:cNvSpPr/>
          <p:nvPr/>
        </p:nvSpPr>
        <p:spPr>
          <a:xfrm>
            <a:off x="4555927" y="2554238"/>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50" name="object 50"/>
          <p:cNvSpPr/>
          <p:nvPr/>
        </p:nvSpPr>
        <p:spPr>
          <a:xfrm>
            <a:off x="4555927" y="2182832"/>
            <a:ext cx="8145" cy="123802"/>
          </a:xfrm>
          <a:custGeom>
            <a:avLst/>
            <a:gdLst/>
            <a:ahLst/>
            <a:cxnLst/>
            <a:rect l="l" t="t" r="r" b="b"/>
            <a:pathLst>
              <a:path w="9525" h="144780">
                <a:moveTo>
                  <a:pt x="0" y="144780"/>
                </a:moveTo>
                <a:lnTo>
                  <a:pt x="9144" y="144780"/>
                </a:lnTo>
                <a:lnTo>
                  <a:pt x="9144" y="0"/>
                </a:lnTo>
                <a:lnTo>
                  <a:pt x="0" y="0"/>
                </a:lnTo>
                <a:lnTo>
                  <a:pt x="0" y="144780"/>
                </a:lnTo>
                <a:close/>
              </a:path>
            </a:pathLst>
          </a:custGeom>
          <a:solidFill>
            <a:srgbClr val="000000"/>
          </a:solidFill>
        </p:spPr>
        <p:txBody>
          <a:bodyPr wrap="square" lIns="0" tIns="0" rIns="0" bIns="0" rtlCol="0"/>
          <a:lstStyle/>
          <a:p>
            <a:endParaRPr sz="1539"/>
          </a:p>
        </p:txBody>
      </p:sp>
      <p:sp>
        <p:nvSpPr>
          <p:cNvPr id="51" name="object 51"/>
          <p:cNvSpPr/>
          <p:nvPr/>
        </p:nvSpPr>
        <p:spPr>
          <a:xfrm>
            <a:off x="4555927" y="1811424"/>
            <a:ext cx="8145" cy="123802"/>
          </a:xfrm>
          <a:custGeom>
            <a:avLst/>
            <a:gdLst/>
            <a:ahLst/>
            <a:cxnLst/>
            <a:rect l="l" t="t" r="r" b="b"/>
            <a:pathLst>
              <a:path w="9525" h="144780">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52" name="object 52"/>
          <p:cNvSpPr/>
          <p:nvPr/>
        </p:nvSpPr>
        <p:spPr>
          <a:xfrm>
            <a:off x="4555927"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53" name="object 53"/>
          <p:cNvSpPr/>
          <p:nvPr/>
        </p:nvSpPr>
        <p:spPr>
          <a:xfrm>
            <a:off x="5193184" y="4037261"/>
            <a:ext cx="8145" cy="1545901"/>
          </a:xfrm>
          <a:custGeom>
            <a:avLst/>
            <a:gdLst/>
            <a:ahLst/>
            <a:cxnLst/>
            <a:rect l="l" t="t" r="r" b="b"/>
            <a:pathLst>
              <a:path w="9525" h="1807845">
                <a:moveTo>
                  <a:pt x="0" y="1807469"/>
                </a:moveTo>
                <a:lnTo>
                  <a:pt x="9144" y="1807469"/>
                </a:lnTo>
                <a:lnTo>
                  <a:pt x="9144" y="0"/>
                </a:lnTo>
                <a:lnTo>
                  <a:pt x="0" y="0"/>
                </a:lnTo>
                <a:lnTo>
                  <a:pt x="0" y="1807469"/>
                </a:lnTo>
                <a:close/>
              </a:path>
            </a:pathLst>
          </a:custGeom>
          <a:solidFill>
            <a:srgbClr val="000000"/>
          </a:solidFill>
        </p:spPr>
        <p:txBody>
          <a:bodyPr wrap="square" lIns="0" tIns="0" rIns="0" bIns="0" rtlCol="0"/>
          <a:lstStyle/>
          <a:p>
            <a:endParaRPr sz="1539"/>
          </a:p>
        </p:txBody>
      </p:sp>
      <p:sp>
        <p:nvSpPr>
          <p:cNvPr id="54" name="object 54"/>
          <p:cNvSpPr/>
          <p:nvPr/>
        </p:nvSpPr>
        <p:spPr>
          <a:xfrm>
            <a:off x="5193184" y="3667156"/>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55" name="object 55"/>
          <p:cNvSpPr/>
          <p:nvPr/>
        </p:nvSpPr>
        <p:spPr>
          <a:xfrm>
            <a:off x="5193184" y="3295750"/>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56" name="object 56"/>
          <p:cNvSpPr/>
          <p:nvPr/>
        </p:nvSpPr>
        <p:spPr>
          <a:xfrm>
            <a:off x="5193184" y="2924342"/>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57" name="object 57"/>
          <p:cNvSpPr/>
          <p:nvPr/>
        </p:nvSpPr>
        <p:spPr>
          <a:xfrm>
            <a:off x="5193184" y="2554238"/>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58" name="object 58"/>
          <p:cNvSpPr/>
          <p:nvPr/>
        </p:nvSpPr>
        <p:spPr>
          <a:xfrm>
            <a:off x="5193184" y="2182832"/>
            <a:ext cx="8145" cy="123802"/>
          </a:xfrm>
          <a:custGeom>
            <a:avLst/>
            <a:gdLst/>
            <a:ahLst/>
            <a:cxnLst/>
            <a:rect l="l" t="t" r="r" b="b"/>
            <a:pathLst>
              <a:path w="9525" h="144780">
                <a:moveTo>
                  <a:pt x="0" y="144780"/>
                </a:moveTo>
                <a:lnTo>
                  <a:pt x="9144" y="144780"/>
                </a:lnTo>
                <a:lnTo>
                  <a:pt x="9144" y="0"/>
                </a:lnTo>
                <a:lnTo>
                  <a:pt x="0" y="0"/>
                </a:lnTo>
                <a:lnTo>
                  <a:pt x="0" y="144780"/>
                </a:lnTo>
                <a:close/>
              </a:path>
            </a:pathLst>
          </a:custGeom>
          <a:solidFill>
            <a:srgbClr val="000000"/>
          </a:solidFill>
        </p:spPr>
        <p:txBody>
          <a:bodyPr wrap="square" lIns="0" tIns="0" rIns="0" bIns="0" rtlCol="0"/>
          <a:lstStyle/>
          <a:p>
            <a:endParaRPr sz="1539"/>
          </a:p>
        </p:txBody>
      </p:sp>
      <p:sp>
        <p:nvSpPr>
          <p:cNvPr id="59" name="object 59"/>
          <p:cNvSpPr/>
          <p:nvPr/>
        </p:nvSpPr>
        <p:spPr>
          <a:xfrm>
            <a:off x="5193184" y="1811424"/>
            <a:ext cx="8145" cy="123802"/>
          </a:xfrm>
          <a:custGeom>
            <a:avLst/>
            <a:gdLst/>
            <a:ahLst/>
            <a:cxnLst/>
            <a:rect l="l" t="t" r="r" b="b"/>
            <a:pathLst>
              <a:path w="9525" h="144780">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60" name="object 60"/>
          <p:cNvSpPr/>
          <p:nvPr/>
        </p:nvSpPr>
        <p:spPr>
          <a:xfrm>
            <a:off x="5193184"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61" name="object 61"/>
          <p:cNvSpPr/>
          <p:nvPr/>
        </p:nvSpPr>
        <p:spPr>
          <a:xfrm>
            <a:off x="5829137" y="4037261"/>
            <a:ext cx="8145" cy="1545901"/>
          </a:xfrm>
          <a:custGeom>
            <a:avLst/>
            <a:gdLst/>
            <a:ahLst/>
            <a:cxnLst/>
            <a:rect l="l" t="t" r="r" b="b"/>
            <a:pathLst>
              <a:path w="9525" h="1807845">
                <a:moveTo>
                  <a:pt x="0" y="1807469"/>
                </a:moveTo>
                <a:lnTo>
                  <a:pt x="9144" y="1807469"/>
                </a:lnTo>
                <a:lnTo>
                  <a:pt x="9144" y="0"/>
                </a:lnTo>
                <a:lnTo>
                  <a:pt x="0" y="0"/>
                </a:lnTo>
                <a:lnTo>
                  <a:pt x="0" y="1807469"/>
                </a:lnTo>
                <a:close/>
              </a:path>
            </a:pathLst>
          </a:custGeom>
          <a:solidFill>
            <a:srgbClr val="000000"/>
          </a:solidFill>
        </p:spPr>
        <p:txBody>
          <a:bodyPr wrap="square" lIns="0" tIns="0" rIns="0" bIns="0" rtlCol="0"/>
          <a:lstStyle/>
          <a:p>
            <a:endParaRPr sz="1539"/>
          </a:p>
        </p:txBody>
      </p:sp>
      <p:sp>
        <p:nvSpPr>
          <p:cNvPr id="62" name="object 62"/>
          <p:cNvSpPr/>
          <p:nvPr/>
        </p:nvSpPr>
        <p:spPr>
          <a:xfrm>
            <a:off x="5829137" y="3667156"/>
            <a:ext cx="8145" cy="122716"/>
          </a:xfrm>
          <a:custGeom>
            <a:avLst/>
            <a:gdLst/>
            <a:ahLst/>
            <a:cxnLst/>
            <a:rect l="l" t="t" r="r" b="b"/>
            <a:pathLst>
              <a:path w="9525" h="143510">
                <a:moveTo>
                  <a:pt x="0" y="143256"/>
                </a:moveTo>
                <a:lnTo>
                  <a:pt x="9144" y="143256"/>
                </a:lnTo>
                <a:lnTo>
                  <a:pt x="9144" y="0"/>
                </a:lnTo>
                <a:lnTo>
                  <a:pt x="0" y="0"/>
                </a:lnTo>
                <a:lnTo>
                  <a:pt x="0" y="143256"/>
                </a:lnTo>
                <a:close/>
              </a:path>
            </a:pathLst>
          </a:custGeom>
          <a:solidFill>
            <a:srgbClr val="000000"/>
          </a:solidFill>
        </p:spPr>
        <p:txBody>
          <a:bodyPr wrap="square" lIns="0" tIns="0" rIns="0" bIns="0" rtlCol="0"/>
          <a:lstStyle/>
          <a:p>
            <a:endParaRPr sz="1539"/>
          </a:p>
        </p:txBody>
      </p:sp>
      <p:sp>
        <p:nvSpPr>
          <p:cNvPr id="63" name="object 63"/>
          <p:cNvSpPr/>
          <p:nvPr/>
        </p:nvSpPr>
        <p:spPr>
          <a:xfrm>
            <a:off x="5829137" y="3295750"/>
            <a:ext cx="8145" cy="123802"/>
          </a:xfrm>
          <a:custGeom>
            <a:avLst/>
            <a:gdLst/>
            <a:ahLst/>
            <a:cxnLst/>
            <a:rect l="l" t="t" r="r" b="b"/>
            <a:pathLst>
              <a:path w="9525" h="144779">
                <a:moveTo>
                  <a:pt x="0" y="144779"/>
                </a:moveTo>
                <a:lnTo>
                  <a:pt x="9144" y="144779"/>
                </a:lnTo>
                <a:lnTo>
                  <a:pt x="9144" y="0"/>
                </a:lnTo>
                <a:lnTo>
                  <a:pt x="0" y="0"/>
                </a:lnTo>
                <a:lnTo>
                  <a:pt x="0" y="144779"/>
                </a:lnTo>
                <a:close/>
              </a:path>
            </a:pathLst>
          </a:custGeom>
          <a:solidFill>
            <a:srgbClr val="000000"/>
          </a:solidFill>
        </p:spPr>
        <p:txBody>
          <a:bodyPr wrap="square" lIns="0" tIns="0" rIns="0" bIns="0" rtlCol="0"/>
          <a:lstStyle/>
          <a:p>
            <a:endParaRPr sz="1539"/>
          </a:p>
        </p:txBody>
      </p:sp>
      <p:sp>
        <p:nvSpPr>
          <p:cNvPr id="64" name="object 64"/>
          <p:cNvSpPr/>
          <p:nvPr/>
        </p:nvSpPr>
        <p:spPr>
          <a:xfrm>
            <a:off x="5829137" y="1811424"/>
            <a:ext cx="8145" cy="1236938"/>
          </a:xfrm>
          <a:custGeom>
            <a:avLst/>
            <a:gdLst/>
            <a:ahLst/>
            <a:cxnLst/>
            <a:rect l="l" t="t" r="r" b="b"/>
            <a:pathLst>
              <a:path w="9525" h="1446529">
                <a:moveTo>
                  <a:pt x="0" y="1446276"/>
                </a:moveTo>
                <a:lnTo>
                  <a:pt x="9144" y="1446276"/>
                </a:lnTo>
                <a:lnTo>
                  <a:pt x="9144" y="0"/>
                </a:lnTo>
                <a:lnTo>
                  <a:pt x="0" y="0"/>
                </a:lnTo>
                <a:lnTo>
                  <a:pt x="0" y="1446276"/>
                </a:lnTo>
                <a:close/>
              </a:path>
            </a:pathLst>
          </a:custGeom>
          <a:solidFill>
            <a:srgbClr val="000000"/>
          </a:solidFill>
        </p:spPr>
        <p:txBody>
          <a:bodyPr wrap="square" lIns="0" tIns="0" rIns="0" bIns="0" rtlCol="0"/>
          <a:lstStyle/>
          <a:p>
            <a:endParaRPr sz="1539"/>
          </a:p>
        </p:txBody>
      </p:sp>
      <p:sp>
        <p:nvSpPr>
          <p:cNvPr id="65" name="object 65"/>
          <p:cNvSpPr/>
          <p:nvPr/>
        </p:nvSpPr>
        <p:spPr>
          <a:xfrm>
            <a:off x="5829137"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66" name="object 66"/>
          <p:cNvSpPr/>
          <p:nvPr/>
        </p:nvSpPr>
        <p:spPr>
          <a:xfrm>
            <a:off x="6466394" y="3667156"/>
            <a:ext cx="8145" cy="1915679"/>
          </a:xfrm>
          <a:custGeom>
            <a:avLst/>
            <a:gdLst/>
            <a:ahLst/>
            <a:cxnLst/>
            <a:rect l="l" t="t" r="r" b="b"/>
            <a:pathLst>
              <a:path w="9525" h="2240279">
                <a:moveTo>
                  <a:pt x="0" y="2240285"/>
                </a:moveTo>
                <a:lnTo>
                  <a:pt x="9143" y="2240285"/>
                </a:lnTo>
                <a:lnTo>
                  <a:pt x="9143" y="0"/>
                </a:lnTo>
                <a:lnTo>
                  <a:pt x="0" y="0"/>
                </a:lnTo>
                <a:lnTo>
                  <a:pt x="0" y="2240285"/>
                </a:lnTo>
                <a:close/>
              </a:path>
            </a:pathLst>
          </a:custGeom>
          <a:solidFill>
            <a:srgbClr val="000000"/>
          </a:solidFill>
        </p:spPr>
        <p:txBody>
          <a:bodyPr wrap="square" lIns="0" tIns="0" rIns="0" bIns="0" rtlCol="0"/>
          <a:lstStyle/>
          <a:p>
            <a:endParaRPr sz="1539"/>
          </a:p>
        </p:txBody>
      </p:sp>
      <p:sp>
        <p:nvSpPr>
          <p:cNvPr id="67" name="object 67"/>
          <p:cNvSpPr/>
          <p:nvPr/>
        </p:nvSpPr>
        <p:spPr>
          <a:xfrm>
            <a:off x="6466394" y="3295750"/>
            <a:ext cx="8145" cy="123802"/>
          </a:xfrm>
          <a:custGeom>
            <a:avLst/>
            <a:gdLst/>
            <a:ahLst/>
            <a:cxnLst/>
            <a:rect l="l" t="t" r="r" b="b"/>
            <a:pathLst>
              <a:path w="9525" h="144779">
                <a:moveTo>
                  <a:pt x="0" y="144779"/>
                </a:moveTo>
                <a:lnTo>
                  <a:pt x="9143" y="144779"/>
                </a:lnTo>
                <a:lnTo>
                  <a:pt x="9143" y="0"/>
                </a:lnTo>
                <a:lnTo>
                  <a:pt x="0" y="0"/>
                </a:lnTo>
                <a:lnTo>
                  <a:pt x="0" y="144779"/>
                </a:lnTo>
                <a:close/>
              </a:path>
            </a:pathLst>
          </a:custGeom>
          <a:solidFill>
            <a:srgbClr val="000000"/>
          </a:solidFill>
        </p:spPr>
        <p:txBody>
          <a:bodyPr wrap="square" lIns="0" tIns="0" rIns="0" bIns="0" rtlCol="0"/>
          <a:lstStyle/>
          <a:p>
            <a:endParaRPr sz="1539"/>
          </a:p>
        </p:txBody>
      </p:sp>
      <p:sp>
        <p:nvSpPr>
          <p:cNvPr id="68" name="object 68"/>
          <p:cNvSpPr/>
          <p:nvPr/>
        </p:nvSpPr>
        <p:spPr>
          <a:xfrm>
            <a:off x="6466394" y="1811424"/>
            <a:ext cx="8145" cy="1236938"/>
          </a:xfrm>
          <a:custGeom>
            <a:avLst/>
            <a:gdLst/>
            <a:ahLst/>
            <a:cxnLst/>
            <a:rect l="l" t="t" r="r" b="b"/>
            <a:pathLst>
              <a:path w="9525" h="1446529">
                <a:moveTo>
                  <a:pt x="0" y="1446276"/>
                </a:moveTo>
                <a:lnTo>
                  <a:pt x="9143" y="1446276"/>
                </a:lnTo>
                <a:lnTo>
                  <a:pt x="9143" y="0"/>
                </a:lnTo>
                <a:lnTo>
                  <a:pt x="0" y="0"/>
                </a:lnTo>
                <a:lnTo>
                  <a:pt x="0" y="1446276"/>
                </a:lnTo>
                <a:close/>
              </a:path>
            </a:pathLst>
          </a:custGeom>
          <a:solidFill>
            <a:srgbClr val="000000"/>
          </a:solidFill>
        </p:spPr>
        <p:txBody>
          <a:bodyPr wrap="square" lIns="0" tIns="0" rIns="0" bIns="0" rtlCol="0"/>
          <a:lstStyle/>
          <a:p>
            <a:endParaRPr sz="1539"/>
          </a:p>
        </p:txBody>
      </p:sp>
      <p:sp>
        <p:nvSpPr>
          <p:cNvPr id="69" name="object 69"/>
          <p:cNvSpPr/>
          <p:nvPr/>
        </p:nvSpPr>
        <p:spPr>
          <a:xfrm>
            <a:off x="6466394" y="1502570"/>
            <a:ext cx="8145" cy="61358"/>
          </a:xfrm>
          <a:custGeom>
            <a:avLst/>
            <a:gdLst/>
            <a:ahLst/>
            <a:cxnLst/>
            <a:rect l="l" t="t" r="r" b="b"/>
            <a:pathLst>
              <a:path w="9525" h="71755">
                <a:moveTo>
                  <a:pt x="0" y="71627"/>
                </a:moveTo>
                <a:lnTo>
                  <a:pt x="9143" y="71627"/>
                </a:lnTo>
                <a:lnTo>
                  <a:pt x="9143" y="0"/>
                </a:lnTo>
                <a:lnTo>
                  <a:pt x="0" y="0"/>
                </a:lnTo>
                <a:lnTo>
                  <a:pt x="0" y="71627"/>
                </a:lnTo>
                <a:close/>
              </a:path>
            </a:pathLst>
          </a:custGeom>
          <a:solidFill>
            <a:srgbClr val="000000"/>
          </a:solidFill>
        </p:spPr>
        <p:txBody>
          <a:bodyPr wrap="square" lIns="0" tIns="0" rIns="0" bIns="0" rtlCol="0"/>
          <a:lstStyle/>
          <a:p>
            <a:endParaRPr sz="1539"/>
          </a:p>
        </p:txBody>
      </p:sp>
      <p:sp>
        <p:nvSpPr>
          <p:cNvPr id="70" name="object 70"/>
          <p:cNvSpPr/>
          <p:nvPr/>
        </p:nvSpPr>
        <p:spPr>
          <a:xfrm>
            <a:off x="7102347" y="3667156"/>
            <a:ext cx="8145" cy="1915679"/>
          </a:xfrm>
          <a:custGeom>
            <a:avLst/>
            <a:gdLst/>
            <a:ahLst/>
            <a:cxnLst/>
            <a:rect l="l" t="t" r="r" b="b"/>
            <a:pathLst>
              <a:path w="9525" h="2240279">
                <a:moveTo>
                  <a:pt x="0" y="2240285"/>
                </a:moveTo>
                <a:lnTo>
                  <a:pt x="9144" y="2240285"/>
                </a:lnTo>
                <a:lnTo>
                  <a:pt x="9144" y="0"/>
                </a:lnTo>
                <a:lnTo>
                  <a:pt x="0" y="0"/>
                </a:lnTo>
                <a:lnTo>
                  <a:pt x="0" y="2240285"/>
                </a:lnTo>
                <a:close/>
              </a:path>
            </a:pathLst>
          </a:custGeom>
          <a:solidFill>
            <a:srgbClr val="000000"/>
          </a:solidFill>
        </p:spPr>
        <p:txBody>
          <a:bodyPr wrap="square" lIns="0" tIns="0" rIns="0" bIns="0" rtlCol="0"/>
          <a:lstStyle/>
          <a:p>
            <a:endParaRPr sz="1539"/>
          </a:p>
        </p:txBody>
      </p:sp>
      <p:sp>
        <p:nvSpPr>
          <p:cNvPr id="71" name="object 71"/>
          <p:cNvSpPr/>
          <p:nvPr/>
        </p:nvSpPr>
        <p:spPr>
          <a:xfrm>
            <a:off x="7102347" y="1811424"/>
            <a:ext cx="8145" cy="1608345"/>
          </a:xfrm>
          <a:custGeom>
            <a:avLst/>
            <a:gdLst/>
            <a:ahLst/>
            <a:cxnLst/>
            <a:rect l="l" t="t" r="r" b="b"/>
            <a:pathLst>
              <a:path w="9525" h="1880870">
                <a:moveTo>
                  <a:pt x="0" y="1880615"/>
                </a:moveTo>
                <a:lnTo>
                  <a:pt x="9144" y="1880615"/>
                </a:lnTo>
                <a:lnTo>
                  <a:pt x="9144" y="0"/>
                </a:lnTo>
                <a:lnTo>
                  <a:pt x="0" y="0"/>
                </a:lnTo>
                <a:lnTo>
                  <a:pt x="0" y="1880615"/>
                </a:lnTo>
                <a:close/>
              </a:path>
            </a:pathLst>
          </a:custGeom>
          <a:solidFill>
            <a:srgbClr val="000000"/>
          </a:solidFill>
        </p:spPr>
        <p:txBody>
          <a:bodyPr wrap="square" lIns="0" tIns="0" rIns="0" bIns="0" rtlCol="0"/>
          <a:lstStyle/>
          <a:p>
            <a:endParaRPr sz="1539"/>
          </a:p>
        </p:txBody>
      </p:sp>
      <p:sp>
        <p:nvSpPr>
          <p:cNvPr id="72" name="object 72"/>
          <p:cNvSpPr/>
          <p:nvPr/>
        </p:nvSpPr>
        <p:spPr>
          <a:xfrm>
            <a:off x="7102347" y="1502570"/>
            <a:ext cx="8145" cy="61358"/>
          </a:xfrm>
          <a:custGeom>
            <a:avLst/>
            <a:gdLst/>
            <a:ahLst/>
            <a:cxnLst/>
            <a:rect l="l" t="t" r="r" b="b"/>
            <a:pathLst>
              <a:path w="9525" h="71755">
                <a:moveTo>
                  <a:pt x="0" y="71627"/>
                </a:moveTo>
                <a:lnTo>
                  <a:pt x="9144" y="71627"/>
                </a:lnTo>
                <a:lnTo>
                  <a:pt x="9144" y="0"/>
                </a:lnTo>
                <a:lnTo>
                  <a:pt x="0" y="0"/>
                </a:lnTo>
                <a:lnTo>
                  <a:pt x="0" y="71627"/>
                </a:lnTo>
                <a:close/>
              </a:path>
            </a:pathLst>
          </a:custGeom>
          <a:solidFill>
            <a:srgbClr val="000000"/>
          </a:solidFill>
        </p:spPr>
        <p:txBody>
          <a:bodyPr wrap="square" lIns="0" tIns="0" rIns="0" bIns="0" rtlCol="0"/>
          <a:lstStyle/>
          <a:p>
            <a:endParaRPr sz="1539"/>
          </a:p>
        </p:txBody>
      </p:sp>
      <p:sp>
        <p:nvSpPr>
          <p:cNvPr id="73" name="object 73"/>
          <p:cNvSpPr/>
          <p:nvPr/>
        </p:nvSpPr>
        <p:spPr>
          <a:xfrm>
            <a:off x="7739603" y="1502571"/>
            <a:ext cx="8145" cy="4080591"/>
          </a:xfrm>
          <a:custGeom>
            <a:avLst/>
            <a:gdLst/>
            <a:ahLst/>
            <a:cxnLst/>
            <a:rect l="l" t="t" r="r" b="b"/>
            <a:pathLst>
              <a:path w="9525" h="4772025">
                <a:moveTo>
                  <a:pt x="9144" y="0"/>
                </a:moveTo>
                <a:lnTo>
                  <a:pt x="0" y="0"/>
                </a:lnTo>
                <a:lnTo>
                  <a:pt x="0" y="4771649"/>
                </a:lnTo>
                <a:lnTo>
                  <a:pt x="9144" y="4771649"/>
                </a:lnTo>
                <a:lnTo>
                  <a:pt x="9144" y="0"/>
                </a:lnTo>
                <a:close/>
              </a:path>
            </a:pathLst>
          </a:custGeom>
          <a:solidFill>
            <a:srgbClr val="000000"/>
          </a:solidFill>
        </p:spPr>
        <p:txBody>
          <a:bodyPr wrap="square" lIns="0" tIns="0" rIns="0" bIns="0" rtlCol="0"/>
          <a:lstStyle/>
          <a:p>
            <a:endParaRPr sz="1539"/>
          </a:p>
        </p:txBody>
      </p:sp>
      <p:sp>
        <p:nvSpPr>
          <p:cNvPr id="74" name="object 74"/>
          <p:cNvSpPr/>
          <p:nvPr/>
        </p:nvSpPr>
        <p:spPr>
          <a:xfrm>
            <a:off x="1376161" y="5273981"/>
            <a:ext cx="422448" cy="247605"/>
          </a:xfrm>
          <a:custGeom>
            <a:avLst/>
            <a:gdLst/>
            <a:ahLst/>
            <a:cxnLst/>
            <a:rect l="l" t="t" r="r" b="b"/>
            <a:pathLst>
              <a:path w="494030" h="289560">
                <a:moveTo>
                  <a:pt x="493775" y="0"/>
                </a:moveTo>
                <a:lnTo>
                  <a:pt x="0" y="0"/>
                </a:lnTo>
                <a:lnTo>
                  <a:pt x="0" y="289559"/>
                </a:lnTo>
                <a:lnTo>
                  <a:pt x="493775" y="289559"/>
                </a:lnTo>
                <a:lnTo>
                  <a:pt x="493775" y="0"/>
                </a:lnTo>
                <a:close/>
              </a:path>
            </a:pathLst>
          </a:custGeom>
          <a:solidFill>
            <a:srgbClr val="0070BF"/>
          </a:solidFill>
        </p:spPr>
        <p:txBody>
          <a:bodyPr wrap="square" lIns="0" tIns="0" rIns="0" bIns="0" rtlCol="0"/>
          <a:lstStyle/>
          <a:p>
            <a:endParaRPr sz="1539"/>
          </a:p>
        </p:txBody>
      </p:sp>
      <p:sp>
        <p:nvSpPr>
          <p:cNvPr id="75" name="object 75"/>
          <p:cNvSpPr/>
          <p:nvPr/>
        </p:nvSpPr>
        <p:spPr>
          <a:xfrm>
            <a:off x="1376161" y="4902574"/>
            <a:ext cx="1857036" cy="247605"/>
          </a:xfrm>
          <a:custGeom>
            <a:avLst/>
            <a:gdLst/>
            <a:ahLst/>
            <a:cxnLst/>
            <a:rect l="l" t="t" r="r" b="b"/>
            <a:pathLst>
              <a:path w="2171700" h="289560">
                <a:moveTo>
                  <a:pt x="2171700" y="0"/>
                </a:moveTo>
                <a:lnTo>
                  <a:pt x="0" y="0"/>
                </a:lnTo>
                <a:lnTo>
                  <a:pt x="0" y="289560"/>
                </a:lnTo>
                <a:lnTo>
                  <a:pt x="2171700" y="289560"/>
                </a:lnTo>
                <a:lnTo>
                  <a:pt x="2171700" y="0"/>
                </a:lnTo>
                <a:close/>
              </a:path>
            </a:pathLst>
          </a:custGeom>
          <a:solidFill>
            <a:srgbClr val="0070BF"/>
          </a:solidFill>
        </p:spPr>
        <p:txBody>
          <a:bodyPr wrap="square" lIns="0" tIns="0" rIns="0" bIns="0" rtlCol="0"/>
          <a:lstStyle/>
          <a:p>
            <a:endParaRPr sz="1539"/>
          </a:p>
        </p:txBody>
      </p:sp>
      <p:sp>
        <p:nvSpPr>
          <p:cNvPr id="76" name="object 76"/>
          <p:cNvSpPr/>
          <p:nvPr/>
        </p:nvSpPr>
        <p:spPr>
          <a:xfrm>
            <a:off x="1376161" y="4532470"/>
            <a:ext cx="2447812" cy="247605"/>
          </a:xfrm>
          <a:custGeom>
            <a:avLst/>
            <a:gdLst/>
            <a:ahLst/>
            <a:cxnLst/>
            <a:rect l="l" t="t" r="r" b="b"/>
            <a:pathLst>
              <a:path w="2862579" h="289560">
                <a:moveTo>
                  <a:pt x="2862072" y="0"/>
                </a:moveTo>
                <a:lnTo>
                  <a:pt x="0" y="0"/>
                </a:lnTo>
                <a:lnTo>
                  <a:pt x="0" y="289559"/>
                </a:lnTo>
                <a:lnTo>
                  <a:pt x="2862072" y="289559"/>
                </a:lnTo>
                <a:lnTo>
                  <a:pt x="2862072" y="0"/>
                </a:lnTo>
                <a:close/>
              </a:path>
            </a:pathLst>
          </a:custGeom>
          <a:solidFill>
            <a:srgbClr val="0070BF"/>
          </a:solidFill>
        </p:spPr>
        <p:txBody>
          <a:bodyPr wrap="square" lIns="0" tIns="0" rIns="0" bIns="0" rtlCol="0"/>
          <a:lstStyle/>
          <a:p>
            <a:endParaRPr sz="1539"/>
          </a:p>
        </p:txBody>
      </p:sp>
      <p:sp>
        <p:nvSpPr>
          <p:cNvPr id="77" name="object 77"/>
          <p:cNvSpPr/>
          <p:nvPr/>
        </p:nvSpPr>
        <p:spPr>
          <a:xfrm>
            <a:off x="1376161" y="4161063"/>
            <a:ext cx="3205830" cy="247605"/>
          </a:xfrm>
          <a:custGeom>
            <a:avLst/>
            <a:gdLst/>
            <a:ahLst/>
            <a:cxnLst/>
            <a:rect l="l" t="t" r="r" b="b"/>
            <a:pathLst>
              <a:path w="3749040" h="289560">
                <a:moveTo>
                  <a:pt x="3749040" y="0"/>
                </a:moveTo>
                <a:lnTo>
                  <a:pt x="0" y="0"/>
                </a:lnTo>
                <a:lnTo>
                  <a:pt x="0" y="289559"/>
                </a:lnTo>
                <a:lnTo>
                  <a:pt x="3749040" y="289559"/>
                </a:lnTo>
                <a:lnTo>
                  <a:pt x="3749040" y="0"/>
                </a:lnTo>
                <a:close/>
              </a:path>
            </a:pathLst>
          </a:custGeom>
          <a:solidFill>
            <a:srgbClr val="0070BF"/>
          </a:solidFill>
        </p:spPr>
        <p:txBody>
          <a:bodyPr wrap="square" lIns="0" tIns="0" rIns="0" bIns="0" rtlCol="0"/>
          <a:lstStyle/>
          <a:p>
            <a:endParaRPr sz="1539"/>
          </a:p>
        </p:txBody>
      </p:sp>
      <p:sp>
        <p:nvSpPr>
          <p:cNvPr id="78" name="object 78"/>
          <p:cNvSpPr/>
          <p:nvPr/>
        </p:nvSpPr>
        <p:spPr>
          <a:xfrm>
            <a:off x="1376162" y="3789655"/>
            <a:ext cx="4472632" cy="247605"/>
          </a:xfrm>
          <a:custGeom>
            <a:avLst/>
            <a:gdLst/>
            <a:ahLst/>
            <a:cxnLst/>
            <a:rect l="l" t="t" r="r" b="b"/>
            <a:pathLst>
              <a:path w="5230495" h="289560">
                <a:moveTo>
                  <a:pt x="5230367" y="0"/>
                </a:moveTo>
                <a:lnTo>
                  <a:pt x="0" y="0"/>
                </a:lnTo>
                <a:lnTo>
                  <a:pt x="0" y="289559"/>
                </a:lnTo>
                <a:lnTo>
                  <a:pt x="5230367" y="289559"/>
                </a:lnTo>
                <a:lnTo>
                  <a:pt x="5230367" y="0"/>
                </a:lnTo>
                <a:close/>
              </a:path>
            </a:pathLst>
          </a:custGeom>
          <a:solidFill>
            <a:srgbClr val="0070BF"/>
          </a:solidFill>
        </p:spPr>
        <p:txBody>
          <a:bodyPr wrap="square" lIns="0" tIns="0" rIns="0" bIns="0" rtlCol="0"/>
          <a:lstStyle/>
          <a:p>
            <a:endParaRPr sz="1539"/>
          </a:p>
        </p:txBody>
      </p:sp>
      <p:sp>
        <p:nvSpPr>
          <p:cNvPr id="79" name="object 79"/>
          <p:cNvSpPr/>
          <p:nvPr/>
        </p:nvSpPr>
        <p:spPr>
          <a:xfrm>
            <a:off x="1376161" y="3419552"/>
            <a:ext cx="5823056" cy="247605"/>
          </a:xfrm>
          <a:custGeom>
            <a:avLst/>
            <a:gdLst/>
            <a:ahLst/>
            <a:cxnLst/>
            <a:rect l="l" t="t" r="r" b="b"/>
            <a:pathLst>
              <a:path w="6809740" h="289560">
                <a:moveTo>
                  <a:pt x="6809232" y="0"/>
                </a:moveTo>
                <a:lnTo>
                  <a:pt x="0" y="0"/>
                </a:lnTo>
                <a:lnTo>
                  <a:pt x="0" y="289560"/>
                </a:lnTo>
                <a:lnTo>
                  <a:pt x="6809232" y="289560"/>
                </a:lnTo>
                <a:lnTo>
                  <a:pt x="6809232" y="0"/>
                </a:lnTo>
                <a:close/>
              </a:path>
            </a:pathLst>
          </a:custGeom>
          <a:solidFill>
            <a:srgbClr val="0070BF"/>
          </a:solidFill>
        </p:spPr>
        <p:txBody>
          <a:bodyPr wrap="square" lIns="0" tIns="0" rIns="0" bIns="0" rtlCol="0"/>
          <a:lstStyle/>
          <a:p>
            <a:endParaRPr sz="1539"/>
          </a:p>
        </p:txBody>
      </p:sp>
      <p:sp>
        <p:nvSpPr>
          <p:cNvPr id="80" name="object 80"/>
          <p:cNvSpPr/>
          <p:nvPr/>
        </p:nvSpPr>
        <p:spPr>
          <a:xfrm>
            <a:off x="1376161" y="3048144"/>
            <a:ext cx="5147572" cy="247605"/>
          </a:xfrm>
          <a:custGeom>
            <a:avLst/>
            <a:gdLst/>
            <a:ahLst/>
            <a:cxnLst/>
            <a:rect l="l" t="t" r="r" b="b"/>
            <a:pathLst>
              <a:path w="6019800" h="289560">
                <a:moveTo>
                  <a:pt x="6019800" y="0"/>
                </a:moveTo>
                <a:lnTo>
                  <a:pt x="0" y="0"/>
                </a:lnTo>
                <a:lnTo>
                  <a:pt x="0" y="289560"/>
                </a:lnTo>
                <a:lnTo>
                  <a:pt x="6019800" y="289560"/>
                </a:lnTo>
                <a:lnTo>
                  <a:pt x="6019800" y="0"/>
                </a:lnTo>
                <a:close/>
              </a:path>
            </a:pathLst>
          </a:custGeom>
          <a:solidFill>
            <a:srgbClr val="0070BF"/>
          </a:solidFill>
        </p:spPr>
        <p:txBody>
          <a:bodyPr wrap="square" lIns="0" tIns="0" rIns="0" bIns="0" rtlCol="0"/>
          <a:lstStyle/>
          <a:p>
            <a:endParaRPr sz="1539"/>
          </a:p>
        </p:txBody>
      </p:sp>
      <p:sp>
        <p:nvSpPr>
          <p:cNvPr id="81" name="object 81"/>
          <p:cNvSpPr/>
          <p:nvPr/>
        </p:nvSpPr>
        <p:spPr>
          <a:xfrm>
            <a:off x="1376161" y="2676737"/>
            <a:ext cx="4135434" cy="247605"/>
          </a:xfrm>
          <a:custGeom>
            <a:avLst/>
            <a:gdLst/>
            <a:ahLst/>
            <a:cxnLst/>
            <a:rect l="l" t="t" r="r" b="b"/>
            <a:pathLst>
              <a:path w="4836160" h="289560">
                <a:moveTo>
                  <a:pt x="4835652" y="0"/>
                </a:moveTo>
                <a:lnTo>
                  <a:pt x="0" y="0"/>
                </a:lnTo>
                <a:lnTo>
                  <a:pt x="0" y="289560"/>
                </a:lnTo>
                <a:lnTo>
                  <a:pt x="4835652" y="289560"/>
                </a:lnTo>
                <a:lnTo>
                  <a:pt x="4835652" y="0"/>
                </a:lnTo>
                <a:close/>
              </a:path>
            </a:pathLst>
          </a:custGeom>
          <a:solidFill>
            <a:srgbClr val="0070BF"/>
          </a:solidFill>
        </p:spPr>
        <p:txBody>
          <a:bodyPr wrap="square" lIns="0" tIns="0" rIns="0" bIns="0" rtlCol="0"/>
          <a:lstStyle/>
          <a:p>
            <a:endParaRPr sz="1539"/>
          </a:p>
        </p:txBody>
      </p:sp>
      <p:sp>
        <p:nvSpPr>
          <p:cNvPr id="82" name="object 82"/>
          <p:cNvSpPr/>
          <p:nvPr/>
        </p:nvSpPr>
        <p:spPr>
          <a:xfrm>
            <a:off x="1376161" y="2306633"/>
            <a:ext cx="3966020" cy="247605"/>
          </a:xfrm>
          <a:custGeom>
            <a:avLst/>
            <a:gdLst/>
            <a:ahLst/>
            <a:cxnLst/>
            <a:rect l="l" t="t" r="r" b="b"/>
            <a:pathLst>
              <a:path w="4638040" h="289560">
                <a:moveTo>
                  <a:pt x="4637532" y="0"/>
                </a:moveTo>
                <a:lnTo>
                  <a:pt x="0" y="0"/>
                </a:lnTo>
                <a:lnTo>
                  <a:pt x="0" y="289559"/>
                </a:lnTo>
                <a:lnTo>
                  <a:pt x="4637532" y="289559"/>
                </a:lnTo>
                <a:lnTo>
                  <a:pt x="4637532" y="0"/>
                </a:lnTo>
                <a:close/>
              </a:path>
            </a:pathLst>
          </a:custGeom>
          <a:solidFill>
            <a:srgbClr val="0070BF"/>
          </a:solidFill>
        </p:spPr>
        <p:txBody>
          <a:bodyPr wrap="square" lIns="0" tIns="0" rIns="0" bIns="0" rtlCol="0"/>
          <a:lstStyle/>
          <a:p>
            <a:endParaRPr sz="1539"/>
          </a:p>
        </p:txBody>
      </p:sp>
      <p:sp>
        <p:nvSpPr>
          <p:cNvPr id="83" name="object 83"/>
          <p:cNvSpPr/>
          <p:nvPr/>
        </p:nvSpPr>
        <p:spPr>
          <a:xfrm>
            <a:off x="1376162" y="1935226"/>
            <a:ext cx="4387925" cy="247605"/>
          </a:xfrm>
          <a:custGeom>
            <a:avLst/>
            <a:gdLst/>
            <a:ahLst/>
            <a:cxnLst/>
            <a:rect l="l" t="t" r="r" b="b"/>
            <a:pathLst>
              <a:path w="5131434" h="289560">
                <a:moveTo>
                  <a:pt x="5131308" y="0"/>
                </a:moveTo>
                <a:lnTo>
                  <a:pt x="0" y="0"/>
                </a:lnTo>
                <a:lnTo>
                  <a:pt x="0" y="289560"/>
                </a:lnTo>
                <a:lnTo>
                  <a:pt x="5131308" y="289560"/>
                </a:lnTo>
                <a:lnTo>
                  <a:pt x="5131308" y="0"/>
                </a:lnTo>
                <a:close/>
              </a:path>
            </a:pathLst>
          </a:custGeom>
          <a:solidFill>
            <a:srgbClr val="0070BF"/>
          </a:solidFill>
        </p:spPr>
        <p:txBody>
          <a:bodyPr wrap="square" lIns="0" tIns="0" rIns="0" bIns="0" rtlCol="0"/>
          <a:lstStyle/>
          <a:p>
            <a:endParaRPr sz="1539"/>
          </a:p>
        </p:txBody>
      </p:sp>
      <p:sp>
        <p:nvSpPr>
          <p:cNvPr id="84" name="object 84"/>
          <p:cNvSpPr/>
          <p:nvPr/>
        </p:nvSpPr>
        <p:spPr>
          <a:xfrm>
            <a:off x="1376161" y="1563819"/>
            <a:ext cx="5738349" cy="247605"/>
          </a:xfrm>
          <a:custGeom>
            <a:avLst/>
            <a:gdLst/>
            <a:ahLst/>
            <a:cxnLst/>
            <a:rect l="l" t="t" r="r" b="b"/>
            <a:pathLst>
              <a:path w="6710680" h="289560">
                <a:moveTo>
                  <a:pt x="6710172" y="0"/>
                </a:moveTo>
                <a:lnTo>
                  <a:pt x="0" y="0"/>
                </a:lnTo>
                <a:lnTo>
                  <a:pt x="0" y="289560"/>
                </a:lnTo>
                <a:lnTo>
                  <a:pt x="6710172" y="289560"/>
                </a:lnTo>
                <a:lnTo>
                  <a:pt x="6710172" y="0"/>
                </a:lnTo>
                <a:close/>
              </a:path>
            </a:pathLst>
          </a:custGeom>
          <a:solidFill>
            <a:srgbClr val="0070BF"/>
          </a:solidFill>
        </p:spPr>
        <p:txBody>
          <a:bodyPr wrap="square" lIns="0" tIns="0" rIns="0" bIns="0" rtlCol="0"/>
          <a:lstStyle/>
          <a:p>
            <a:endParaRPr sz="1539"/>
          </a:p>
        </p:txBody>
      </p:sp>
      <p:sp>
        <p:nvSpPr>
          <p:cNvPr id="85" name="object 85"/>
          <p:cNvSpPr/>
          <p:nvPr/>
        </p:nvSpPr>
        <p:spPr>
          <a:xfrm>
            <a:off x="1372252" y="1502569"/>
            <a:ext cx="6371478" cy="4084392"/>
          </a:xfrm>
          <a:custGeom>
            <a:avLst/>
            <a:gdLst/>
            <a:ahLst/>
            <a:cxnLst/>
            <a:rect l="l" t="t" r="r" b="b"/>
            <a:pathLst>
              <a:path w="7451090" h="4776470">
                <a:moveTo>
                  <a:pt x="7450836" y="4767084"/>
                </a:moveTo>
                <a:lnTo>
                  <a:pt x="9144" y="4767084"/>
                </a:lnTo>
                <a:lnTo>
                  <a:pt x="9144" y="0"/>
                </a:lnTo>
                <a:lnTo>
                  <a:pt x="0" y="0"/>
                </a:lnTo>
                <a:lnTo>
                  <a:pt x="0" y="4771656"/>
                </a:lnTo>
                <a:lnTo>
                  <a:pt x="4572" y="4771656"/>
                </a:lnTo>
                <a:lnTo>
                  <a:pt x="4572" y="4776228"/>
                </a:lnTo>
                <a:lnTo>
                  <a:pt x="7450836" y="4776228"/>
                </a:lnTo>
                <a:lnTo>
                  <a:pt x="7450836" y="4767084"/>
                </a:lnTo>
                <a:close/>
              </a:path>
            </a:pathLst>
          </a:custGeom>
          <a:solidFill>
            <a:srgbClr val="000000"/>
          </a:solidFill>
        </p:spPr>
        <p:txBody>
          <a:bodyPr wrap="square" lIns="0" tIns="0" rIns="0" bIns="0" rtlCol="0"/>
          <a:lstStyle/>
          <a:p>
            <a:endParaRPr sz="1539"/>
          </a:p>
        </p:txBody>
      </p:sp>
      <p:sp>
        <p:nvSpPr>
          <p:cNvPr id="86" name="object 86"/>
          <p:cNvSpPr txBox="1"/>
          <p:nvPr/>
        </p:nvSpPr>
        <p:spPr>
          <a:xfrm>
            <a:off x="1857905" y="5281366"/>
            <a:ext cx="269324" cy="209489"/>
          </a:xfrm>
          <a:prstGeom prst="rect">
            <a:avLst/>
          </a:prstGeom>
        </p:spPr>
        <p:txBody>
          <a:bodyPr vert="horz" wrap="square" lIns="0" tIns="11946" rIns="0" bIns="0" rtlCol="0">
            <a:spAutoFit/>
          </a:bodyPr>
          <a:lstStyle/>
          <a:p>
            <a:pPr marL="10860">
              <a:spcBef>
                <a:spcPts val="94"/>
              </a:spcBef>
            </a:pPr>
            <a:r>
              <a:rPr sz="1283" b="1" spc="-21" dirty="0">
                <a:latin typeface="ＭＳ ゴシック"/>
                <a:cs typeface="ＭＳ ゴシック"/>
              </a:rPr>
              <a:t>3.3</a:t>
            </a:r>
            <a:endParaRPr sz="1283">
              <a:latin typeface="ＭＳ ゴシック"/>
              <a:cs typeface="ＭＳ ゴシック"/>
            </a:endParaRPr>
          </a:p>
        </p:txBody>
      </p:sp>
      <p:sp>
        <p:nvSpPr>
          <p:cNvPr id="87" name="object 87"/>
          <p:cNvSpPr txBox="1"/>
          <p:nvPr/>
        </p:nvSpPr>
        <p:spPr>
          <a:xfrm>
            <a:off x="3294012" y="4911262"/>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14.6</a:t>
            </a:r>
            <a:endParaRPr sz="1283">
              <a:latin typeface="ＭＳ ゴシック"/>
              <a:cs typeface="ＭＳ ゴシック"/>
            </a:endParaRPr>
          </a:p>
        </p:txBody>
      </p:sp>
      <p:sp>
        <p:nvSpPr>
          <p:cNvPr id="88" name="object 88"/>
          <p:cNvSpPr txBox="1"/>
          <p:nvPr/>
        </p:nvSpPr>
        <p:spPr>
          <a:xfrm>
            <a:off x="3884353" y="4539855"/>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19.2</a:t>
            </a:r>
            <a:endParaRPr sz="1283">
              <a:latin typeface="ＭＳ ゴシック"/>
              <a:cs typeface="ＭＳ ゴシック"/>
            </a:endParaRPr>
          </a:p>
        </p:txBody>
      </p:sp>
      <p:sp>
        <p:nvSpPr>
          <p:cNvPr id="89" name="object 89"/>
          <p:cNvSpPr txBox="1"/>
          <p:nvPr/>
        </p:nvSpPr>
        <p:spPr>
          <a:xfrm>
            <a:off x="4644110" y="4168447"/>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25.2</a:t>
            </a:r>
            <a:endParaRPr sz="1283">
              <a:latin typeface="ＭＳ ゴシック"/>
              <a:cs typeface="ＭＳ ゴシック"/>
            </a:endParaRPr>
          </a:p>
        </p:txBody>
      </p:sp>
      <p:sp>
        <p:nvSpPr>
          <p:cNvPr id="90" name="object 90"/>
          <p:cNvSpPr txBox="1"/>
          <p:nvPr/>
        </p:nvSpPr>
        <p:spPr>
          <a:xfrm>
            <a:off x="5909499" y="3798344"/>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35.1</a:t>
            </a:r>
            <a:endParaRPr sz="1283">
              <a:latin typeface="ＭＳ ゴシック"/>
              <a:cs typeface="ＭＳ ゴシック"/>
            </a:endParaRPr>
          </a:p>
        </p:txBody>
      </p:sp>
      <p:sp>
        <p:nvSpPr>
          <p:cNvPr id="91" name="object 91"/>
          <p:cNvSpPr txBox="1"/>
          <p:nvPr/>
        </p:nvSpPr>
        <p:spPr>
          <a:xfrm>
            <a:off x="7259597" y="3426936"/>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45.7</a:t>
            </a:r>
            <a:endParaRPr sz="1283">
              <a:latin typeface="ＭＳ ゴシック"/>
              <a:cs typeface="ＭＳ ゴシック"/>
            </a:endParaRPr>
          </a:p>
        </p:txBody>
      </p:sp>
      <p:sp>
        <p:nvSpPr>
          <p:cNvPr id="92" name="object 92"/>
          <p:cNvSpPr txBox="1"/>
          <p:nvPr/>
        </p:nvSpPr>
        <p:spPr>
          <a:xfrm>
            <a:off x="6584549" y="3055530"/>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40.4</a:t>
            </a:r>
            <a:endParaRPr sz="1283">
              <a:latin typeface="ＭＳ ゴシック"/>
              <a:cs typeface="ＭＳ ゴシック"/>
            </a:endParaRPr>
          </a:p>
        </p:txBody>
      </p:sp>
      <p:sp>
        <p:nvSpPr>
          <p:cNvPr id="93" name="object 93"/>
          <p:cNvSpPr txBox="1"/>
          <p:nvPr/>
        </p:nvSpPr>
        <p:spPr>
          <a:xfrm>
            <a:off x="5571976" y="2685425"/>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32.5</a:t>
            </a:r>
            <a:endParaRPr sz="1283">
              <a:latin typeface="ＭＳ ゴシック"/>
              <a:cs typeface="ＭＳ ゴシック"/>
            </a:endParaRPr>
          </a:p>
        </p:txBody>
      </p:sp>
      <p:sp>
        <p:nvSpPr>
          <p:cNvPr id="94" name="object 94"/>
          <p:cNvSpPr txBox="1"/>
          <p:nvPr/>
        </p:nvSpPr>
        <p:spPr>
          <a:xfrm>
            <a:off x="5402562" y="2314019"/>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31.1</a:t>
            </a:r>
            <a:endParaRPr sz="1283">
              <a:latin typeface="ＭＳ ゴシック"/>
              <a:cs typeface="ＭＳ ゴシック"/>
            </a:endParaRPr>
          </a:p>
        </p:txBody>
      </p:sp>
      <p:sp>
        <p:nvSpPr>
          <p:cNvPr id="95" name="object 95"/>
          <p:cNvSpPr txBox="1"/>
          <p:nvPr/>
        </p:nvSpPr>
        <p:spPr>
          <a:xfrm>
            <a:off x="5824792" y="1942612"/>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34.5</a:t>
            </a:r>
            <a:endParaRPr sz="1283">
              <a:latin typeface="ＭＳ ゴシック"/>
              <a:cs typeface="ＭＳ ゴシック"/>
            </a:endParaRPr>
          </a:p>
        </p:txBody>
      </p:sp>
      <p:sp>
        <p:nvSpPr>
          <p:cNvPr id="96" name="object 96"/>
          <p:cNvSpPr txBox="1"/>
          <p:nvPr/>
        </p:nvSpPr>
        <p:spPr>
          <a:xfrm>
            <a:off x="7174890" y="1572508"/>
            <a:ext cx="352945" cy="209489"/>
          </a:xfrm>
          <a:prstGeom prst="rect">
            <a:avLst/>
          </a:prstGeom>
        </p:spPr>
        <p:txBody>
          <a:bodyPr vert="horz" wrap="square" lIns="0" tIns="11946" rIns="0" bIns="0" rtlCol="0">
            <a:spAutoFit/>
          </a:bodyPr>
          <a:lstStyle/>
          <a:p>
            <a:pPr marL="10860">
              <a:spcBef>
                <a:spcPts val="94"/>
              </a:spcBef>
            </a:pPr>
            <a:r>
              <a:rPr sz="1283" b="1" spc="-17" dirty="0">
                <a:latin typeface="ＭＳ ゴシック"/>
                <a:cs typeface="ＭＳ ゴシック"/>
              </a:rPr>
              <a:t>45.1</a:t>
            </a:r>
            <a:endParaRPr sz="1283">
              <a:latin typeface="ＭＳ ゴシック"/>
              <a:cs typeface="ＭＳ ゴシック"/>
            </a:endParaRPr>
          </a:p>
        </p:txBody>
      </p:sp>
      <p:sp>
        <p:nvSpPr>
          <p:cNvPr id="97" name="object 97"/>
          <p:cNvSpPr txBox="1"/>
          <p:nvPr/>
        </p:nvSpPr>
        <p:spPr>
          <a:xfrm>
            <a:off x="1202404" y="5643655"/>
            <a:ext cx="268238" cy="209489"/>
          </a:xfrm>
          <a:prstGeom prst="rect">
            <a:avLst/>
          </a:prstGeom>
        </p:spPr>
        <p:txBody>
          <a:bodyPr vert="horz" wrap="square" lIns="0" tIns="11946" rIns="0" bIns="0" rtlCol="0">
            <a:spAutoFit/>
          </a:bodyPr>
          <a:lstStyle/>
          <a:p>
            <a:pPr marL="10860">
              <a:spcBef>
                <a:spcPts val="94"/>
              </a:spcBef>
            </a:pPr>
            <a:r>
              <a:rPr sz="1283" spc="-21" dirty="0">
                <a:latin typeface="ＭＳ ゴシック"/>
                <a:cs typeface="ＭＳ ゴシック"/>
              </a:rPr>
              <a:t>0.0</a:t>
            </a:r>
            <a:endParaRPr sz="1283">
              <a:latin typeface="ＭＳ ゴシック"/>
              <a:cs typeface="ＭＳ ゴシック"/>
            </a:endParaRPr>
          </a:p>
        </p:txBody>
      </p:sp>
      <p:sp>
        <p:nvSpPr>
          <p:cNvPr id="98" name="object 98"/>
          <p:cNvSpPr txBox="1"/>
          <p:nvPr/>
        </p:nvSpPr>
        <p:spPr>
          <a:xfrm>
            <a:off x="1839659" y="5643655"/>
            <a:ext cx="268238" cy="209489"/>
          </a:xfrm>
          <a:prstGeom prst="rect">
            <a:avLst/>
          </a:prstGeom>
        </p:spPr>
        <p:txBody>
          <a:bodyPr vert="horz" wrap="square" lIns="0" tIns="11946" rIns="0" bIns="0" rtlCol="0">
            <a:spAutoFit/>
          </a:bodyPr>
          <a:lstStyle/>
          <a:p>
            <a:pPr marL="10860">
              <a:spcBef>
                <a:spcPts val="94"/>
              </a:spcBef>
            </a:pPr>
            <a:r>
              <a:rPr sz="1283" spc="-21" dirty="0">
                <a:latin typeface="ＭＳ ゴシック"/>
                <a:cs typeface="ＭＳ ゴシック"/>
              </a:rPr>
              <a:t>5.0</a:t>
            </a:r>
            <a:endParaRPr sz="1283">
              <a:latin typeface="ＭＳ ゴシック"/>
              <a:cs typeface="ＭＳ ゴシック"/>
            </a:endParaRPr>
          </a:p>
        </p:txBody>
      </p:sp>
      <p:sp>
        <p:nvSpPr>
          <p:cNvPr id="99" name="object 99"/>
          <p:cNvSpPr txBox="1"/>
          <p:nvPr/>
        </p:nvSpPr>
        <p:spPr>
          <a:xfrm>
            <a:off x="2435215"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10.0</a:t>
            </a:r>
            <a:endParaRPr sz="1283">
              <a:latin typeface="ＭＳ ゴシック"/>
              <a:cs typeface="ＭＳ ゴシック"/>
            </a:endParaRPr>
          </a:p>
        </p:txBody>
      </p:sp>
      <p:sp>
        <p:nvSpPr>
          <p:cNvPr id="100" name="object 100"/>
          <p:cNvSpPr txBox="1"/>
          <p:nvPr/>
        </p:nvSpPr>
        <p:spPr>
          <a:xfrm>
            <a:off x="3071167"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15.0</a:t>
            </a:r>
            <a:endParaRPr sz="1283">
              <a:latin typeface="ＭＳ ゴシック"/>
              <a:cs typeface="ＭＳ ゴシック"/>
            </a:endParaRPr>
          </a:p>
        </p:txBody>
      </p:sp>
      <p:sp>
        <p:nvSpPr>
          <p:cNvPr id="101" name="object 101"/>
          <p:cNvSpPr txBox="1"/>
          <p:nvPr/>
        </p:nvSpPr>
        <p:spPr>
          <a:xfrm>
            <a:off x="3708425"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20.0</a:t>
            </a:r>
            <a:endParaRPr sz="1283">
              <a:latin typeface="ＭＳ ゴシック"/>
              <a:cs typeface="ＭＳ ゴシック"/>
            </a:endParaRPr>
          </a:p>
        </p:txBody>
      </p:sp>
      <p:sp>
        <p:nvSpPr>
          <p:cNvPr id="102" name="object 102"/>
          <p:cNvSpPr txBox="1"/>
          <p:nvPr/>
        </p:nvSpPr>
        <p:spPr>
          <a:xfrm>
            <a:off x="4345681"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25.0</a:t>
            </a:r>
            <a:endParaRPr sz="1283">
              <a:latin typeface="ＭＳ ゴシック"/>
              <a:cs typeface="ＭＳ ゴシック"/>
            </a:endParaRPr>
          </a:p>
        </p:txBody>
      </p:sp>
      <p:sp>
        <p:nvSpPr>
          <p:cNvPr id="103" name="object 103"/>
          <p:cNvSpPr txBox="1"/>
          <p:nvPr/>
        </p:nvSpPr>
        <p:spPr>
          <a:xfrm>
            <a:off x="4981634"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30.0</a:t>
            </a:r>
            <a:endParaRPr sz="1283">
              <a:latin typeface="ＭＳ ゴシック"/>
              <a:cs typeface="ＭＳ ゴシック"/>
            </a:endParaRPr>
          </a:p>
        </p:txBody>
      </p:sp>
      <p:sp>
        <p:nvSpPr>
          <p:cNvPr id="104" name="object 104"/>
          <p:cNvSpPr txBox="1"/>
          <p:nvPr/>
        </p:nvSpPr>
        <p:spPr>
          <a:xfrm>
            <a:off x="5618891"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35.0</a:t>
            </a:r>
            <a:endParaRPr sz="1283">
              <a:latin typeface="ＭＳ ゴシック"/>
              <a:cs typeface="ＭＳ ゴシック"/>
            </a:endParaRPr>
          </a:p>
        </p:txBody>
      </p:sp>
      <p:sp>
        <p:nvSpPr>
          <p:cNvPr id="105" name="object 105"/>
          <p:cNvSpPr txBox="1"/>
          <p:nvPr/>
        </p:nvSpPr>
        <p:spPr>
          <a:xfrm>
            <a:off x="6254844"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40.0</a:t>
            </a:r>
            <a:endParaRPr sz="1283">
              <a:latin typeface="ＭＳ ゴシック"/>
              <a:cs typeface="ＭＳ ゴシック"/>
            </a:endParaRPr>
          </a:p>
        </p:txBody>
      </p:sp>
      <p:sp>
        <p:nvSpPr>
          <p:cNvPr id="106" name="object 106"/>
          <p:cNvSpPr txBox="1"/>
          <p:nvPr/>
        </p:nvSpPr>
        <p:spPr>
          <a:xfrm>
            <a:off x="6892101"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45.0</a:t>
            </a:r>
            <a:endParaRPr sz="1283">
              <a:latin typeface="ＭＳ ゴシック"/>
              <a:cs typeface="ＭＳ ゴシック"/>
            </a:endParaRPr>
          </a:p>
        </p:txBody>
      </p:sp>
      <p:sp>
        <p:nvSpPr>
          <p:cNvPr id="107" name="object 107"/>
          <p:cNvSpPr txBox="1"/>
          <p:nvPr/>
        </p:nvSpPr>
        <p:spPr>
          <a:xfrm>
            <a:off x="7528054" y="5643655"/>
            <a:ext cx="350230" cy="209489"/>
          </a:xfrm>
          <a:prstGeom prst="rect">
            <a:avLst/>
          </a:prstGeom>
        </p:spPr>
        <p:txBody>
          <a:bodyPr vert="horz" wrap="square" lIns="0" tIns="11946" rIns="0" bIns="0" rtlCol="0">
            <a:spAutoFit/>
          </a:bodyPr>
          <a:lstStyle/>
          <a:p>
            <a:pPr marL="10860">
              <a:spcBef>
                <a:spcPts val="94"/>
              </a:spcBef>
            </a:pPr>
            <a:r>
              <a:rPr sz="1283" spc="-17" dirty="0">
                <a:latin typeface="ＭＳ ゴシック"/>
                <a:cs typeface="ＭＳ ゴシック"/>
              </a:rPr>
              <a:t>50.0</a:t>
            </a:r>
            <a:endParaRPr sz="1283">
              <a:latin typeface="ＭＳ ゴシック"/>
              <a:cs typeface="ＭＳ ゴシック"/>
            </a:endParaRPr>
          </a:p>
        </p:txBody>
      </p:sp>
      <p:sp>
        <p:nvSpPr>
          <p:cNvPr id="108" name="object 108"/>
          <p:cNvSpPr txBox="1"/>
          <p:nvPr/>
        </p:nvSpPr>
        <p:spPr>
          <a:xfrm>
            <a:off x="746290" y="5281366"/>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15～19</a:t>
            </a:r>
            <a:endParaRPr sz="1283">
              <a:latin typeface="ＭＳ ゴシック"/>
              <a:cs typeface="ＭＳ ゴシック"/>
            </a:endParaRPr>
          </a:p>
        </p:txBody>
      </p:sp>
      <p:sp>
        <p:nvSpPr>
          <p:cNvPr id="109" name="object 109"/>
          <p:cNvSpPr txBox="1"/>
          <p:nvPr/>
        </p:nvSpPr>
        <p:spPr>
          <a:xfrm>
            <a:off x="746290" y="4911262"/>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20～24</a:t>
            </a:r>
            <a:endParaRPr sz="1283">
              <a:latin typeface="ＭＳ ゴシック"/>
              <a:cs typeface="ＭＳ ゴシック"/>
            </a:endParaRPr>
          </a:p>
        </p:txBody>
      </p:sp>
      <p:sp>
        <p:nvSpPr>
          <p:cNvPr id="110" name="object 110"/>
          <p:cNvSpPr txBox="1"/>
          <p:nvPr/>
        </p:nvSpPr>
        <p:spPr>
          <a:xfrm>
            <a:off x="746290" y="4539855"/>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25～29</a:t>
            </a:r>
            <a:endParaRPr sz="1283">
              <a:latin typeface="ＭＳ ゴシック"/>
              <a:cs typeface="ＭＳ ゴシック"/>
            </a:endParaRPr>
          </a:p>
        </p:txBody>
      </p:sp>
      <p:sp>
        <p:nvSpPr>
          <p:cNvPr id="111" name="object 111"/>
          <p:cNvSpPr txBox="1"/>
          <p:nvPr/>
        </p:nvSpPr>
        <p:spPr>
          <a:xfrm>
            <a:off x="746290" y="4168447"/>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30～34</a:t>
            </a:r>
            <a:endParaRPr sz="1283">
              <a:latin typeface="ＭＳ ゴシック"/>
              <a:cs typeface="ＭＳ ゴシック"/>
            </a:endParaRPr>
          </a:p>
        </p:txBody>
      </p:sp>
      <p:sp>
        <p:nvSpPr>
          <p:cNvPr id="112" name="object 112"/>
          <p:cNvSpPr txBox="1"/>
          <p:nvPr/>
        </p:nvSpPr>
        <p:spPr>
          <a:xfrm>
            <a:off x="746290" y="3798344"/>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35～39</a:t>
            </a:r>
            <a:endParaRPr sz="1283">
              <a:latin typeface="ＭＳ ゴシック"/>
              <a:cs typeface="ＭＳ ゴシック"/>
            </a:endParaRPr>
          </a:p>
        </p:txBody>
      </p:sp>
      <p:sp>
        <p:nvSpPr>
          <p:cNvPr id="113" name="object 113"/>
          <p:cNvSpPr txBox="1"/>
          <p:nvPr/>
        </p:nvSpPr>
        <p:spPr>
          <a:xfrm>
            <a:off x="746290" y="3426936"/>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40～44</a:t>
            </a:r>
            <a:endParaRPr sz="1283">
              <a:latin typeface="ＭＳ ゴシック"/>
              <a:cs typeface="ＭＳ ゴシック"/>
            </a:endParaRPr>
          </a:p>
        </p:txBody>
      </p:sp>
      <p:sp>
        <p:nvSpPr>
          <p:cNvPr id="114" name="object 114"/>
          <p:cNvSpPr txBox="1"/>
          <p:nvPr/>
        </p:nvSpPr>
        <p:spPr>
          <a:xfrm>
            <a:off x="746290" y="3055530"/>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45～49</a:t>
            </a:r>
            <a:endParaRPr sz="1283">
              <a:latin typeface="ＭＳ ゴシック"/>
              <a:cs typeface="ＭＳ ゴシック"/>
            </a:endParaRPr>
          </a:p>
        </p:txBody>
      </p:sp>
      <p:sp>
        <p:nvSpPr>
          <p:cNvPr id="115" name="object 115"/>
          <p:cNvSpPr txBox="1"/>
          <p:nvPr/>
        </p:nvSpPr>
        <p:spPr>
          <a:xfrm>
            <a:off x="746290" y="2685425"/>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50～54</a:t>
            </a:r>
            <a:endParaRPr sz="1283">
              <a:latin typeface="ＭＳ ゴシック"/>
              <a:cs typeface="ＭＳ ゴシック"/>
            </a:endParaRPr>
          </a:p>
        </p:txBody>
      </p:sp>
      <p:sp>
        <p:nvSpPr>
          <p:cNvPr id="116" name="object 116"/>
          <p:cNvSpPr txBox="1"/>
          <p:nvPr/>
        </p:nvSpPr>
        <p:spPr>
          <a:xfrm>
            <a:off x="746290" y="2314019"/>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55～59</a:t>
            </a:r>
            <a:endParaRPr sz="1283">
              <a:latin typeface="ＭＳ ゴシック"/>
              <a:cs typeface="ＭＳ ゴシック"/>
            </a:endParaRPr>
          </a:p>
        </p:txBody>
      </p:sp>
      <p:sp>
        <p:nvSpPr>
          <p:cNvPr id="117" name="object 117"/>
          <p:cNvSpPr txBox="1"/>
          <p:nvPr/>
        </p:nvSpPr>
        <p:spPr>
          <a:xfrm>
            <a:off x="746290" y="1942612"/>
            <a:ext cx="514757" cy="209489"/>
          </a:xfrm>
          <a:prstGeom prst="rect">
            <a:avLst/>
          </a:prstGeom>
        </p:spPr>
        <p:txBody>
          <a:bodyPr vert="horz" wrap="square" lIns="0" tIns="11946" rIns="0" bIns="0" rtlCol="0">
            <a:spAutoFit/>
          </a:bodyPr>
          <a:lstStyle/>
          <a:p>
            <a:pPr marL="10860">
              <a:spcBef>
                <a:spcPts val="94"/>
              </a:spcBef>
            </a:pPr>
            <a:r>
              <a:rPr sz="1283" spc="-9" dirty="0">
                <a:latin typeface="ＭＳ ゴシック"/>
                <a:cs typeface="ＭＳ ゴシック"/>
              </a:rPr>
              <a:t>60～64</a:t>
            </a:r>
            <a:endParaRPr sz="1283">
              <a:latin typeface="ＭＳ ゴシック"/>
              <a:cs typeface="ＭＳ ゴシック"/>
            </a:endParaRPr>
          </a:p>
        </p:txBody>
      </p:sp>
      <p:sp>
        <p:nvSpPr>
          <p:cNvPr id="118" name="object 118"/>
          <p:cNvSpPr txBox="1"/>
          <p:nvPr/>
        </p:nvSpPr>
        <p:spPr>
          <a:xfrm>
            <a:off x="910490" y="1572508"/>
            <a:ext cx="350230" cy="209489"/>
          </a:xfrm>
          <a:prstGeom prst="rect">
            <a:avLst/>
          </a:prstGeom>
        </p:spPr>
        <p:txBody>
          <a:bodyPr vert="horz" wrap="square" lIns="0" tIns="11946" rIns="0" bIns="0" rtlCol="0">
            <a:spAutoFit/>
          </a:bodyPr>
          <a:lstStyle/>
          <a:p>
            <a:pPr marL="10860">
              <a:spcBef>
                <a:spcPts val="94"/>
              </a:spcBef>
            </a:pPr>
            <a:r>
              <a:rPr sz="1283" spc="-21" dirty="0">
                <a:latin typeface="ＭＳ ゴシック"/>
                <a:cs typeface="ＭＳ ゴシック"/>
              </a:rPr>
              <a:t>65～</a:t>
            </a:r>
            <a:endParaRPr sz="1283">
              <a:latin typeface="ＭＳ ゴシック"/>
              <a:cs typeface="ＭＳ ゴシック"/>
            </a:endParaRPr>
          </a:p>
        </p:txBody>
      </p:sp>
      <p:sp>
        <p:nvSpPr>
          <p:cNvPr id="119" name="object 119"/>
          <p:cNvSpPr/>
          <p:nvPr/>
        </p:nvSpPr>
        <p:spPr>
          <a:xfrm>
            <a:off x="675048" y="1369645"/>
            <a:ext cx="7407509" cy="4553538"/>
          </a:xfrm>
          <a:custGeom>
            <a:avLst/>
            <a:gdLst/>
            <a:ahLst/>
            <a:cxnLst/>
            <a:rect l="l" t="t" r="r" b="b"/>
            <a:pathLst>
              <a:path w="8662670" h="5325109">
                <a:moveTo>
                  <a:pt x="8660892" y="0"/>
                </a:moveTo>
                <a:lnTo>
                  <a:pt x="1524" y="0"/>
                </a:lnTo>
                <a:lnTo>
                  <a:pt x="0" y="3048"/>
                </a:lnTo>
                <a:lnTo>
                  <a:pt x="0" y="5321813"/>
                </a:lnTo>
                <a:lnTo>
                  <a:pt x="1524" y="5324861"/>
                </a:lnTo>
                <a:lnTo>
                  <a:pt x="8660892" y="5324861"/>
                </a:lnTo>
                <a:lnTo>
                  <a:pt x="8662416" y="5321813"/>
                </a:lnTo>
                <a:lnTo>
                  <a:pt x="8662416" y="5318765"/>
                </a:lnTo>
                <a:lnTo>
                  <a:pt x="10668" y="5318765"/>
                </a:lnTo>
                <a:lnTo>
                  <a:pt x="4572" y="5314193"/>
                </a:lnTo>
                <a:lnTo>
                  <a:pt x="10668" y="5314193"/>
                </a:lnTo>
                <a:lnTo>
                  <a:pt x="10668" y="10668"/>
                </a:lnTo>
                <a:lnTo>
                  <a:pt x="4572" y="10668"/>
                </a:lnTo>
                <a:lnTo>
                  <a:pt x="10668" y="6096"/>
                </a:lnTo>
                <a:lnTo>
                  <a:pt x="8662416" y="6096"/>
                </a:lnTo>
                <a:lnTo>
                  <a:pt x="8662416" y="3048"/>
                </a:lnTo>
                <a:lnTo>
                  <a:pt x="8660892" y="0"/>
                </a:lnTo>
                <a:close/>
              </a:path>
              <a:path w="8662670" h="5325109">
                <a:moveTo>
                  <a:pt x="10668" y="5314193"/>
                </a:moveTo>
                <a:lnTo>
                  <a:pt x="4572" y="5314193"/>
                </a:lnTo>
                <a:lnTo>
                  <a:pt x="10668" y="5318765"/>
                </a:lnTo>
                <a:lnTo>
                  <a:pt x="10668" y="5314193"/>
                </a:lnTo>
                <a:close/>
              </a:path>
              <a:path w="8662670" h="5325109">
                <a:moveTo>
                  <a:pt x="8651748" y="5314193"/>
                </a:moveTo>
                <a:lnTo>
                  <a:pt x="10668" y="5314193"/>
                </a:lnTo>
                <a:lnTo>
                  <a:pt x="10668" y="5318765"/>
                </a:lnTo>
                <a:lnTo>
                  <a:pt x="8651748" y="5318765"/>
                </a:lnTo>
                <a:lnTo>
                  <a:pt x="8651748" y="5314193"/>
                </a:lnTo>
                <a:close/>
              </a:path>
              <a:path w="8662670" h="5325109">
                <a:moveTo>
                  <a:pt x="8651748" y="6096"/>
                </a:moveTo>
                <a:lnTo>
                  <a:pt x="8651748" y="5318765"/>
                </a:lnTo>
                <a:lnTo>
                  <a:pt x="8657844" y="5314193"/>
                </a:lnTo>
                <a:lnTo>
                  <a:pt x="8662416" y="5314193"/>
                </a:lnTo>
                <a:lnTo>
                  <a:pt x="8662416" y="10668"/>
                </a:lnTo>
                <a:lnTo>
                  <a:pt x="8657844" y="10668"/>
                </a:lnTo>
                <a:lnTo>
                  <a:pt x="8651748" y="6096"/>
                </a:lnTo>
                <a:close/>
              </a:path>
              <a:path w="8662670" h="5325109">
                <a:moveTo>
                  <a:pt x="8662416" y="5314193"/>
                </a:moveTo>
                <a:lnTo>
                  <a:pt x="8657844" y="5314193"/>
                </a:lnTo>
                <a:lnTo>
                  <a:pt x="8651748" y="5318765"/>
                </a:lnTo>
                <a:lnTo>
                  <a:pt x="8662416" y="5318765"/>
                </a:lnTo>
                <a:lnTo>
                  <a:pt x="8662416" y="5314193"/>
                </a:lnTo>
                <a:close/>
              </a:path>
              <a:path w="8662670" h="5325109">
                <a:moveTo>
                  <a:pt x="10668" y="6096"/>
                </a:moveTo>
                <a:lnTo>
                  <a:pt x="4572" y="10668"/>
                </a:lnTo>
                <a:lnTo>
                  <a:pt x="10668" y="10668"/>
                </a:lnTo>
                <a:lnTo>
                  <a:pt x="10668" y="6096"/>
                </a:lnTo>
                <a:close/>
              </a:path>
              <a:path w="8662670" h="5325109">
                <a:moveTo>
                  <a:pt x="8651748" y="6096"/>
                </a:moveTo>
                <a:lnTo>
                  <a:pt x="10668" y="6096"/>
                </a:lnTo>
                <a:lnTo>
                  <a:pt x="10668" y="10668"/>
                </a:lnTo>
                <a:lnTo>
                  <a:pt x="8651748" y="10668"/>
                </a:lnTo>
                <a:lnTo>
                  <a:pt x="8651748" y="6096"/>
                </a:lnTo>
                <a:close/>
              </a:path>
              <a:path w="8662670" h="5325109">
                <a:moveTo>
                  <a:pt x="8662416" y="6096"/>
                </a:moveTo>
                <a:lnTo>
                  <a:pt x="8651748" y="6096"/>
                </a:lnTo>
                <a:lnTo>
                  <a:pt x="8657844" y="10668"/>
                </a:lnTo>
                <a:lnTo>
                  <a:pt x="8662416" y="10668"/>
                </a:lnTo>
                <a:lnTo>
                  <a:pt x="8662416" y="6096"/>
                </a:lnTo>
                <a:close/>
              </a:path>
            </a:pathLst>
          </a:custGeom>
          <a:solidFill>
            <a:srgbClr val="D8D8D8"/>
          </a:solidFill>
        </p:spPr>
        <p:txBody>
          <a:bodyPr wrap="square" lIns="0" tIns="0" rIns="0" bIns="0" rtlCol="0"/>
          <a:lstStyle/>
          <a:p>
            <a:endParaRPr sz="1539"/>
          </a:p>
        </p:txBody>
      </p:sp>
      <p:sp>
        <p:nvSpPr>
          <p:cNvPr id="120" name="object 120"/>
          <p:cNvSpPr txBox="1"/>
          <p:nvPr/>
        </p:nvSpPr>
        <p:spPr>
          <a:xfrm>
            <a:off x="4447328" y="6210540"/>
            <a:ext cx="3907920" cy="179336"/>
          </a:xfrm>
          <a:prstGeom prst="rect">
            <a:avLst/>
          </a:prstGeom>
        </p:spPr>
        <p:txBody>
          <a:bodyPr vert="horz" wrap="square" lIns="0" tIns="14661" rIns="0" bIns="0" rtlCol="0">
            <a:spAutoFit/>
          </a:bodyPr>
          <a:lstStyle/>
          <a:p>
            <a:pPr marL="10860">
              <a:spcBef>
                <a:spcPts val="115"/>
              </a:spcBef>
            </a:pPr>
            <a:r>
              <a:rPr sz="1069" dirty="0">
                <a:latin typeface="ＭＳ Ｐゴシック"/>
                <a:cs typeface="ＭＳ Ｐゴシック"/>
              </a:rPr>
              <a:t>出所：総務省「労働力調査」（</a:t>
            </a:r>
            <a:r>
              <a:rPr sz="1069" dirty="0">
                <a:latin typeface="Calibri"/>
                <a:cs typeface="Calibri"/>
              </a:rPr>
              <a:t>H28</a:t>
            </a:r>
            <a:r>
              <a:rPr sz="1069" dirty="0">
                <a:latin typeface="ＭＳ Ｐゴシック"/>
                <a:cs typeface="ＭＳ Ｐゴシック"/>
              </a:rPr>
              <a:t>年平均）</a:t>
            </a:r>
            <a:r>
              <a:rPr sz="1069" spc="-4" dirty="0">
                <a:latin typeface="ＭＳ Ｐゴシック"/>
                <a:cs typeface="ＭＳ Ｐゴシック"/>
              </a:rPr>
              <a:t>を元に国土交通省で算出</a:t>
            </a:r>
            <a:endParaRPr sz="1069">
              <a:latin typeface="ＭＳ Ｐゴシック"/>
              <a:cs typeface="ＭＳ Ｐゴシック"/>
            </a:endParaRPr>
          </a:p>
        </p:txBody>
      </p:sp>
      <p:sp>
        <p:nvSpPr>
          <p:cNvPr id="121" name="object 121"/>
          <p:cNvSpPr txBox="1"/>
          <p:nvPr/>
        </p:nvSpPr>
        <p:spPr>
          <a:xfrm>
            <a:off x="8003715" y="5631927"/>
            <a:ext cx="514757" cy="209489"/>
          </a:xfrm>
          <a:prstGeom prst="rect">
            <a:avLst/>
          </a:prstGeom>
        </p:spPr>
        <p:txBody>
          <a:bodyPr vert="horz" wrap="square" lIns="0" tIns="11946" rIns="0" bIns="0" rtlCol="0">
            <a:spAutoFit/>
          </a:bodyPr>
          <a:lstStyle/>
          <a:p>
            <a:pPr marL="10860">
              <a:spcBef>
                <a:spcPts val="94"/>
              </a:spcBef>
            </a:pPr>
            <a:r>
              <a:rPr sz="1283" dirty="0">
                <a:latin typeface="ＭＳ Ｐゴシック"/>
                <a:cs typeface="ＭＳ Ｐゴシック"/>
              </a:rPr>
              <a:t>（万人</a:t>
            </a:r>
            <a:r>
              <a:rPr sz="1283" spc="-43" dirty="0">
                <a:latin typeface="ＭＳ Ｐゴシック"/>
                <a:cs typeface="ＭＳ Ｐゴシック"/>
              </a:rPr>
              <a:t>）</a:t>
            </a:r>
            <a:endParaRPr sz="1283">
              <a:latin typeface="ＭＳ Ｐゴシック"/>
              <a:cs typeface="ＭＳ Ｐゴシック"/>
            </a:endParaRPr>
          </a:p>
        </p:txBody>
      </p:sp>
      <p:sp>
        <p:nvSpPr>
          <p:cNvPr id="122" name="object 122"/>
          <p:cNvSpPr txBox="1"/>
          <p:nvPr/>
        </p:nvSpPr>
        <p:spPr>
          <a:xfrm>
            <a:off x="756715" y="1221952"/>
            <a:ext cx="514757" cy="209489"/>
          </a:xfrm>
          <a:prstGeom prst="rect">
            <a:avLst/>
          </a:prstGeom>
        </p:spPr>
        <p:txBody>
          <a:bodyPr vert="horz" wrap="square" lIns="0" tIns="11946" rIns="0" bIns="0" rtlCol="0">
            <a:spAutoFit/>
          </a:bodyPr>
          <a:lstStyle/>
          <a:p>
            <a:pPr marL="10860">
              <a:spcBef>
                <a:spcPts val="94"/>
              </a:spcBef>
            </a:pPr>
            <a:r>
              <a:rPr sz="1283" dirty="0">
                <a:latin typeface="ＭＳ Ｐゴシック"/>
                <a:cs typeface="ＭＳ Ｐゴシック"/>
              </a:rPr>
              <a:t>（年齢</a:t>
            </a:r>
            <a:r>
              <a:rPr sz="1283" spc="-43" dirty="0">
                <a:latin typeface="ＭＳ Ｐゴシック"/>
                <a:cs typeface="ＭＳ Ｐゴシック"/>
              </a:rPr>
              <a:t>）</a:t>
            </a:r>
            <a:endParaRPr sz="1283">
              <a:latin typeface="ＭＳ Ｐゴシック"/>
              <a:cs typeface="ＭＳ Ｐゴシック"/>
            </a:endParaRPr>
          </a:p>
        </p:txBody>
      </p:sp>
      <p:sp>
        <p:nvSpPr>
          <p:cNvPr id="123" name="object 123"/>
          <p:cNvSpPr/>
          <p:nvPr/>
        </p:nvSpPr>
        <p:spPr>
          <a:xfrm>
            <a:off x="1670681" y="1458913"/>
            <a:ext cx="5928396" cy="4065388"/>
          </a:xfrm>
          <a:custGeom>
            <a:avLst/>
            <a:gdLst/>
            <a:ahLst/>
            <a:cxnLst/>
            <a:rect l="l" t="t" r="r" b="b"/>
            <a:pathLst>
              <a:path w="6932930" h="4754245">
                <a:moveTo>
                  <a:pt x="3046476" y="4081018"/>
                </a:moveTo>
                <a:lnTo>
                  <a:pt x="3044952" y="4055618"/>
                </a:lnTo>
                <a:lnTo>
                  <a:pt x="3038856" y="4030218"/>
                </a:lnTo>
                <a:lnTo>
                  <a:pt x="3034284" y="4004818"/>
                </a:lnTo>
                <a:lnTo>
                  <a:pt x="3022092" y="3966718"/>
                </a:lnTo>
                <a:lnTo>
                  <a:pt x="3014472" y="3954018"/>
                </a:lnTo>
                <a:lnTo>
                  <a:pt x="2999232" y="3922268"/>
                </a:lnTo>
                <a:lnTo>
                  <a:pt x="2999232" y="4093718"/>
                </a:lnTo>
                <a:lnTo>
                  <a:pt x="2997708" y="4106418"/>
                </a:lnTo>
                <a:lnTo>
                  <a:pt x="2997708" y="4131818"/>
                </a:lnTo>
                <a:lnTo>
                  <a:pt x="2991612" y="4157218"/>
                </a:lnTo>
                <a:lnTo>
                  <a:pt x="2982468" y="4182618"/>
                </a:lnTo>
                <a:lnTo>
                  <a:pt x="2976372" y="4195318"/>
                </a:lnTo>
                <a:lnTo>
                  <a:pt x="2970276" y="4220718"/>
                </a:lnTo>
                <a:lnTo>
                  <a:pt x="2945892" y="4258818"/>
                </a:lnTo>
                <a:lnTo>
                  <a:pt x="2913888" y="4296918"/>
                </a:lnTo>
                <a:lnTo>
                  <a:pt x="2874264" y="4335018"/>
                </a:lnTo>
                <a:lnTo>
                  <a:pt x="2843784" y="4373118"/>
                </a:lnTo>
                <a:lnTo>
                  <a:pt x="2810256" y="4398518"/>
                </a:lnTo>
                <a:lnTo>
                  <a:pt x="2773680" y="4423918"/>
                </a:lnTo>
                <a:lnTo>
                  <a:pt x="2734056" y="4449318"/>
                </a:lnTo>
                <a:lnTo>
                  <a:pt x="2691384" y="4474718"/>
                </a:lnTo>
                <a:lnTo>
                  <a:pt x="2645664" y="4487418"/>
                </a:lnTo>
                <a:lnTo>
                  <a:pt x="2622804" y="4500118"/>
                </a:lnTo>
                <a:lnTo>
                  <a:pt x="2574036" y="4525518"/>
                </a:lnTo>
                <a:lnTo>
                  <a:pt x="2496312" y="4563618"/>
                </a:lnTo>
                <a:lnTo>
                  <a:pt x="2468880" y="4563618"/>
                </a:lnTo>
                <a:lnTo>
                  <a:pt x="2412492" y="4589018"/>
                </a:lnTo>
                <a:lnTo>
                  <a:pt x="2354580" y="4601718"/>
                </a:lnTo>
                <a:lnTo>
                  <a:pt x="2293620" y="4614418"/>
                </a:lnTo>
                <a:lnTo>
                  <a:pt x="2232660" y="4639818"/>
                </a:lnTo>
                <a:lnTo>
                  <a:pt x="2034540" y="4677918"/>
                </a:lnTo>
                <a:lnTo>
                  <a:pt x="1965960" y="4677918"/>
                </a:lnTo>
                <a:lnTo>
                  <a:pt x="1822704" y="4703318"/>
                </a:lnTo>
                <a:lnTo>
                  <a:pt x="1674876" y="4703318"/>
                </a:lnTo>
                <a:lnTo>
                  <a:pt x="1598676" y="4716018"/>
                </a:lnTo>
                <a:lnTo>
                  <a:pt x="1446276" y="4716018"/>
                </a:lnTo>
                <a:lnTo>
                  <a:pt x="1370076" y="4703318"/>
                </a:lnTo>
                <a:lnTo>
                  <a:pt x="1222248" y="4703318"/>
                </a:lnTo>
                <a:lnTo>
                  <a:pt x="1150620" y="4690618"/>
                </a:lnTo>
                <a:lnTo>
                  <a:pt x="1010412" y="4677918"/>
                </a:lnTo>
                <a:lnTo>
                  <a:pt x="813816" y="4639818"/>
                </a:lnTo>
                <a:lnTo>
                  <a:pt x="751332" y="4614418"/>
                </a:lnTo>
                <a:lnTo>
                  <a:pt x="690372" y="4601718"/>
                </a:lnTo>
                <a:lnTo>
                  <a:pt x="632460" y="4589018"/>
                </a:lnTo>
                <a:lnTo>
                  <a:pt x="576072" y="4563618"/>
                </a:lnTo>
                <a:lnTo>
                  <a:pt x="550164" y="4563618"/>
                </a:lnTo>
                <a:lnTo>
                  <a:pt x="522732" y="4550918"/>
                </a:lnTo>
                <a:lnTo>
                  <a:pt x="496824" y="4538218"/>
                </a:lnTo>
                <a:lnTo>
                  <a:pt x="472440" y="4525518"/>
                </a:lnTo>
                <a:lnTo>
                  <a:pt x="446532" y="4512818"/>
                </a:lnTo>
                <a:lnTo>
                  <a:pt x="423672" y="4500118"/>
                </a:lnTo>
                <a:lnTo>
                  <a:pt x="399288" y="4487418"/>
                </a:lnTo>
                <a:lnTo>
                  <a:pt x="376428" y="4487418"/>
                </a:lnTo>
                <a:lnTo>
                  <a:pt x="355092" y="4474718"/>
                </a:lnTo>
                <a:lnTo>
                  <a:pt x="272796" y="4423918"/>
                </a:lnTo>
                <a:lnTo>
                  <a:pt x="236220" y="4398518"/>
                </a:lnTo>
                <a:lnTo>
                  <a:pt x="202692" y="4373118"/>
                </a:lnTo>
                <a:lnTo>
                  <a:pt x="172212" y="4335018"/>
                </a:lnTo>
                <a:lnTo>
                  <a:pt x="144780" y="4309618"/>
                </a:lnTo>
                <a:lnTo>
                  <a:pt x="120396" y="4284218"/>
                </a:lnTo>
                <a:lnTo>
                  <a:pt x="109728" y="4271518"/>
                </a:lnTo>
                <a:lnTo>
                  <a:pt x="82296" y="4233418"/>
                </a:lnTo>
                <a:lnTo>
                  <a:pt x="74676" y="4208018"/>
                </a:lnTo>
                <a:lnTo>
                  <a:pt x="62484" y="4182618"/>
                </a:lnTo>
                <a:lnTo>
                  <a:pt x="57912" y="4169918"/>
                </a:lnTo>
                <a:lnTo>
                  <a:pt x="54864" y="4157218"/>
                </a:lnTo>
                <a:lnTo>
                  <a:pt x="48768" y="4119118"/>
                </a:lnTo>
                <a:lnTo>
                  <a:pt x="47244" y="4106418"/>
                </a:lnTo>
                <a:lnTo>
                  <a:pt x="47244" y="4081018"/>
                </a:lnTo>
                <a:lnTo>
                  <a:pt x="48768" y="4068318"/>
                </a:lnTo>
                <a:lnTo>
                  <a:pt x="51816" y="4055618"/>
                </a:lnTo>
                <a:lnTo>
                  <a:pt x="57912" y="4017518"/>
                </a:lnTo>
                <a:lnTo>
                  <a:pt x="64008" y="4004818"/>
                </a:lnTo>
                <a:lnTo>
                  <a:pt x="68580" y="3992118"/>
                </a:lnTo>
                <a:lnTo>
                  <a:pt x="91440" y="3954018"/>
                </a:lnTo>
                <a:lnTo>
                  <a:pt x="100584" y="3928618"/>
                </a:lnTo>
                <a:lnTo>
                  <a:pt x="109728" y="3915918"/>
                </a:lnTo>
                <a:lnTo>
                  <a:pt x="121920" y="3903218"/>
                </a:lnTo>
                <a:lnTo>
                  <a:pt x="132588" y="3890518"/>
                </a:lnTo>
                <a:lnTo>
                  <a:pt x="172212" y="3852418"/>
                </a:lnTo>
                <a:lnTo>
                  <a:pt x="202692" y="3827018"/>
                </a:lnTo>
                <a:lnTo>
                  <a:pt x="236220" y="3801618"/>
                </a:lnTo>
                <a:lnTo>
                  <a:pt x="254508" y="3788918"/>
                </a:lnTo>
                <a:lnTo>
                  <a:pt x="272796" y="3763518"/>
                </a:lnTo>
                <a:lnTo>
                  <a:pt x="312420" y="3750818"/>
                </a:lnTo>
                <a:lnTo>
                  <a:pt x="376428" y="3712718"/>
                </a:lnTo>
                <a:lnTo>
                  <a:pt x="399288" y="3700018"/>
                </a:lnTo>
                <a:lnTo>
                  <a:pt x="472440" y="3661918"/>
                </a:lnTo>
                <a:lnTo>
                  <a:pt x="524256" y="3649218"/>
                </a:lnTo>
                <a:lnTo>
                  <a:pt x="550164" y="3636518"/>
                </a:lnTo>
                <a:lnTo>
                  <a:pt x="577596" y="3623818"/>
                </a:lnTo>
                <a:lnTo>
                  <a:pt x="633984" y="3611118"/>
                </a:lnTo>
                <a:lnTo>
                  <a:pt x="691896" y="3585718"/>
                </a:lnTo>
                <a:lnTo>
                  <a:pt x="751332" y="3573018"/>
                </a:lnTo>
                <a:lnTo>
                  <a:pt x="813816" y="3560318"/>
                </a:lnTo>
                <a:lnTo>
                  <a:pt x="877824" y="3534918"/>
                </a:lnTo>
                <a:lnTo>
                  <a:pt x="943356" y="3534918"/>
                </a:lnTo>
                <a:lnTo>
                  <a:pt x="1150620" y="3496818"/>
                </a:lnTo>
                <a:lnTo>
                  <a:pt x="1223772" y="3496818"/>
                </a:lnTo>
                <a:lnTo>
                  <a:pt x="1296924" y="3484118"/>
                </a:lnTo>
                <a:lnTo>
                  <a:pt x="1751076" y="3484118"/>
                </a:lnTo>
                <a:lnTo>
                  <a:pt x="1824228" y="3496818"/>
                </a:lnTo>
                <a:lnTo>
                  <a:pt x="1895856" y="3496818"/>
                </a:lnTo>
                <a:lnTo>
                  <a:pt x="2103120" y="3534918"/>
                </a:lnTo>
                <a:lnTo>
                  <a:pt x="2168652" y="3534918"/>
                </a:lnTo>
                <a:lnTo>
                  <a:pt x="2232660" y="3560318"/>
                </a:lnTo>
                <a:lnTo>
                  <a:pt x="2356104" y="3585718"/>
                </a:lnTo>
                <a:lnTo>
                  <a:pt x="2414016" y="3611118"/>
                </a:lnTo>
                <a:lnTo>
                  <a:pt x="2468880" y="3623818"/>
                </a:lnTo>
                <a:lnTo>
                  <a:pt x="2523744" y="3649218"/>
                </a:lnTo>
                <a:lnTo>
                  <a:pt x="2549652" y="3649218"/>
                </a:lnTo>
                <a:lnTo>
                  <a:pt x="2647188" y="3700018"/>
                </a:lnTo>
                <a:lnTo>
                  <a:pt x="2670048" y="3712718"/>
                </a:lnTo>
                <a:lnTo>
                  <a:pt x="2734056" y="3750818"/>
                </a:lnTo>
                <a:lnTo>
                  <a:pt x="2773680" y="3763518"/>
                </a:lnTo>
                <a:lnTo>
                  <a:pt x="2791968" y="3788918"/>
                </a:lnTo>
                <a:lnTo>
                  <a:pt x="2810256" y="3801618"/>
                </a:lnTo>
                <a:lnTo>
                  <a:pt x="2843784" y="3827018"/>
                </a:lnTo>
                <a:lnTo>
                  <a:pt x="2874264" y="3852418"/>
                </a:lnTo>
                <a:lnTo>
                  <a:pt x="2926080" y="3903218"/>
                </a:lnTo>
                <a:lnTo>
                  <a:pt x="2955036" y="3954018"/>
                </a:lnTo>
                <a:lnTo>
                  <a:pt x="2964180" y="3966718"/>
                </a:lnTo>
                <a:lnTo>
                  <a:pt x="2971800" y="3979418"/>
                </a:lnTo>
                <a:lnTo>
                  <a:pt x="2977896" y="3992118"/>
                </a:lnTo>
                <a:lnTo>
                  <a:pt x="2982468" y="4004818"/>
                </a:lnTo>
                <a:lnTo>
                  <a:pt x="2988564" y="4017518"/>
                </a:lnTo>
                <a:lnTo>
                  <a:pt x="2994660" y="4055618"/>
                </a:lnTo>
                <a:lnTo>
                  <a:pt x="2997708" y="4068318"/>
                </a:lnTo>
                <a:lnTo>
                  <a:pt x="2997708" y="4081018"/>
                </a:lnTo>
                <a:lnTo>
                  <a:pt x="2999232" y="4093718"/>
                </a:lnTo>
                <a:lnTo>
                  <a:pt x="2999232" y="3922268"/>
                </a:lnTo>
                <a:lnTo>
                  <a:pt x="2996184" y="3915918"/>
                </a:lnTo>
                <a:lnTo>
                  <a:pt x="2974848" y="3890518"/>
                </a:lnTo>
                <a:lnTo>
                  <a:pt x="2950464" y="3865118"/>
                </a:lnTo>
                <a:lnTo>
                  <a:pt x="2936748" y="3839718"/>
                </a:lnTo>
                <a:lnTo>
                  <a:pt x="2891028" y="3801618"/>
                </a:lnTo>
                <a:lnTo>
                  <a:pt x="2874264" y="3788918"/>
                </a:lnTo>
                <a:lnTo>
                  <a:pt x="2819400" y="3738118"/>
                </a:lnTo>
                <a:lnTo>
                  <a:pt x="2779776" y="3712718"/>
                </a:lnTo>
                <a:lnTo>
                  <a:pt x="2737104" y="3687318"/>
                </a:lnTo>
                <a:lnTo>
                  <a:pt x="2691384" y="3661918"/>
                </a:lnTo>
                <a:lnTo>
                  <a:pt x="2618232" y="3636518"/>
                </a:lnTo>
                <a:lnTo>
                  <a:pt x="2540508" y="3598418"/>
                </a:lnTo>
                <a:lnTo>
                  <a:pt x="2513076" y="3585718"/>
                </a:lnTo>
                <a:lnTo>
                  <a:pt x="2484120" y="3573018"/>
                </a:lnTo>
                <a:lnTo>
                  <a:pt x="2427732" y="3560318"/>
                </a:lnTo>
                <a:lnTo>
                  <a:pt x="2368296" y="3534918"/>
                </a:lnTo>
                <a:lnTo>
                  <a:pt x="2177796" y="3496818"/>
                </a:lnTo>
                <a:lnTo>
                  <a:pt x="2110740" y="3484118"/>
                </a:lnTo>
                <a:lnTo>
                  <a:pt x="1900428" y="3446018"/>
                </a:lnTo>
                <a:lnTo>
                  <a:pt x="1827276" y="3446018"/>
                </a:lnTo>
                <a:lnTo>
                  <a:pt x="1677924" y="3433318"/>
                </a:lnTo>
                <a:lnTo>
                  <a:pt x="1292352" y="3433318"/>
                </a:lnTo>
                <a:lnTo>
                  <a:pt x="1217676" y="3446018"/>
                </a:lnTo>
                <a:lnTo>
                  <a:pt x="1144524" y="3446018"/>
                </a:lnTo>
                <a:lnTo>
                  <a:pt x="867156" y="3496818"/>
                </a:lnTo>
                <a:lnTo>
                  <a:pt x="678180" y="3534918"/>
                </a:lnTo>
                <a:lnTo>
                  <a:pt x="618744" y="3560318"/>
                </a:lnTo>
                <a:lnTo>
                  <a:pt x="560832" y="3573018"/>
                </a:lnTo>
                <a:lnTo>
                  <a:pt x="478536" y="3611118"/>
                </a:lnTo>
                <a:lnTo>
                  <a:pt x="426720" y="3636518"/>
                </a:lnTo>
                <a:lnTo>
                  <a:pt x="377952" y="3649218"/>
                </a:lnTo>
                <a:lnTo>
                  <a:pt x="309372" y="3687318"/>
                </a:lnTo>
                <a:lnTo>
                  <a:pt x="266700" y="3712718"/>
                </a:lnTo>
                <a:lnTo>
                  <a:pt x="246888" y="3725418"/>
                </a:lnTo>
                <a:lnTo>
                  <a:pt x="207264" y="3763518"/>
                </a:lnTo>
                <a:lnTo>
                  <a:pt x="188976" y="3776218"/>
                </a:lnTo>
                <a:lnTo>
                  <a:pt x="138684" y="3814318"/>
                </a:lnTo>
                <a:lnTo>
                  <a:pt x="123444" y="3827018"/>
                </a:lnTo>
                <a:lnTo>
                  <a:pt x="82296" y="3877818"/>
                </a:lnTo>
                <a:lnTo>
                  <a:pt x="71628" y="3890518"/>
                </a:lnTo>
                <a:lnTo>
                  <a:pt x="59436" y="3903218"/>
                </a:lnTo>
                <a:lnTo>
                  <a:pt x="32004" y="3954018"/>
                </a:lnTo>
                <a:lnTo>
                  <a:pt x="24384" y="3979418"/>
                </a:lnTo>
                <a:lnTo>
                  <a:pt x="12192" y="4004818"/>
                </a:lnTo>
                <a:lnTo>
                  <a:pt x="7620" y="4030218"/>
                </a:lnTo>
                <a:lnTo>
                  <a:pt x="1524" y="4055618"/>
                </a:lnTo>
                <a:lnTo>
                  <a:pt x="0" y="4081018"/>
                </a:lnTo>
                <a:lnTo>
                  <a:pt x="0" y="4119118"/>
                </a:lnTo>
                <a:lnTo>
                  <a:pt x="1524" y="4131818"/>
                </a:lnTo>
                <a:lnTo>
                  <a:pt x="4572" y="4144518"/>
                </a:lnTo>
                <a:lnTo>
                  <a:pt x="7620" y="4169918"/>
                </a:lnTo>
                <a:lnTo>
                  <a:pt x="12192" y="4182618"/>
                </a:lnTo>
                <a:lnTo>
                  <a:pt x="18288" y="4195318"/>
                </a:lnTo>
                <a:lnTo>
                  <a:pt x="24384" y="4220718"/>
                </a:lnTo>
                <a:lnTo>
                  <a:pt x="32004" y="4233418"/>
                </a:lnTo>
                <a:lnTo>
                  <a:pt x="41148" y="4246118"/>
                </a:lnTo>
                <a:lnTo>
                  <a:pt x="50292" y="4271518"/>
                </a:lnTo>
                <a:lnTo>
                  <a:pt x="71628" y="4296918"/>
                </a:lnTo>
                <a:lnTo>
                  <a:pt x="83820" y="4309618"/>
                </a:lnTo>
                <a:lnTo>
                  <a:pt x="96012" y="4335018"/>
                </a:lnTo>
                <a:lnTo>
                  <a:pt x="109728" y="4347718"/>
                </a:lnTo>
                <a:lnTo>
                  <a:pt x="155448" y="4385818"/>
                </a:lnTo>
                <a:lnTo>
                  <a:pt x="172212" y="4411218"/>
                </a:lnTo>
                <a:lnTo>
                  <a:pt x="227076" y="4449318"/>
                </a:lnTo>
                <a:lnTo>
                  <a:pt x="266700" y="4474718"/>
                </a:lnTo>
                <a:lnTo>
                  <a:pt x="309372" y="4500118"/>
                </a:lnTo>
                <a:lnTo>
                  <a:pt x="355092" y="4525518"/>
                </a:lnTo>
                <a:lnTo>
                  <a:pt x="379476" y="4538218"/>
                </a:lnTo>
                <a:lnTo>
                  <a:pt x="402336" y="4550918"/>
                </a:lnTo>
                <a:lnTo>
                  <a:pt x="454152" y="4563618"/>
                </a:lnTo>
                <a:lnTo>
                  <a:pt x="505968" y="4589018"/>
                </a:lnTo>
                <a:lnTo>
                  <a:pt x="560832" y="4614418"/>
                </a:lnTo>
                <a:lnTo>
                  <a:pt x="618744" y="4627118"/>
                </a:lnTo>
                <a:lnTo>
                  <a:pt x="678180" y="4652518"/>
                </a:lnTo>
                <a:lnTo>
                  <a:pt x="739140" y="4665218"/>
                </a:lnTo>
                <a:lnTo>
                  <a:pt x="868680" y="4690618"/>
                </a:lnTo>
                <a:lnTo>
                  <a:pt x="935736" y="4716018"/>
                </a:lnTo>
                <a:lnTo>
                  <a:pt x="1004316" y="4716018"/>
                </a:lnTo>
                <a:lnTo>
                  <a:pt x="1146048" y="4741418"/>
                </a:lnTo>
                <a:lnTo>
                  <a:pt x="1219200" y="4741418"/>
                </a:lnTo>
                <a:lnTo>
                  <a:pt x="1293876" y="4754118"/>
                </a:lnTo>
                <a:lnTo>
                  <a:pt x="1752600" y="4754118"/>
                </a:lnTo>
                <a:lnTo>
                  <a:pt x="1827276" y="4741418"/>
                </a:lnTo>
                <a:lnTo>
                  <a:pt x="1900428" y="4741418"/>
                </a:lnTo>
                <a:lnTo>
                  <a:pt x="2177796" y="4690618"/>
                </a:lnTo>
                <a:lnTo>
                  <a:pt x="2307336" y="4665218"/>
                </a:lnTo>
                <a:lnTo>
                  <a:pt x="2368296" y="4652518"/>
                </a:lnTo>
                <a:lnTo>
                  <a:pt x="2427732" y="4627118"/>
                </a:lnTo>
                <a:lnTo>
                  <a:pt x="2485644" y="4614418"/>
                </a:lnTo>
                <a:lnTo>
                  <a:pt x="2540508" y="4589018"/>
                </a:lnTo>
                <a:lnTo>
                  <a:pt x="2566416" y="4576318"/>
                </a:lnTo>
                <a:lnTo>
                  <a:pt x="2593848" y="4563618"/>
                </a:lnTo>
                <a:lnTo>
                  <a:pt x="2618232" y="4563618"/>
                </a:lnTo>
                <a:lnTo>
                  <a:pt x="2644140" y="4550918"/>
                </a:lnTo>
                <a:lnTo>
                  <a:pt x="2737104" y="4500118"/>
                </a:lnTo>
                <a:lnTo>
                  <a:pt x="2779776" y="4474718"/>
                </a:lnTo>
                <a:lnTo>
                  <a:pt x="2839212" y="4436618"/>
                </a:lnTo>
                <a:lnTo>
                  <a:pt x="2891028" y="4385818"/>
                </a:lnTo>
                <a:lnTo>
                  <a:pt x="2907792" y="4373118"/>
                </a:lnTo>
                <a:lnTo>
                  <a:pt x="2923032" y="4360418"/>
                </a:lnTo>
                <a:lnTo>
                  <a:pt x="2950464" y="4335018"/>
                </a:lnTo>
                <a:lnTo>
                  <a:pt x="2974848" y="4296918"/>
                </a:lnTo>
                <a:lnTo>
                  <a:pt x="2987040" y="4284218"/>
                </a:lnTo>
                <a:lnTo>
                  <a:pt x="2996184" y="4271518"/>
                </a:lnTo>
                <a:lnTo>
                  <a:pt x="3014472" y="4233418"/>
                </a:lnTo>
                <a:lnTo>
                  <a:pt x="3022092" y="4220718"/>
                </a:lnTo>
                <a:lnTo>
                  <a:pt x="3028188" y="4195318"/>
                </a:lnTo>
                <a:lnTo>
                  <a:pt x="3034284" y="4182618"/>
                </a:lnTo>
                <a:lnTo>
                  <a:pt x="3038856" y="4169918"/>
                </a:lnTo>
                <a:lnTo>
                  <a:pt x="3041904" y="4144518"/>
                </a:lnTo>
                <a:lnTo>
                  <a:pt x="3044952" y="4131818"/>
                </a:lnTo>
                <a:lnTo>
                  <a:pt x="3046476" y="4106418"/>
                </a:lnTo>
                <a:lnTo>
                  <a:pt x="3046476" y="4081018"/>
                </a:lnTo>
                <a:close/>
              </a:path>
              <a:path w="6932930" h="4754245">
                <a:moveTo>
                  <a:pt x="6932676" y="520700"/>
                </a:moveTo>
                <a:lnTo>
                  <a:pt x="6931152" y="505460"/>
                </a:lnTo>
                <a:lnTo>
                  <a:pt x="6929628" y="492760"/>
                </a:lnTo>
                <a:lnTo>
                  <a:pt x="6926580" y="478790"/>
                </a:lnTo>
                <a:lnTo>
                  <a:pt x="6923532" y="463550"/>
                </a:lnTo>
                <a:lnTo>
                  <a:pt x="6918960" y="449580"/>
                </a:lnTo>
                <a:lnTo>
                  <a:pt x="6900672" y="408940"/>
                </a:lnTo>
                <a:lnTo>
                  <a:pt x="6893052" y="396240"/>
                </a:lnTo>
                <a:lnTo>
                  <a:pt x="6885432" y="382270"/>
                </a:lnTo>
                <a:lnTo>
                  <a:pt x="6885432" y="525780"/>
                </a:lnTo>
                <a:lnTo>
                  <a:pt x="6885432" y="548640"/>
                </a:lnTo>
                <a:lnTo>
                  <a:pt x="6882384" y="572770"/>
                </a:lnTo>
                <a:lnTo>
                  <a:pt x="6864096" y="629920"/>
                </a:lnTo>
                <a:lnTo>
                  <a:pt x="6844284" y="664210"/>
                </a:lnTo>
                <a:lnTo>
                  <a:pt x="6819900" y="698500"/>
                </a:lnTo>
                <a:lnTo>
                  <a:pt x="6778752" y="740410"/>
                </a:lnTo>
                <a:lnTo>
                  <a:pt x="6726936" y="782320"/>
                </a:lnTo>
                <a:lnTo>
                  <a:pt x="6665976" y="821690"/>
                </a:lnTo>
                <a:lnTo>
                  <a:pt x="6632448" y="840740"/>
                </a:lnTo>
                <a:lnTo>
                  <a:pt x="6595872" y="859790"/>
                </a:lnTo>
                <a:lnTo>
                  <a:pt x="6559296" y="876300"/>
                </a:lnTo>
                <a:lnTo>
                  <a:pt x="6519672" y="892810"/>
                </a:lnTo>
                <a:lnTo>
                  <a:pt x="6478524" y="908050"/>
                </a:lnTo>
                <a:lnTo>
                  <a:pt x="6434328" y="923290"/>
                </a:lnTo>
                <a:lnTo>
                  <a:pt x="6390132" y="937260"/>
                </a:lnTo>
                <a:lnTo>
                  <a:pt x="6342888" y="951230"/>
                </a:lnTo>
                <a:lnTo>
                  <a:pt x="6295644" y="962660"/>
                </a:lnTo>
                <a:lnTo>
                  <a:pt x="6195060" y="984250"/>
                </a:lnTo>
                <a:lnTo>
                  <a:pt x="6143244" y="993140"/>
                </a:lnTo>
                <a:lnTo>
                  <a:pt x="6088380" y="1000760"/>
                </a:lnTo>
                <a:lnTo>
                  <a:pt x="5978652" y="1013460"/>
                </a:lnTo>
                <a:lnTo>
                  <a:pt x="5922264" y="1018540"/>
                </a:lnTo>
                <a:lnTo>
                  <a:pt x="5864352" y="1021080"/>
                </a:lnTo>
                <a:lnTo>
                  <a:pt x="5747004" y="1023620"/>
                </a:lnTo>
                <a:lnTo>
                  <a:pt x="5629656" y="1021080"/>
                </a:lnTo>
                <a:lnTo>
                  <a:pt x="5571744" y="1018540"/>
                </a:lnTo>
                <a:lnTo>
                  <a:pt x="5515356" y="1013460"/>
                </a:lnTo>
                <a:lnTo>
                  <a:pt x="5404104" y="1000760"/>
                </a:lnTo>
                <a:lnTo>
                  <a:pt x="5350764" y="993140"/>
                </a:lnTo>
                <a:lnTo>
                  <a:pt x="5298948" y="984250"/>
                </a:lnTo>
                <a:lnTo>
                  <a:pt x="5198364" y="962660"/>
                </a:lnTo>
                <a:lnTo>
                  <a:pt x="5151120" y="951230"/>
                </a:lnTo>
                <a:lnTo>
                  <a:pt x="5103876" y="937260"/>
                </a:lnTo>
                <a:lnTo>
                  <a:pt x="5059680" y="923290"/>
                </a:lnTo>
                <a:lnTo>
                  <a:pt x="5015484" y="908050"/>
                </a:lnTo>
                <a:lnTo>
                  <a:pt x="4974336" y="892810"/>
                </a:lnTo>
                <a:lnTo>
                  <a:pt x="4934712" y="876300"/>
                </a:lnTo>
                <a:lnTo>
                  <a:pt x="4896612" y="858520"/>
                </a:lnTo>
                <a:lnTo>
                  <a:pt x="4861560" y="839470"/>
                </a:lnTo>
                <a:lnTo>
                  <a:pt x="4828032" y="821690"/>
                </a:lnTo>
                <a:lnTo>
                  <a:pt x="4796028" y="801370"/>
                </a:lnTo>
                <a:lnTo>
                  <a:pt x="4767072" y="782320"/>
                </a:lnTo>
                <a:lnTo>
                  <a:pt x="4753356" y="770890"/>
                </a:lnTo>
                <a:lnTo>
                  <a:pt x="4739640" y="762000"/>
                </a:lnTo>
                <a:lnTo>
                  <a:pt x="4693920" y="718820"/>
                </a:lnTo>
                <a:lnTo>
                  <a:pt x="4664951" y="685800"/>
                </a:lnTo>
                <a:lnTo>
                  <a:pt x="4657331" y="673100"/>
                </a:lnTo>
                <a:lnTo>
                  <a:pt x="4642104" y="651510"/>
                </a:lnTo>
                <a:lnTo>
                  <a:pt x="4636008" y="640080"/>
                </a:lnTo>
                <a:lnTo>
                  <a:pt x="4629912" y="629920"/>
                </a:lnTo>
                <a:lnTo>
                  <a:pt x="4625327" y="617220"/>
                </a:lnTo>
                <a:lnTo>
                  <a:pt x="4620755" y="607060"/>
                </a:lnTo>
                <a:lnTo>
                  <a:pt x="4614672" y="581660"/>
                </a:lnTo>
                <a:lnTo>
                  <a:pt x="4611624" y="571500"/>
                </a:lnTo>
                <a:lnTo>
                  <a:pt x="4610100" y="558800"/>
                </a:lnTo>
                <a:lnTo>
                  <a:pt x="4610100" y="547370"/>
                </a:lnTo>
                <a:lnTo>
                  <a:pt x="4608576" y="535940"/>
                </a:lnTo>
                <a:lnTo>
                  <a:pt x="4610100" y="524510"/>
                </a:lnTo>
                <a:lnTo>
                  <a:pt x="4610100" y="511810"/>
                </a:lnTo>
                <a:lnTo>
                  <a:pt x="4611624" y="499110"/>
                </a:lnTo>
                <a:lnTo>
                  <a:pt x="4614672" y="488950"/>
                </a:lnTo>
                <a:lnTo>
                  <a:pt x="4620755" y="466090"/>
                </a:lnTo>
                <a:lnTo>
                  <a:pt x="4625327" y="454660"/>
                </a:lnTo>
                <a:lnTo>
                  <a:pt x="4631436" y="443230"/>
                </a:lnTo>
                <a:lnTo>
                  <a:pt x="4636008" y="431800"/>
                </a:lnTo>
                <a:lnTo>
                  <a:pt x="4642104" y="420370"/>
                </a:lnTo>
                <a:lnTo>
                  <a:pt x="4664951" y="387350"/>
                </a:lnTo>
                <a:lnTo>
                  <a:pt x="4704588" y="342900"/>
                </a:lnTo>
                <a:lnTo>
                  <a:pt x="4716780" y="332740"/>
                </a:lnTo>
                <a:lnTo>
                  <a:pt x="4727448" y="321310"/>
                </a:lnTo>
                <a:lnTo>
                  <a:pt x="4741164" y="311150"/>
                </a:lnTo>
                <a:lnTo>
                  <a:pt x="4753356" y="299720"/>
                </a:lnTo>
                <a:lnTo>
                  <a:pt x="4767072" y="290830"/>
                </a:lnTo>
                <a:lnTo>
                  <a:pt x="4797552" y="269240"/>
                </a:lnTo>
                <a:lnTo>
                  <a:pt x="4828032" y="251460"/>
                </a:lnTo>
                <a:lnTo>
                  <a:pt x="4861560" y="231140"/>
                </a:lnTo>
                <a:lnTo>
                  <a:pt x="4898136" y="213360"/>
                </a:lnTo>
                <a:lnTo>
                  <a:pt x="4936236" y="196850"/>
                </a:lnTo>
                <a:lnTo>
                  <a:pt x="4975860" y="180340"/>
                </a:lnTo>
                <a:lnTo>
                  <a:pt x="5017008" y="165100"/>
                </a:lnTo>
                <a:lnTo>
                  <a:pt x="5059680" y="149860"/>
                </a:lnTo>
                <a:lnTo>
                  <a:pt x="5151120" y="121920"/>
                </a:lnTo>
                <a:lnTo>
                  <a:pt x="5199888" y="109220"/>
                </a:lnTo>
                <a:lnTo>
                  <a:pt x="5298948" y="88900"/>
                </a:lnTo>
                <a:lnTo>
                  <a:pt x="5352288" y="78740"/>
                </a:lnTo>
                <a:lnTo>
                  <a:pt x="5458968" y="63500"/>
                </a:lnTo>
                <a:lnTo>
                  <a:pt x="5571744" y="54610"/>
                </a:lnTo>
                <a:lnTo>
                  <a:pt x="5687568" y="48260"/>
                </a:lnTo>
                <a:lnTo>
                  <a:pt x="5747004" y="48260"/>
                </a:lnTo>
                <a:lnTo>
                  <a:pt x="5865876" y="52070"/>
                </a:lnTo>
                <a:lnTo>
                  <a:pt x="5922264" y="54610"/>
                </a:lnTo>
                <a:lnTo>
                  <a:pt x="5980176" y="59690"/>
                </a:lnTo>
                <a:lnTo>
                  <a:pt x="6089904" y="71120"/>
                </a:lnTo>
                <a:lnTo>
                  <a:pt x="6143244" y="78740"/>
                </a:lnTo>
                <a:lnTo>
                  <a:pt x="6246876" y="99060"/>
                </a:lnTo>
                <a:lnTo>
                  <a:pt x="6295644" y="109220"/>
                </a:lnTo>
                <a:lnTo>
                  <a:pt x="6344412" y="121920"/>
                </a:lnTo>
                <a:lnTo>
                  <a:pt x="6435852" y="149860"/>
                </a:lnTo>
                <a:lnTo>
                  <a:pt x="6478524" y="165100"/>
                </a:lnTo>
                <a:lnTo>
                  <a:pt x="6519672" y="180340"/>
                </a:lnTo>
                <a:lnTo>
                  <a:pt x="6559296" y="196850"/>
                </a:lnTo>
                <a:lnTo>
                  <a:pt x="6597396" y="214630"/>
                </a:lnTo>
                <a:lnTo>
                  <a:pt x="6667500" y="251460"/>
                </a:lnTo>
                <a:lnTo>
                  <a:pt x="6726936" y="290830"/>
                </a:lnTo>
                <a:lnTo>
                  <a:pt x="6740652" y="302260"/>
                </a:lnTo>
                <a:lnTo>
                  <a:pt x="6754368" y="311150"/>
                </a:lnTo>
                <a:lnTo>
                  <a:pt x="6790944" y="342900"/>
                </a:lnTo>
                <a:lnTo>
                  <a:pt x="6801612" y="353060"/>
                </a:lnTo>
                <a:lnTo>
                  <a:pt x="6810756" y="365760"/>
                </a:lnTo>
                <a:lnTo>
                  <a:pt x="6821424" y="375920"/>
                </a:lnTo>
                <a:lnTo>
                  <a:pt x="6829044" y="387350"/>
                </a:lnTo>
                <a:lnTo>
                  <a:pt x="6838188" y="398780"/>
                </a:lnTo>
                <a:lnTo>
                  <a:pt x="6845808" y="410210"/>
                </a:lnTo>
                <a:lnTo>
                  <a:pt x="6851904" y="420370"/>
                </a:lnTo>
                <a:lnTo>
                  <a:pt x="6858000" y="433070"/>
                </a:lnTo>
                <a:lnTo>
                  <a:pt x="6864096" y="443230"/>
                </a:lnTo>
                <a:lnTo>
                  <a:pt x="6868668" y="455930"/>
                </a:lnTo>
                <a:lnTo>
                  <a:pt x="6873240" y="466090"/>
                </a:lnTo>
                <a:lnTo>
                  <a:pt x="6877812" y="478790"/>
                </a:lnTo>
                <a:lnTo>
                  <a:pt x="6880860" y="490220"/>
                </a:lnTo>
                <a:lnTo>
                  <a:pt x="6882384" y="501650"/>
                </a:lnTo>
                <a:lnTo>
                  <a:pt x="6885432" y="525780"/>
                </a:lnTo>
                <a:lnTo>
                  <a:pt x="6885432" y="382270"/>
                </a:lnTo>
                <a:lnTo>
                  <a:pt x="6856476" y="344170"/>
                </a:lnTo>
                <a:lnTo>
                  <a:pt x="6835140" y="320040"/>
                </a:lnTo>
                <a:lnTo>
                  <a:pt x="6822948" y="307340"/>
                </a:lnTo>
                <a:lnTo>
                  <a:pt x="6810756" y="297180"/>
                </a:lnTo>
                <a:lnTo>
                  <a:pt x="6797040" y="284480"/>
                </a:lnTo>
                <a:lnTo>
                  <a:pt x="6783324" y="274320"/>
                </a:lnTo>
                <a:lnTo>
                  <a:pt x="6769608" y="261620"/>
                </a:lnTo>
                <a:lnTo>
                  <a:pt x="6723888" y="229870"/>
                </a:lnTo>
                <a:lnTo>
                  <a:pt x="6690360" y="208280"/>
                </a:lnTo>
                <a:lnTo>
                  <a:pt x="6655308" y="190500"/>
                </a:lnTo>
                <a:lnTo>
                  <a:pt x="6617208" y="170180"/>
                </a:lnTo>
                <a:lnTo>
                  <a:pt x="6577584" y="152400"/>
                </a:lnTo>
                <a:lnTo>
                  <a:pt x="6537960" y="135890"/>
                </a:lnTo>
                <a:lnTo>
                  <a:pt x="6493764" y="118110"/>
                </a:lnTo>
                <a:lnTo>
                  <a:pt x="6449568" y="104140"/>
                </a:lnTo>
                <a:lnTo>
                  <a:pt x="6403848" y="90170"/>
                </a:lnTo>
                <a:lnTo>
                  <a:pt x="6355080" y="76200"/>
                </a:lnTo>
                <a:lnTo>
                  <a:pt x="6306312" y="63500"/>
                </a:lnTo>
                <a:lnTo>
                  <a:pt x="6238735" y="48260"/>
                </a:lnTo>
                <a:lnTo>
                  <a:pt x="6150864" y="31750"/>
                </a:lnTo>
                <a:lnTo>
                  <a:pt x="6039612" y="16510"/>
                </a:lnTo>
                <a:lnTo>
                  <a:pt x="5983224" y="12700"/>
                </a:lnTo>
                <a:lnTo>
                  <a:pt x="5867400" y="2540"/>
                </a:lnTo>
                <a:lnTo>
                  <a:pt x="5747004" y="0"/>
                </a:lnTo>
                <a:lnTo>
                  <a:pt x="5626608" y="2540"/>
                </a:lnTo>
                <a:lnTo>
                  <a:pt x="5510784" y="10160"/>
                </a:lnTo>
                <a:lnTo>
                  <a:pt x="5454396" y="16510"/>
                </a:lnTo>
                <a:lnTo>
                  <a:pt x="5343144" y="31750"/>
                </a:lnTo>
                <a:lnTo>
                  <a:pt x="5289804" y="40640"/>
                </a:lnTo>
                <a:lnTo>
                  <a:pt x="5237988" y="52070"/>
                </a:lnTo>
                <a:lnTo>
                  <a:pt x="5137404" y="76200"/>
                </a:lnTo>
                <a:lnTo>
                  <a:pt x="5044440" y="104140"/>
                </a:lnTo>
                <a:lnTo>
                  <a:pt x="5000244" y="118110"/>
                </a:lnTo>
                <a:lnTo>
                  <a:pt x="4914900" y="152400"/>
                </a:lnTo>
                <a:lnTo>
                  <a:pt x="4876800" y="170180"/>
                </a:lnTo>
                <a:lnTo>
                  <a:pt x="4838700" y="190500"/>
                </a:lnTo>
                <a:lnTo>
                  <a:pt x="4803648" y="210820"/>
                </a:lnTo>
                <a:lnTo>
                  <a:pt x="4770120" y="229870"/>
                </a:lnTo>
                <a:lnTo>
                  <a:pt x="4739640" y="251460"/>
                </a:lnTo>
                <a:lnTo>
                  <a:pt x="4724400" y="264160"/>
                </a:lnTo>
                <a:lnTo>
                  <a:pt x="4696955" y="284480"/>
                </a:lnTo>
                <a:lnTo>
                  <a:pt x="4658855" y="321310"/>
                </a:lnTo>
                <a:lnTo>
                  <a:pt x="4626851" y="358140"/>
                </a:lnTo>
                <a:lnTo>
                  <a:pt x="4600956" y="396240"/>
                </a:lnTo>
                <a:lnTo>
                  <a:pt x="4575048" y="450850"/>
                </a:lnTo>
                <a:lnTo>
                  <a:pt x="4572000" y="464820"/>
                </a:lnTo>
                <a:lnTo>
                  <a:pt x="4567428" y="480060"/>
                </a:lnTo>
                <a:lnTo>
                  <a:pt x="4564380" y="494030"/>
                </a:lnTo>
                <a:lnTo>
                  <a:pt x="4562856" y="508000"/>
                </a:lnTo>
                <a:lnTo>
                  <a:pt x="4561332" y="523240"/>
                </a:lnTo>
                <a:lnTo>
                  <a:pt x="4561332" y="551180"/>
                </a:lnTo>
                <a:lnTo>
                  <a:pt x="4562856" y="565150"/>
                </a:lnTo>
                <a:lnTo>
                  <a:pt x="4564380" y="580390"/>
                </a:lnTo>
                <a:lnTo>
                  <a:pt x="4581131" y="637540"/>
                </a:lnTo>
                <a:lnTo>
                  <a:pt x="4600956" y="676910"/>
                </a:lnTo>
                <a:lnTo>
                  <a:pt x="4610100" y="689610"/>
                </a:lnTo>
                <a:lnTo>
                  <a:pt x="4617720" y="702310"/>
                </a:lnTo>
                <a:lnTo>
                  <a:pt x="4658855" y="753110"/>
                </a:lnTo>
                <a:lnTo>
                  <a:pt x="4724400" y="810260"/>
                </a:lnTo>
                <a:lnTo>
                  <a:pt x="4803648" y="863600"/>
                </a:lnTo>
                <a:lnTo>
                  <a:pt x="4840224" y="883920"/>
                </a:lnTo>
                <a:lnTo>
                  <a:pt x="4916424" y="920750"/>
                </a:lnTo>
                <a:lnTo>
                  <a:pt x="4957572" y="937260"/>
                </a:lnTo>
                <a:lnTo>
                  <a:pt x="5000244" y="953770"/>
                </a:lnTo>
                <a:lnTo>
                  <a:pt x="5044440" y="969010"/>
                </a:lnTo>
                <a:lnTo>
                  <a:pt x="5138928" y="996950"/>
                </a:lnTo>
                <a:lnTo>
                  <a:pt x="5187696" y="1008380"/>
                </a:lnTo>
                <a:lnTo>
                  <a:pt x="5239512" y="1021080"/>
                </a:lnTo>
                <a:lnTo>
                  <a:pt x="5344668" y="1041400"/>
                </a:lnTo>
                <a:lnTo>
                  <a:pt x="5454396" y="1056640"/>
                </a:lnTo>
                <a:lnTo>
                  <a:pt x="5510784" y="1060450"/>
                </a:lnTo>
                <a:lnTo>
                  <a:pt x="5568696" y="1065530"/>
                </a:lnTo>
                <a:lnTo>
                  <a:pt x="5628132" y="1069340"/>
                </a:lnTo>
                <a:lnTo>
                  <a:pt x="5687568" y="1070610"/>
                </a:lnTo>
                <a:lnTo>
                  <a:pt x="5807964" y="1070610"/>
                </a:lnTo>
                <a:lnTo>
                  <a:pt x="5925312" y="1065530"/>
                </a:lnTo>
                <a:lnTo>
                  <a:pt x="6041136" y="1056640"/>
                </a:lnTo>
                <a:lnTo>
                  <a:pt x="6150864" y="1041400"/>
                </a:lnTo>
                <a:lnTo>
                  <a:pt x="6243066" y="1023620"/>
                </a:lnTo>
                <a:lnTo>
                  <a:pt x="6356604" y="996950"/>
                </a:lnTo>
                <a:lnTo>
                  <a:pt x="6451092" y="969010"/>
                </a:lnTo>
                <a:lnTo>
                  <a:pt x="6495288" y="953770"/>
                </a:lnTo>
                <a:lnTo>
                  <a:pt x="6537960" y="937260"/>
                </a:lnTo>
                <a:lnTo>
                  <a:pt x="6579108" y="920750"/>
                </a:lnTo>
                <a:lnTo>
                  <a:pt x="6618732" y="901700"/>
                </a:lnTo>
                <a:lnTo>
                  <a:pt x="6691884" y="862330"/>
                </a:lnTo>
                <a:lnTo>
                  <a:pt x="6755892" y="821690"/>
                </a:lnTo>
                <a:lnTo>
                  <a:pt x="6769608" y="808990"/>
                </a:lnTo>
                <a:lnTo>
                  <a:pt x="6784848" y="798830"/>
                </a:lnTo>
                <a:lnTo>
                  <a:pt x="6798564" y="787400"/>
                </a:lnTo>
                <a:lnTo>
                  <a:pt x="6810756" y="775970"/>
                </a:lnTo>
                <a:lnTo>
                  <a:pt x="6824472" y="763270"/>
                </a:lnTo>
                <a:lnTo>
                  <a:pt x="6835140" y="751840"/>
                </a:lnTo>
                <a:lnTo>
                  <a:pt x="6847332" y="739140"/>
                </a:lnTo>
                <a:lnTo>
                  <a:pt x="6858000" y="726440"/>
                </a:lnTo>
                <a:lnTo>
                  <a:pt x="6876288" y="702310"/>
                </a:lnTo>
                <a:lnTo>
                  <a:pt x="6885432" y="688340"/>
                </a:lnTo>
                <a:lnTo>
                  <a:pt x="6893052" y="676910"/>
                </a:lnTo>
                <a:lnTo>
                  <a:pt x="6908292" y="648970"/>
                </a:lnTo>
                <a:lnTo>
                  <a:pt x="6914388" y="635000"/>
                </a:lnTo>
                <a:lnTo>
                  <a:pt x="6923532" y="608330"/>
                </a:lnTo>
                <a:lnTo>
                  <a:pt x="6926580" y="593090"/>
                </a:lnTo>
                <a:lnTo>
                  <a:pt x="6929628" y="579120"/>
                </a:lnTo>
                <a:lnTo>
                  <a:pt x="6931152" y="565150"/>
                </a:lnTo>
                <a:lnTo>
                  <a:pt x="6932549" y="551180"/>
                </a:lnTo>
                <a:lnTo>
                  <a:pt x="6932676" y="520700"/>
                </a:lnTo>
                <a:close/>
              </a:path>
            </a:pathLst>
          </a:custGeom>
          <a:solidFill>
            <a:srgbClr val="00AF4F"/>
          </a:solidFill>
        </p:spPr>
        <p:txBody>
          <a:bodyPr wrap="square" lIns="0" tIns="0" rIns="0" bIns="0" rtlCol="0"/>
          <a:lstStyle/>
          <a:p>
            <a:endParaRPr sz="1539"/>
          </a:p>
        </p:txBody>
      </p:sp>
      <p:sp>
        <p:nvSpPr>
          <p:cNvPr id="124" name="object 124"/>
          <p:cNvSpPr txBox="1"/>
          <p:nvPr/>
        </p:nvSpPr>
        <p:spPr>
          <a:xfrm>
            <a:off x="5846947" y="1129425"/>
            <a:ext cx="2143736" cy="264324"/>
          </a:xfrm>
          <a:prstGeom prst="rect">
            <a:avLst/>
          </a:prstGeom>
        </p:spPr>
        <p:txBody>
          <a:bodyPr vert="horz" wrap="square" lIns="0" tIns="14118" rIns="0" bIns="0" rtlCol="0">
            <a:spAutoFit/>
          </a:bodyPr>
          <a:lstStyle/>
          <a:p>
            <a:pPr marL="10860">
              <a:spcBef>
                <a:spcPts val="111"/>
              </a:spcBef>
            </a:pPr>
            <a:r>
              <a:rPr sz="1625" b="1" dirty="0">
                <a:solidFill>
                  <a:srgbClr val="00AF4F"/>
                </a:solidFill>
                <a:latin typeface="Arial"/>
                <a:cs typeface="Arial"/>
              </a:rPr>
              <a:t>10</a:t>
            </a:r>
            <a:r>
              <a:rPr sz="1625" b="1" spc="-9" dirty="0">
                <a:solidFill>
                  <a:srgbClr val="00AF4F"/>
                </a:solidFill>
                <a:latin typeface="ＭＳ Ｐゴシック"/>
                <a:cs typeface="ＭＳ Ｐゴシック"/>
              </a:rPr>
              <a:t>年後には大半が引退</a:t>
            </a:r>
            <a:endParaRPr sz="1625">
              <a:latin typeface="ＭＳ Ｐゴシック"/>
              <a:cs typeface="ＭＳ Ｐゴシック"/>
            </a:endParaRPr>
          </a:p>
        </p:txBody>
      </p:sp>
      <p:sp>
        <p:nvSpPr>
          <p:cNvPr id="125" name="object 125"/>
          <p:cNvSpPr txBox="1"/>
          <p:nvPr/>
        </p:nvSpPr>
        <p:spPr>
          <a:xfrm>
            <a:off x="4331345" y="4813522"/>
            <a:ext cx="3505562" cy="264324"/>
          </a:xfrm>
          <a:prstGeom prst="rect">
            <a:avLst/>
          </a:prstGeom>
        </p:spPr>
        <p:txBody>
          <a:bodyPr vert="horz" wrap="square" lIns="0" tIns="14118" rIns="0" bIns="0" rtlCol="0">
            <a:spAutoFit/>
          </a:bodyPr>
          <a:lstStyle/>
          <a:p>
            <a:pPr marL="10860">
              <a:spcBef>
                <a:spcPts val="111"/>
              </a:spcBef>
            </a:pPr>
            <a:r>
              <a:rPr sz="1625" b="1" spc="-4" dirty="0">
                <a:solidFill>
                  <a:srgbClr val="00AF4F"/>
                </a:solidFill>
                <a:latin typeface="ＭＳ Ｐゴシック"/>
                <a:cs typeface="ＭＳ Ｐゴシック"/>
              </a:rPr>
              <a:t>若年入職者の確保・育成が喫緊の課題</a:t>
            </a:r>
            <a:endParaRPr sz="1625">
              <a:latin typeface="ＭＳ Ｐゴシック"/>
              <a:cs typeface="ＭＳ Ｐゴシック"/>
            </a:endParaRPr>
          </a:p>
        </p:txBody>
      </p:sp>
      <p:sp>
        <p:nvSpPr>
          <p:cNvPr id="126" name="object 126"/>
          <p:cNvSpPr txBox="1"/>
          <p:nvPr/>
        </p:nvSpPr>
        <p:spPr>
          <a:xfrm>
            <a:off x="8775199" y="6275698"/>
            <a:ext cx="256836" cy="266415"/>
          </a:xfrm>
          <a:prstGeom prst="rect">
            <a:avLst/>
          </a:prstGeom>
        </p:spPr>
        <p:txBody>
          <a:bodyPr vert="horz" wrap="square" lIns="0" tIns="9774" rIns="0" bIns="0" rtlCol="0">
            <a:spAutoFit/>
          </a:bodyPr>
          <a:lstStyle/>
          <a:p>
            <a:pPr marL="10860">
              <a:spcBef>
                <a:spcPts val="77"/>
              </a:spcBef>
            </a:pPr>
            <a:r>
              <a:rPr sz="1667" spc="-21" dirty="0">
                <a:latin typeface="Arial"/>
                <a:cs typeface="Arial"/>
              </a:rPr>
              <a:t>17</a:t>
            </a:r>
            <a:endParaRPr sz="1667">
              <a:latin typeface="Arial"/>
              <a:cs typeface="Arial"/>
            </a:endParaRPr>
          </a:p>
        </p:txBody>
      </p:sp>
      <p:sp>
        <p:nvSpPr>
          <p:cNvPr id="127" name="object 127"/>
          <p:cNvSpPr txBox="1">
            <a:spLocks noGrp="1"/>
          </p:cNvSpPr>
          <p:nvPr>
            <p:ph type="title"/>
          </p:nvPr>
        </p:nvSpPr>
        <p:spPr>
          <a:xfrm>
            <a:off x="141890" y="374050"/>
            <a:ext cx="8890145" cy="455963"/>
          </a:xfrm>
          <a:prstGeom prst="rect">
            <a:avLst/>
          </a:prstGeom>
        </p:spPr>
        <p:txBody>
          <a:bodyPr vert="horz" wrap="square" lIns="0" tIns="85793" rIns="0" bIns="0" rtlCol="0" anchor="ctr">
            <a:spAutoFit/>
          </a:bodyPr>
          <a:lstStyle/>
          <a:p>
            <a:pPr marL="10860">
              <a:lnSpc>
                <a:spcPct val="100000"/>
              </a:lnSpc>
              <a:spcBef>
                <a:spcPts val="111"/>
              </a:spcBef>
            </a:pPr>
            <a:r>
              <a:rPr sz="2400" spc="-4" dirty="0">
                <a:solidFill>
                  <a:srgbClr val="0070BF"/>
                </a:solidFill>
              </a:rPr>
              <a:t>担い手確保の必要性：建設業における高齢者の大量離職の見通し</a:t>
            </a:r>
            <a:endParaRPr sz="2400"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4380866" y="6205326"/>
            <a:ext cx="4124574" cy="263099"/>
          </a:xfrm>
          <a:prstGeom prst="rect">
            <a:avLst/>
          </a:prstGeom>
        </p:spPr>
        <p:txBody>
          <a:bodyPr vert="horz" wrap="square" lIns="0" tIns="13032" rIns="0" bIns="0" rtlCol="0">
            <a:spAutoFit/>
          </a:bodyPr>
          <a:lstStyle/>
          <a:p>
            <a:pPr marL="10860">
              <a:spcBef>
                <a:spcPts val="103"/>
              </a:spcBef>
            </a:pPr>
            <a:r>
              <a:rPr sz="812" dirty="0">
                <a:latin typeface="ＭＳ Ｐゴシック"/>
                <a:cs typeface="ＭＳ Ｐゴシック"/>
              </a:rPr>
              <a:t>参考：賃金構造基本統計調査（</a:t>
            </a:r>
            <a:r>
              <a:rPr sz="812" dirty="0">
                <a:latin typeface="Times New Roman"/>
                <a:cs typeface="Times New Roman"/>
              </a:rPr>
              <a:t>10</a:t>
            </a:r>
            <a:r>
              <a:rPr sz="812" dirty="0">
                <a:latin typeface="ＭＳ Ｐゴシック"/>
                <a:cs typeface="ＭＳ Ｐゴシック"/>
              </a:rPr>
              <a:t>人以上の常用労働者を雇用する事業所）（厚生労働省</a:t>
            </a:r>
            <a:r>
              <a:rPr sz="812" spc="-43" dirty="0">
                <a:latin typeface="ＭＳ Ｐゴシック"/>
                <a:cs typeface="ＭＳ Ｐゴシック"/>
              </a:rPr>
              <a:t>）</a:t>
            </a:r>
            <a:endParaRPr sz="812">
              <a:latin typeface="ＭＳ Ｐゴシック"/>
              <a:cs typeface="ＭＳ Ｐゴシック"/>
            </a:endParaRPr>
          </a:p>
          <a:p>
            <a:pPr marL="292128">
              <a:spcBef>
                <a:spcPts val="21"/>
              </a:spcBef>
            </a:pPr>
            <a:r>
              <a:rPr sz="812" dirty="0">
                <a:latin typeface="ＭＳ Ｐゴシック"/>
                <a:cs typeface="ＭＳ Ｐゴシック"/>
              </a:rPr>
              <a:t>年間賃金総支給額＝きまって支給する現金給与額×</a:t>
            </a:r>
            <a:r>
              <a:rPr sz="812" dirty="0">
                <a:latin typeface="Times New Roman"/>
                <a:cs typeface="Times New Roman"/>
              </a:rPr>
              <a:t>12</a:t>
            </a:r>
            <a:r>
              <a:rPr sz="812" spc="-4" dirty="0">
                <a:latin typeface="ＭＳ Ｐゴシック"/>
                <a:cs typeface="ＭＳ Ｐゴシック"/>
              </a:rPr>
              <a:t>＋年間賞与その他特別給与額</a:t>
            </a:r>
            <a:endParaRPr sz="812">
              <a:latin typeface="ＭＳ Ｐゴシック"/>
              <a:cs typeface="ＭＳ Ｐゴシック"/>
            </a:endParaRPr>
          </a:p>
        </p:txBody>
      </p:sp>
      <p:sp>
        <p:nvSpPr>
          <p:cNvPr id="4" name="object 4"/>
          <p:cNvSpPr txBox="1">
            <a:spLocks noGrp="1"/>
          </p:cNvSpPr>
          <p:nvPr>
            <p:ph type="title"/>
          </p:nvPr>
        </p:nvSpPr>
        <p:spPr>
          <a:xfrm>
            <a:off x="184618" y="318962"/>
            <a:ext cx="2795326" cy="351951"/>
          </a:xfrm>
          <a:prstGeom prst="rect">
            <a:avLst/>
          </a:prstGeom>
        </p:spPr>
        <p:txBody>
          <a:bodyPr vert="horz" wrap="square" lIns="0" tIns="9774" rIns="0" bIns="0" rtlCol="0" anchor="ctr">
            <a:spAutoFit/>
          </a:bodyPr>
          <a:lstStyle/>
          <a:p>
            <a:pPr marL="10860">
              <a:lnSpc>
                <a:spcPct val="100000"/>
              </a:lnSpc>
              <a:spcBef>
                <a:spcPts val="77"/>
              </a:spcBef>
            </a:pPr>
            <a:r>
              <a:rPr sz="2223" spc="-34" dirty="0">
                <a:solidFill>
                  <a:srgbClr val="0070BF"/>
                </a:solidFill>
              </a:rPr>
              <a:t>建設業の年収額の推移</a:t>
            </a:r>
            <a:endParaRPr sz="2223"/>
          </a:p>
        </p:txBody>
      </p:sp>
      <p:grpSp>
        <p:nvGrpSpPr>
          <p:cNvPr id="5" name="object 5"/>
          <p:cNvGrpSpPr/>
          <p:nvPr/>
        </p:nvGrpSpPr>
        <p:grpSpPr>
          <a:xfrm>
            <a:off x="645075" y="1171561"/>
            <a:ext cx="8162269" cy="4282585"/>
            <a:chOff x="754380" y="1141475"/>
            <a:chExt cx="9545320" cy="5008245"/>
          </a:xfrm>
        </p:grpSpPr>
        <p:sp>
          <p:nvSpPr>
            <p:cNvPr id="6" name="object 6"/>
            <p:cNvSpPr/>
            <p:nvPr/>
          </p:nvSpPr>
          <p:spPr>
            <a:xfrm>
              <a:off x="754380" y="1141475"/>
              <a:ext cx="9458325" cy="5008245"/>
            </a:xfrm>
            <a:custGeom>
              <a:avLst/>
              <a:gdLst/>
              <a:ahLst/>
              <a:cxnLst/>
              <a:rect l="l" t="t" r="r" b="b"/>
              <a:pathLst>
                <a:path w="9458325" h="5008245">
                  <a:moveTo>
                    <a:pt x="9457944" y="0"/>
                  </a:moveTo>
                  <a:lnTo>
                    <a:pt x="4572" y="0"/>
                  </a:lnTo>
                  <a:lnTo>
                    <a:pt x="4572" y="4572"/>
                  </a:lnTo>
                  <a:lnTo>
                    <a:pt x="0" y="4572"/>
                  </a:lnTo>
                  <a:lnTo>
                    <a:pt x="0" y="5003292"/>
                  </a:lnTo>
                  <a:lnTo>
                    <a:pt x="4572" y="5003292"/>
                  </a:lnTo>
                  <a:lnTo>
                    <a:pt x="4572" y="5007864"/>
                  </a:lnTo>
                  <a:lnTo>
                    <a:pt x="9457944" y="5007864"/>
                  </a:lnTo>
                  <a:lnTo>
                    <a:pt x="9457944" y="4998720"/>
                  </a:lnTo>
                  <a:lnTo>
                    <a:pt x="9144" y="4998720"/>
                  </a:lnTo>
                  <a:lnTo>
                    <a:pt x="9144" y="4294632"/>
                  </a:lnTo>
                  <a:lnTo>
                    <a:pt x="9457944" y="4294632"/>
                  </a:lnTo>
                  <a:lnTo>
                    <a:pt x="9457944" y="4285488"/>
                  </a:lnTo>
                  <a:lnTo>
                    <a:pt x="9144" y="4285488"/>
                  </a:lnTo>
                  <a:lnTo>
                    <a:pt x="9144" y="3579876"/>
                  </a:lnTo>
                  <a:lnTo>
                    <a:pt x="9457944" y="3579876"/>
                  </a:lnTo>
                  <a:lnTo>
                    <a:pt x="9457944" y="3570732"/>
                  </a:lnTo>
                  <a:lnTo>
                    <a:pt x="9144" y="3570732"/>
                  </a:lnTo>
                  <a:lnTo>
                    <a:pt x="9144" y="2865120"/>
                  </a:lnTo>
                  <a:lnTo>
                    <a:pt x="9457944" y="2865120"/>
                  </a:lnTo>
                  <a:lnTo>
                    <a:pt x="9457944" y="2855976"/>
                  </a:lnTo>
                  <a:lnTo>
                    <a:pt x="9144" y="2855976"/>
                  </a:lnTo>
                  <a:lnTo>
                    <a:pt x="9144" y="2151888"/>
                  </a:lnTo>
                  <a:lnTo>
                    <a:pt x="9457944" y="2151888"/>
                  </a:lnTo>
                  <a:lnTo>
                    <a:pt x="9457944" y="2142744"/>
                  </a:lnTo>
                  <a:lnTo>
                    <a:pt x="9144" y="2142744"/>
                  </a:lnTo>
                  <a:lnTo>
                    <a:pt x="9144" y="1437132"/>
                  </a:lnTo>
                  <a:lnTo>
                    <a:pt x="9457944" y="1437132"/>
                  </a:lnTo>
                  <a:lnTo>
                    <a:pt x="9457944" y="1427988"/>
                  </a:lnTo>
                  <a:lnTo>
                    <a:pt x="9144" y="1427988"/>
                  </a:lnTo>
                  <a:lnTo>
                    <a:pt x="9144" y="722376"/>
                  </a:lnTo>
                  <a:lnTo>
                    <a:pt x="9457944" y="722376"/>
                  </a:lnTo>
                  <a:lnTo>
                    <a:pt x="9457944" y="713232"/>
                  </a:lnTo>
                  <a:lnTo>
                    <a:pt x="9144" y="713232"/>
                  </a:lnTo>
                  <a:lnTo>
                    <a:pt x="9144" y="9144"/>
                  </a:lnTo>
                  <a:lnTo>
                    <a:pt x="9457944" y="9144"/>
                  </a:lnTo>
                  <a:lnTo>
                    <a:pt x="9457944" y="0"/>
                  </a:lnTo>
                  <a:close/>
                </a:path>
              </a:pathLst>
            </a:custGeom>
            <a:solidFill>
              <a:srgbClr val="858585"/>
            </a:solidFill>
          </p:spPr>
          <p:txBody>
            <a:bodyPr wrap="square" lIns="0" tIns="0" rIns="0" bIns="0" rtlCol="0"/>
            <a:lstStyle/>
            <a:p>
              <a:endParaRPr sz="1539"/>
            </a:p>
          </p:txBody>
        </p:sp>
        <p:pic>
          <p:nvPicPr>
            <p:cNvPr id="7" name="object 7"/>
            <p:cNvPicPr/>
            <p:nvPr/>
          </p:nvPicPr>
          <p:blipFill>
            <a:blip r:embed="rId2" cstate="print"/>
            <a:stretch>
              <a:fillRect/>
            </a:stretch>
          </p:blipFill>
          <p:spPr>
            <a:xfrm>
              <a:off x="838200" y="1403603"/>
              <a:ext cx="9460992" cy="4524756"/>
            </a:xfrm>
            <a:prstGeom prst="rect">
              <a:avLst/>
            </a:prstGeom>
          </p:spPr>
        </p:pic>
      </p:grpSp>
      <p:sp>
        <p:nvSpPr>
          <p:cNvPr id="8" name="object 8"/>
          <p:cNvSpPr txBox="1"/>
          <p:nvPr/>
        </p:nvSpPr>
        <p:spPr>
          <a:xfrm>
            <a:off x="8600573" y="3041195"/>
            <a:ext cx="413217"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4,176.8</a:t>
            </a:r>
            <a:endParaRPr sz="898">
              <a:latin typeface="Arial"/>
              <a:cs typeface="Arial"/>
            </a:endParaRPr>
          </a:p>
        </p:txBody>
      </p:sp>
      <p:sp>
        <p:nvSpPr>
          <p:cNvPr id="9" name="object 9"/>
          <p:cNvSpPr txBox="1"/>
          <p:nvPr/>
        </p:nvSpPr>
        <p:spPr>
          <a:xfrm>
            <a:off x="8583631" y="2456065"/>
            <a:ext cx="413217"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4,682.2</a:t>
            </a:r>
            <a:endParaRPr sz="898">
              <a:latin typeface="Arial"/>
              <a:cs typeface="Arial"/>
            </a:endParaRPr>
          </a:p>
        </p:txBody>
      </p:sp>
      <p:sp>
        <p:nvSpPr>
          <p:cNvPr id="10" name="object 10"/>
          <p:cNvSpPr txBox="1"/>
          <p:nvPr/>
        </p:nvSpPr>
        <p:spPr>
          <a:xfrm>
            <a:off x="7735259" y="1516470"/>
            <a:ext cx="413217"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5,477.0</a:t>
            </a:r>
            <a:endParaRPr sz="898">
              <a:latin typeface="Arial"/>
              <a:cs typeface="Arial"/>
            </a:endParaRPr>
          </a:p>
        </p:txBody>
      </p:sp>
      <p:sp>
        <p:nvSpPr>
          <p:cNvPr id="11" name="object 11"/>
          <p:cNvSpPr txBox="1"/>
          <p:nvPr/>
        </p:nvSpPr>
        <p:spPr>
          <a:xfrm>
            <a:off x="8552355" y="2063807"/>
            <a:ext cx="413217"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5,494.3</a:t>
            </a:r>
            <a:endParaRPr sz="898">
              <a:latin typeface="Arial"/>
              <a:cs typeface="Arial"/>
            </a:endParaRPr>
          </a:p>
        </p:txBody>
      </p:sp>
      <p:sp>
        <p:nvSpPr>
          <p:cNvPr id="12" name="object 12"/>
          <p:cNvSpPr txBox="1"/>
          <p:nvPr/>
        </p:nvSpPr>
        <p:spPr>
          <a:xfrm>
            <a:off x="211985" y="883124"/>
            <a:ext cx="509327" cy="359241"/>
          </a:xfrm>
          <a:prstGeom prst="rect">
            <a:avLst/>
          </a:prstGeom>
        </p:spPr>
        <p:txBody>
          <a:bodyPr vert="horz" wrap="square" lIns="0" tIns="43982" rIns="0" bIns="0" rtlCol="0">
            <a:spAutoFit/>
          </a:bodyPr>
          <a:lstStyle/>
          <a:p>
            <a:pPr marL="146064">
              <a:spcBef>
                <a:spcPts val="346"/>
              </a:spcBef>
            </a:pPr>
            <a:r>
              <a:rPr sz="898" dirty="0">
                <a:latin typeface="ＭＳ Ｐゴシック"/>
                <a:cs typeface="ＭＳ Ｐゴシック"/>
              </a:rPr>
              <a:t>（千円</a:t>
            </a:r>
            <a:r>
              <a:rPr sz="898" spc="-43" dirty="0">
                <a:latin typeface="ＭＳ Ｐゴシック"/>
                <a:cs typeface="ＭＳ Ｐゴシック"/>
              </a:rPr>
              <a:t>）</a:t>
            </a:r>
            <a:endParaRPr sz="898">
              <a:latin typeface="ＭＳ Ｐゴシック"/>
              <a:cs typeface="ＭＳ Ｐゴシック"/>
            </a:endParaRPr>
          </a:p>
          <a:p>
            <a:pPr marL="10860">
              <a:spcBef>
                <a:spcPts val="265"/>
              </a:spcBef>
            </a:pPr>
            <a:r>
              <a:rPr sz="898" spc="-9" dirty="0">
                <a:latin typeface="Arial"/>
                <a:cs typeface="Arial"/>
              </a:rPr>
              <a:t>6,000</a:t>
            </a:r>
            <a:endParaRPr sz="898">
              <a:latin typeface="Arial"/>
              <a:cs typeface="Arial"/>
            </a:endParaRPr>
          </a:p>
        </p:txBody>
      </p:sp>
      <p:sp>
        <p:nvSpPr>
          <p:cNvPr id="13" name="object 13"/>
          <p:cNvSpPr txBox="1"/>
          <p:nvPr/>
        </p:nvSpPr>
        <p:spPr>
          <a:xfrm>
            <a:off x="211985" y="5359557"/>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2,500</a:t>
            </a:r>
            <a:endParaRPr sz="898">
              <a:latin typeface="Arial"/>
              <a:cs typeface="Arial"/>
            </a:endParaRPr>
          </a:p>
        </p:txBody>
      </p:sp>
      <p:sp>
        <p:nvSpPr>
          <p:cNvPr id="14" name="object 14"/>
          <p:cNvSpPr txBox="1"/>
          <p:nvPr/>
        </p:nvSpPr>
        <p:spPr>
          <a:xfrm>
            <a:off x="211985" y="4748365"/>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3,000</a:t>
            </a:r>
            <a:endParaRPr sz="898">
              <a:latin typeface="Arial"/>
              <a:cs typeface="Arial"/>
            </a:endParaRPr>
          </a:p>
        </p:txBody>
      </p:sp>
      <p:sp>
        <p:nvSpPr>
          <p:cNvPr id="15" name="object 15"/>
          <p:cNvSpPr txBox="1"/>
          <p:nvPr/>
        </p:nvSpPr>
        <p:spPr>
          <a:xfrm>
            <a:off x="211985" y="4137171"/>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3,500</a:t>
            </a:r>
            <a:endParaRPr sz="898">
              <a:latin typeface="Arial"/>
              <a:cs typeface="Arial"/>
            </a:endParaRPr>
          </a:p>
        </p:txBody>
      </p:sp>
      <p:sp>
        <p:nvSpPr>
          <p:cNvPr id="16" name="object 16"/>
          <p:cNvSpPr txBox="1"/>
          <p:nvPr/>
        </p:nvSpPr>
        <p:spPr>
          <a:xfrm>
            <a:off x="211985" y="3527282"/>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4,000</a:t>
            </a:r>
            <a:endParaRPr sz="898">
              <a:latin typeface="Arial"/>
              <a:cs typeface="Arial"/>
            </a:endParaRPr>
          </a:p>
        </p:txBody>
      </p:sp>
      <p:sp>
        <p:nvSpPr>
          <p:cNvPr id="17" name="object 17"/>
          <p:cNvSpPr txBox="1"/>
          <p:nvPr/>
        </p:nvSpPr>
        <p:spPr>
          <a:xfrm>
            <a:off x="211985" y="2916089"/>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4,500</a:t>
            </a:r>
            <a:endParaRPr sz="898">
              <a:latin typeface="Arial"/>
              <a:cs typeface="Arial"/>
            </a:endParaRPr>
          </a:p>
        </p:txBody>
      </p:sp>
      <p:sp>
        <p:nvSpPr>
          <p:cNvPr id="18" name="object 18"/>
          <p:cNvSpPr txBox="1"/>
          <p:nvPr/>
        </p:nvSpPr>
        <p:spPr>
          <a:xfrm>
            <a:off x="211985" y="2304897"/>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5,000</a:t>
            </a:r>
            <a:endParaRPr sz="898">
              <a:latin typeface="Arial"/>
              <a:cs typeface="Arial"/>
            </a:endParaRPr>
          </a:p>
        </p:txBody>
      </p:sp>
      <p:sp>
        <p:nvSpPr>
          <p:cNvPr id="19" name="object 19"/>
          <p:cNvSpPr txBox="1"/>
          <p:nvPr/>
        </p:nvSpPr>
        <p:spPr>
          <a:xfrm>
            <a:off x="211985" y="1695007"/>
            <a:ext cx="315479" cy="152435"/>
          </a:xfrm>
          <a:prstGeom prst="rect">
            <a:avLst/>
          </a:prstGeom>
        </p:spPr>
        <p:txBody>
          <a:bodyPr vert="horz" wrap="square" lIns="0" tIns="14118" rIns="0" bIns="0" rtlCol="0">
            <a:spAutoFit/>
          </a:bodyPr>
          <a:lstStyle/>
          <a:p>
            <a:pPr marL="10860">
              <a:spcBef>
                <a:spcPts val="111"/>
              </a:spcBef>
            </a:pPr>
            <a:r>
              <a:rPr sz="898" spc="-9" dirty="0">
                <a:latin typeface="Arial"/>
                <a:cs typeface="Arial"/>
              </a:rPr>
              <a:t>5,500</a:t>
            </a:r>
            <a:endParaRPr sz="898">
              <a:latin typeface="Arial"/>
              <a:cs typeface="Arial"/>
            </a:endParaRPr>
          </a:p>
        </p:txBody>
      </p:sp>
      <p:pic>
        <p:nvPicPr>
          <p:cNvPr id="20" name="object 20"/>
          <p:cNvPicPr/>
          <p:nvPr/>
        </p:nvPicPr>
        <p:blipFill>
          <a:blip r:embed="rId3" cstate="print"/>
          <a:stretch>
            <a:fillRect/>
          </a:stretch>
        </p:blipFill>
        <p:spPr>
          <a:xfrm>
            <a:off x="397470" y="5558074"/>
            <a:ext cx="8236116" cy="380534"/>
          </a:xfrm>
          <a:prstGeom prst="rect">
            <a:avLst/>
          </a:prstGeom>
        </p:spPr>
      </p:pic>
      <p:grpSp>
        <p:nvGrpSpPr>
          <p:cNvPr id="21" name="object 21"/>
          <p:cNvGrpSpPr/>
          <p:nvPr/>
        </p:nvGrpSpPr>
        <p:grpSpPr>
          <a:xfrm>
            <a:off x="3654125" y="4141516"/>
            <a:ext cx="4850555" cy="1128882"/>
            <a:chOff x="4273296" y="4614672"/>
            <a:chExt cx="5672455" cy="1320165"/>
          </a:xfrm>
        </p:grpSpPr>
        <p:sp>
          <p:nvSpPr>
            <p:cNvPr id="22" name="object 22"/>
            <p:cNvSpPr/>
            <p:nvPr/>
          </p:nvSpPr>
          <p:spPr>
            <a:xfrm>
              <a:off x="4277868" y="4619244"/>
              <a:ext cx="5663565" cy="1310640"/>
            </a:xfrm>
            <a:custGeom>
              <a:avLst/>
              <a:gdLst/>
              <a:ahLst/>
              <a:cxnLst/>
              <a:rect l="l" t="t" r="r" b="b"/>
              <a:pathLst>
                <a:path w="5663565" h="1310639">
                  <a:moveTo>
                    <a:pt x="5663184" y="0"/>
                  </a:moveTo>
                  <a:lnTo>
                    <a:pt x="0" y="0"/>
                  </a:lnTo>
                  <a:lnTo>
                    <a:pt x="0" y="1310639"/>
                  </a:lnTo>
                  <a:lnTo>
                    <a:pt x="5663184" y="1310639"/>
                  </a:lnTo>
                  <a:lnTo>
                    <a:pt x="5663184" y="0"/>
                  </a:lnTo>
                  <a:close/>
                </a:path>
              </a:pathLst>
            </a:custGeom>
            <a:solidFill>
              <a:srgbClr val="FFFFFF"/>
            </a:solidFill>
          </p:spPr>
          <p:txBody>
            <a:bodyPr wrap="square" lIns="0" tIns="0" rIns="0" bIns="0" rtlCol="0"/>
            <a:lstStyle/>
            <a:p>
              <a:endParaRPr sz="1539"/>
            </a:p>
          </p:txBody>
        </p:sp>
        <p:sp>
          <p:nvSpPr>
            <p:cNvPr id="23" name="object 23"/>
            <p:cNvSpPr/>
            <p:nvPr/>
          </p:nvSpPr>
          <p:spPr>
            <a:xfrm>
              <a:off x="4273296" y="4614672"/>
              <a:ext cx="5672455" cy="1320165"/>
            </a:xfrm>
            <a:custGeom>
              <a:avLst/>
              <a:gdLst/>
              <a:ahLst/>
              <a:cxnLst/>
              <a:rect l="l" t="t" r="r" b="b"/>
              <a:pathLst>
                <a:path w="5672455" h="1320164">
                  <a:moveTo>
                    <a:pt x="5667756" y="0"/>
                  </a:moveTo>
                  <a:lnTo>
                    <a:pt x="4571" y="0"/>
                  </a:lnTo>
                  <a:lnTo>
                    <a:pt x="1524" y="1524"/>
                  </a:lnTo>
                  <a:lnTo>
                    <a:pt x="0" y="4571"/>
                  </a:lnTo>
                  <a:lnTo>
                    <a:pt x="0" y="1315212"/>
                  </a:lnTo>
                  <a:lnTo>
                    <a:pt x="1524" y="1318259"/>
                  </a:lnTo>
                  <a:lnTo>
                    <a:pt x="4571" y="1319784"/>
                  </a:lnTo>
                  <a:lnTo>
                    <a:pt x="5667756" y="1319784"/>
                  </a:lnTo>
                  <a:lnTo>
                    <a:pt x="5670804" y="1318259"/>
                  </a:lnTo>
                  <a:lnTo>
                    <a:pt x="5672328" y="1315212"/>
                  </a:lnTo>
                  <a:lnTo>
                    <a:pt x="9143" y="1315212"/>
                  </a:lnTo>
                  <a:lnTo>
                    <a:pt x="4571" y="1310639"/>
                  </a:lnTo>
                  <a:lnTo>
                    <a:pt x="9143" y="1310639"/>
                  </a:lnTo>
                  <a:lnTo>
                    <a:pt x="9143" y="9143"/>
                  </a:lnTo>
                  <a:lnTo>
                    <a:pt x="4571" y="9143"/>
                  </a:lnTo>
                  <a:lnTo>
                    <a:pt x="9143" y="4571"/>
                  </a:lnTo>
                  <a:lnTo>
                    <a:pt x="5672328" y="4571"/>
                  </a:lnTo>
                  <a:lnTo>
                    <a:pt x="5670804" y="1524"/>
                  </a:lnTo>
                  <a:lnTo>
                    <a:pt x="5667756" y="0"/>
                  </a:lnTo>
                  <a:close/>
                </a:path>
                <a:path w="5672455" h="1320164">
                  <a:moveTo>
                    <a:pt x="9143" y="1310639"/>
                  </a:moveTo>
                  <a:lnTo>
                    <a:pt x="4571" y="1310639"/>
                  </a:lnTo>
                  <a:lnTo>
                    <a:pt x="9143" y="1315212"/>
                  </a:lnTo>
                  <a:lnTo>
                    <a:pt x="9143" y="1310639"/>
                  </a:lnTo>
                  <a:close/>
                </a:path>
                <a:path w="5672455" h="1320164">
                  <a:moveTo>
                    <a:pt x="5663183" y="1310639"/>
                  </a:moveTo>
                  <a:lnTo>
                    <a:pt x="9143" y="1310639"/>
                  </a:lnTo>
                  <a:lnTo>
                    <a:pt x="9143" y="1315212"/>
                  </a:lnTo>
                  <a:lnTo>
                    <a:pt x="5663183" y="1315212"/>
                  </a:lnTo>
                  <a:lnTo>
                    <a:pt x="5663183" y="1310639"/>
                  </a:lnTo>
                  <a:close/>
                </a:path>
                <a:path w="5672455" h="1320164">
                  <a:moveTo>
                    <a:pt x="5663183" y="4571"/>
                  </a:moveTo>
                  <a:lnTo>
                    <a:pt x="5663183" y="1315212"/>
                  </a:lnTo>
                  <a:lnTo>
                    <a:pt x="5667756" y="1310639"/>
                  </a:lnTo>
                  <a:lnTo>
                    <a:pt x="5672328" y="1310639"/>
                  </a:lnTo>
                  <a:lnTo>
                    <a:pt x="5672328" y="9143"/>
                  </a:lnTo>
                  <a:lnTo>
                    <a:pt x="5667756" y="9143"/>
                  </a:lnTo>
                  <a:lnTo>
                    <a:pt x="5663183" y="4571"/>
                  </a:lnTo>
                  <a:close/>
                </a:path>
                <a:path w="5672455" h="1320164">
                  <a:moveTo>
                    <a:pt x="5672328" y="1310639"/>
                  </a:moveTo>
                  <a:lnTo>
                    <a:pt x="5667756" y="1310639"/>
                  </a:lnTo>
                  <a:lnTo>
                    <a:pt x="5663183" y="1315212"/>
                  </a:lnTo>
                  <a:lnTo>
                    <a:pt x="5672328" y="1315212"/>
                  </a:lnTo>
                  <a:lnTo>
                    <a:pt x="5672328" y="1310639"/>
                  </a:lnTo>
                  <a:close/>
                </a:path>
                <a:path w="5672455" h="1320164">
                  <a:moveTo>
                    <a:pt x="9143" y="4571"/>
                  </a:moveTo>
                  <a:lnTo>
                    <a:pt x="4571" y="9143"/>
                  </a:lnTo>
                  <a:lnTo>
                    <a:pt x="9143" y="9143"/>
                  </a:lnTo>
                  <a:lnTo>
                    <a:pt x="9143" y="4571"/>
                  </a:lnTo>
                  <a:close/>
                </a:path>
                <a:path w="5672455" h="1320164">
                  <a:moveTo>
                    <a:pt x="5663183" y="4571"/>
                  </a:moveTo>
                  <a:lnTo>
                    <a:pt x="9143" y="4571"/>
                  </a:lnTo>
                  <a:lnTo>
                    <a:pt x="9143" y="9143"/>
                  </a:lnTo>
                  <a:lnTo>
                    <a:pt x="5663183" y="9143"/>
                  </a:lnTo>
                  <a:lnTo>
                    <a:pt x="5663183" y="4571"/>
                  </a:lnTo>
                  <a:close/>
                </a:path>
                <a:path w="5672455" h="1320164">
                  <a:moveTo>
                    <a:pt x="5672328" y="4571"/>
                  </a:moveTo>
                  <a:lnTo>
                    <a:pt x="5663183" y="4571"/>
                  </a:lnTo>
                  <a:lnTo>
                    <a:pt x="5667756" y="9143"/>
                  </a:lnTo>
                  <a:lnTo>
                    <a:pt x="5672328" y="9143"/>
                  </a:lnTo>
                  <a:lnTo>
                    <a:pt x="5672328" y="4571"/>
                  </a:lnTo>
                  <a:close/>
                </a:path>
              </a:pathLst>
            </a:custGeom>
            <a:solidFill>
              <a:srgbClr val="000000"/>
            </a:solidFill>
          </p:spPr>
          <p:txBody>
            <a:bodyPr wrap="square" lIns="0" tIns="0" rIns="0" bIns="0" rtlCol="0"/>
            <a:lstStyle/>
            <a:p>
              <a:endParaRPr sz="1539"/>
            </a:p>
          </p:txBody>
        </p:sp>
        <p:sp>
          <p:nvSpPr>
            <p:cNvPr id="24" name="object 24"/>
            <p:cNvSpPr/>
            <p:nvPr/>
          </p:nvSpPr>
          <p:spPr>
            <a:xfrm>
              <a:off x="4379976" y="4931664"/>
              <a:ext cx="292735" cy="30480"/>
            </a:xfrm>
            <a:custGeom>
              <a:avLst/>
              <a:gdLst/>
              <a:ahLst/>
              <a:cxnLst/>
              <a:rect l="l" t="t" r="r" b="b"/>
              <a:pathLst>
                <a:path w="292735" h="30479">
                  <a:moveTo>
                    <a:pt x="284988" y="0"/>
                  </a:moveTo>
                  <a:lnTo>
                    <a:pt x="15239" y="0"/>
                  </a:lnTo>
                  <a:lnTo>
                    <a:pt x="6096" y="0"/>
                  </a:lnTo>
                  <a:lnTo>
                    <a:pt x="0" y="6096"/>
                  </a:lnTo>
                  <a:lnTo>
                    <a:pt x="0" y="22860"/>
                  </a:lnTo>
                  <a:lnTo>
                    <a:pt x="6096" y="30480"/>
                  </a:lnTo>
                  <a:lnTo>
                    <a:pt x="284988" y="30480"/>
                  </a:lnTo>
                  <a:lnTo>
                    <a:pt x="292608" y="22860"/>
                  </a:lnTo>
                  <a:lnTo>
                    <a:pt x="292608" y="6096"/>
                  </a:lnTo>
                  <a:lnTo>
                    <a:pt x="284988" y="0"/>
                  </a:lnTo>
                  <a:close/>
                </a:path>
              </a:pathLst>
            </a:custGeom>
            <a:solidFill>
              <a:srgbClr val="FF0000"/>
            </a:solidFill>
          </p:spPr>
          <p:txBody>
            <a:bodyPr wrap="square" lIns="0" tIns="0" rIns="0" bIns="0" rtlCol="0"/>
            <a:lstStyle/>
            <a:p>
              <a:endParaRPr sz="1539"/>
            </a:p>
          </p:txBody>
        </p:sp>
        <p:pic>
          <p:nvPicPr>
            <p:cNvPr id="25" name="object 25"/>
            <p:cNvPicPr/>
            <p:nvPr/>
          </p:nvPicPr>
          <p:blipFill>
            <a:blip r:embed="rId4" cstate="print"/>
            <a:stretch>
              <a:fillRect/>
            </a:stretch>
          </p:blipFill>
          <p:spPr>
            <a:xfrm>
              <a:off x="4480560" y="4899660"/>
              <a:ext cx="94487" cy="94487"/>
            </a:xfrm>
            <a:prstGeom prst="rect">
              <a:avLst/>
            </a:prstGeom>
          </p:spPr>
        </p:pic>
      </p:grpSp>
      <p:sp>
        <p:nvSpPr>
          <p:cNvPr id="26" name="object 26"/>
          <p:cNvSpPr txBox="1"/>
          <p:nvPr/>
        </p:nvSpPr>
        <p:spPr>
          <a:xfrm>
            <a:off x="3997730" y="4339164"/>
            <a:ext cx="1194584" cy="152435"/>
          </a:xfrm>
          <a:prstGeom prst="rect">
            <a:avLst/>
          </a:prstGeom>
        </p:spPr>
        <p:txBody>
          <a:bodyPr vert="horz" wrap="square" lIns="0" tIns="14118" rIns="0" bIns="0" rtlCol="0">
            <a:spAutoFit/>
          </a:bodyPr>
          <a:lstStyle/>
          <a:p>
            <a:pPr marL="10860">
              <a:spcBef>
                <a:spcPts val="111"/>
              </a:spcBef>
            </a:pPr>
            <a:r>
              <a:rPr sz="898" spc="-4" dirty="0">
                <a:latin typeface="HGP創英角ｺﾞｼｯｸUB"/>
                <a:cs typeface="HGP創英角ｺﾞｼｯｸUB"/>
              </a:rPr>
              <a:t>建設業男性生産労働者</a:t>
            </a:r>
            <a:endParaRPr sz="898">
              <a:latin typeface="HGP創英角ｺﾞｼｯｸUB"/>
              <a:cs typeface="HGP創英角ｺﾞｼｯｸUB"/>
            </a:endParaRPr>
          </a:p>
        </p:txBody>
      </p:sp>
      <p:grpSp>
        <p:nvGrpSpPr>
          <p:cNvPr id="27" name="object 27"/>
          <p:cNvGrpSpPr/>
          <p:nvPr/>
        </p:nvGrpSpPr>
        <p:grpSpPr>
          <a:xfrm>
            <a:off x="5358688" y="4386514"/>
            <a:ext cx="251949" cy="78191"/>
            <a:chOff x="6266688" y="4901184"/>
            <a:chExt cx="294640" cy="91440"/>
          </a:xfrm>
        </p:grpSpPr>
        <p:sp>
          <p:nvSpPr>
            <p:cNvPr id="28" name="object 28"/>
            <p:cNvSpPr/>
            <p:nvPr/>
          </p:nvSpPr>
          <p:spPr>
            <a:xfrm>
              <a:off x="6266688" y="4931664"/>
              <a:ext cx="294640" cy="30480"/>
            </a:xfrm>
            <a:custGeom>
              <a:avLst/>
              <a:gdLst/>
              <a:ahLst/>
              <a:cxnLst/>
              <a:rect l="l" t="t" r="r" b="b"/>
              <a:pathLst>
                <a:path w="294640" h="30479">
                  <a:moveTo>
                    <a:pt x="286512" y="0"/>
                  </a:moveTo>
                  <a:lnTo>
                    <a:pt x="15239" y="0"/>
                  </a:lnTo>
                  <a:lnTo>
                    <a:pt x="6096" y="0"/>
                  </a:lnTo>
                  <a:lnTo>
                    <a:pt x="0" y="6096"/>
                  </a:lnTo>
                  <a:lnTo>
                    <a:pt x="0" y="22860"/>
                  </a:lnTo>
                  <a:lnTo>
                    <a:pt x="6096" y="30480"/>
                  </a:lnTo>
                  <a:lnTo>
                    <a:pt x="286512" y="30480"/>
                  </a:lnTo>
                  <a:lnTo>
                    <a:pt x="294132" y="22860"/>
                  </a:lnTo>
                  <a:lnTo>
                    <a:pt x="294132" y="6096"/>
                  </a:lnTo>
                  <a:lnTo>
                    <a:pt x="286512" y="0"/>
                  </a:lnTo>
                  <a:close/>
                </a:path>
              </a:pathLst>
            </a:custGeom>
            <a:solidFill>
              <a:srgbClr val="9933FF"/>
            </a:solidFill>
          </p:spPr>
          <p:txBody>
            <a:bodyPr wrap="square" lIns="0" tIns="0" rIns="0" bIns="0" rtlCol="0"/>
            <a:lstStyle/>
            <a:p>
              <a:endParaRPr sz="1539"/>
            </a:p>
          </p:txBody>
        </p:sp>
        <p:pic>
          <p:nvPicPr>
            <p:cNvPr id="29" name="object 29"/>
            <p:cNvPicPr/>
            <p:nvPr/>
          </p:nvPicPr>
          <p:blipFill>
            <a:blip r:embed="rId5" cstate="print"/>
            <a:stretch>
              <a:fillRect/>
            </a:stretch>
          </p:blipFill>
          <p:spPr>
            <a:xfrm>
              <a:off x="6368796" y="4901184"/>
              <a:ext cx="91439" cy="91439"/>
            </a:xfrm>
            <a:prstGeom prst="rect">
              <a:avLst/>
            </a:prstGeom>
          </p:spPr>
        </p:pic>
      </p:grpSp>
      <p:sp>
        <p:nvSpPr>
          <p:cNvPr id="30" name="object 30"/>
          <p:cNvSpPr txBox="1"/>
          <p:nvPr/>
        </p:nvSpPr>
        <p:spPr>
          <a:xfrm>
            <a:off x="5611070" y="4339164"/>
            <a:ext cx="1077298" cy="152435"/>
          </a:xfrm>
          <a:prstGeom prst="rect">
            <a:avLst/>
          </a:prstGeom>
        </p:spPr>
        <p:txBody>
          <a:bodyPr vert="horz" wrap="square" lIns="0" tIns="14118" rIns="0" bIns="0" rtlCol="0">
            <a:spAutoFit/>
          </a:bodyPr>
          <a:lstStyle/>
          <a:p>
            <a:pPr marL="10860">
              <a:spcBef>
                <a:spcPts val="111"/>
              </a:spcBef>
            </a:pPr>
            <a:r>
              <a:rPr sz="898" spc="-9" dirty="0">
                <a:latin typeface="HGP創英角ｺﾞｼｯｸUB"/>
                <a:cs typeface="HGP創英角ｺﾞｼｯｸUB"/>
              </a:rPr>
              <a:t>建設業男性全労働者</a:t>
            </a:r>
            <a:endParaRPr sz="898">
              <a:latin typeface="HGP創英角ｺﾞｼｯｸUB"/>
              <a:cs typeface="HGP創英角ｺﾞｼｯｸUB"/>
            </a:endParaRPr>
          </a:p>
        </p:txBody>
      </p:sp>
      <p:sp>
        <p:nvSpPr>
          <p:cNvPr id="31" name="object 31"/>
          <p:cNvSpPr/>
          <p:nvPr/>
        </p:nvSpPr>
        <p:spPr>
          <a:xfrm>
            <a:off x="6973332" y="4385210"/>
            <a:ext cx="250320" cy="78191"/>
          </a:xfrm>
          <a:custGeom>
            <a:avLst/>
            <a:gdLst/>
            <a:ahLst/>
            <a:cxnLst/>
            <a:rect l="l" t="t" r="r" b="b"/>
            <a:pathLst>
              <a:path w="292734" h="91439">
                <a:moveTo>
                  <a:pt x="292608" y="38100"/>
                </a:moveTo>
                <a:lnTo>
                  <a:pt x="284988" y="32004"/>
                </a:lnTo>
                <a:lnTo>
                  <a:pt x="190500" y="32004"/>
                </a:lnTo>
                <a:lnTo>
                  <a:pt x="190500" y="10668"/>
                </a:lnTo>
                <a:lnTo>
                  <a:pt x="190500" y="4572"/>
                </a:lnTo>
                <a:lnTo>
                  <a:pt x="190500" y="3048"/>
                </a:lnTo>
                <a:lnTo>
                  <a:pt x="187452" y="0"/>
                </a:lnTo>
                <a:lnTo>
                  <a:pt x="102108" y="0"/>
                </a:lnTo>
                <a:lnTo>
                  <a:pt x="99060" y="3048"/>
                </a:lnTo>
                <a:lnTo>
                  <a:pt x="99060" y="32004"/>
                </a:lnTo>
                <a:lnTo>
                  <a:pt x="15240" y="32004"/>
                </a:lnTo>
                <a:lnTo>
                  <a:pt x="6096" y="32004"/>
                </a:lnTo>
                <a:lnTo>
                  <a:pt x="0" y="38100"/>
                </a:lnTo>
                <a:lnTo>
                  <a:pt x="0" y="54864"/>
                </a:lnTo>
                <a:lnTo>
                  <a:pt x="6096" y="62484"/>
                </a:lnTo>
                <a:lnTo>
                  <a:pt x="99060" y="62484"/>
                </a:lnTo>
                <a:lnTo>
                  <a:pt x="99060" y="88392"/>
                </a:lnTo>
                <a:lnTo>
                  <a:pt x="102108" y="91440"/>
                </a:lnTo>
                <a:lnTo>
                  <a:pt x="187452" y="91440"/>
                </a:lnTo>
                <a:lnTo>
                  <a:pt x="190500" y="88392"/>
                </a:lnTo>
                <a:lnTo>
                  <a:pt x="190500" y="85344"/>
                </a:lnTo>
                <a:lnTo>
                  <a:pt x="190500" y="80772"/>
                </a:lnTo>
                <a:lnTo>
                  <a:pt x="190500" y="62484"/>
                </a:lnTo>
                <a:lnTo>
                  <a:pt x="284988" y="62484"/>
                </a:lnTo>
                <a:lnTo>
                  <a:pt x="292608" y="54864"/>
                </a:lnTo>
                <a:lnTo>
                  <a:pt x="292608" y="38100"/>
                </a:lnTo>
                <a:close/>
              </a:path>
            </a:pathLst>
          </a:custGeom>
          <a:solidFill>
            <a:srgbClr val="0000FF"/>
          </a:solidFill>
        </p:spPr>
        <p:txBody>
          <a:bodyPr wrap="square" lIns="0" tIns="0" rIns="0" bIns="0" rtlCol="0"/>
          <a:lstStyle/>
          <a:p>
            <a:endParaRPr sz="1539"/>
          </a:p>
        </p:txBody>
      </p:sp>
      <p:sp>
        <p:nvSpPr>
          <p:cNvPr id="32" name="object 32"/>
          <p:cNvSpPr txBox="1"/>
          <p:nvPr/>
        </p:nvSpPr>
        <p:spPr>
          <a:xfrm>
            <a:off x="7224411" y="4339164"/>
            <a:ext cx="1194584" cy="152435"/>
          </a:xfrm>
          <a:prstGeom prst="rect">
            <a:avLst/>
          </a:prstGeom>
        </p:spPr>
        <p:txBody>
          <a:bodyPr vert="horz" wrap="square" lIns="0" tIns="14118" rIns="0" bIns="0" rtlCol="0">
            <a:spAutoFit/>
          </a:bodyPr>
          <a:lstStyle/>
          <a:p>
            <a:pPr marL="10860">
              <a:spcBef>
                <a:spcPts val="111"/>
              </a:spcBef>
            </a:pPr>
            <a:r>
              <a:rPr sz="898" spc="-4" dirty="0">
                <a:latin typeface="HGP創英角ｺﾞｼｯｸUB"/>
                <a:cs typeface="HGP創英角ｺﾞｼｯｸUB"/>
              </a:rPr>
              <a:t>製造業男性生産労働者</a:t>
            </a:r>
            <a:endParaRPr sz="898">
              <a:latin typeface="HGP創英角ｺﾞｼｯｸUB"/>
              <a:cs typeface="HGP創英角ｺﾞｼｯｸUB"/>
            </a:endParaRPr>
          </a:p>
        </p:txBody>
      </p:sp>
      <p:grpSp>
        <p:nvGrpSpPr>
          <p:cNvPr id="33" name="object 33"/>
          <p:cNvGrpSpPr/>
          <p:nvPr/>
        </p:nvGrpSpPr>
        <p:grpSpPr>
          <a:xfrm>
            <a:off x="3745348" y="4946881"/>
            <a:ext cx="250320" cy="78191"/>
            <a:chOff x="4379976" y="5556503"/>
            <a:chExt cx="292735" cy="91440"/>
          </a:xfrm>
        </p:grpSpPr>
        <p:sp>
          <p:nvSpPr>
            <p:cNvPr id="34" name="object 34"/>
            <p:cNvSpPr/>
            <p:nvPr/>
          </p:nvSpPr>
          <p:spPr>
            <a:xfrm>
              <a:off x="4379976" y="5586983"/>
              <a:ext cx="292735" cy="30480"/>
            </a:xfrm>
            <a:custGeom>
              <a:avLst/>
              <a:gdLst/>
              <a:ahLst/>
              <a:cxnLst/>
              <a:rect l="l" t="t" r="r" b="b"/>
              <a:pathLst>
                <a:path w="292735" h="30479">
                  <a:moveTo>
                    <a:pt x="284988" y="0"/>
                  </a:moveTo>
                  <a:lnTo>
                    <a:pt x="15239" y="0"/>
                  </a:lnTo>
                  <a:lnTo>
                    <a:pt x="6096" y="0"/>
                  </a:lnTo>
                  <a:lnTo>
                    <a:pt x="0" y="6095"/>
                  </a:lnTo>
                  <a:lnTo>
                    <a:pt x="0" y="22859"/>
                  </a:lnTo>
                  <a:lnTo>
                    <a:pt x="6096" y="30480"/>
                  </a:lnTo>
                  <a:lnTo>
                    <a:pt x="284988" y="30480"/>
                  </a:lnTo>
                  <a:lnTo>
                    <a:pt x="292608" y="22859"/>
                  </a:lnTo>
                  <a:lnTo>
                    <a:pt x="292608" y="6095"/>
                  </a:lnTo>
                  <a:lnTo>
                    <a:pt x="284988" y="0"/>
                  </a:lnTo>
                  <a:close/>
                </a:path>
              </a:pathLst>
            </a:custGeom>
            <a:solidFill>
              <a:srgbClr val="00FFFF"/>
            </a:solidFill>
          </p:spPr>
          <p:txBody>
            <a:bodyPr wrap="square" lIns="0" tIns="0" rIns="0" bIns="0" rtlCol="0"/>
            <a:lstStyle/>
            <a:p>
              <a:endParaRPr sz="1539"/>
            </a:p>
          </p:txBody>
        </p:sp>
        <p:pic>
          <p:nvPicPr>
            <p:cNvPr id="35" name="object 35"/>
            <p:cNvPicPr/>
            <p:nvPr/>
          </p:nvPicPr>
          <p:blipFill>
            <a:blip r:embed="rId6" cstate="print"/>
            <a:stretch>
              <a:fillRect/>
            </a:stretch>
          </p:blipFill>
          <p:spPr>
            <a:xfrm>
              <a:off x="4482084" y="5556503"/>
              <a:ext cx="91439" cy="91439"/>
            </a:xfrm>
            <a:prstGeom prst="rect">
              <a:avLst/>
            </a:prstGeom>
          </p:spPr>
        </p:pic>
      </p:grpSp>
      <p:sp>
        <p:nvSpPr>
          <p:cNvPr id="36" name="object 36"/>
          <p:cNvSpPr txBox="1"/>
          <p:nvPr/>
        </p:nvSpPr>
        <p:spPr>
          <a:xfrm>
            <a:off x="3997730" y="4899534"/>
            <a:ext cx="1077298" cy="152435"/>
          </a:xfrm>
          <a:prstGeom prst="rect">
            <a:avLst/>
          </a:prstGeom>
        </p:spPr>
        <p:txBody>
          <a:bodyPr vert="horz" wrap="square" lIns="0" tIns="14118" rIns="0" bIns="0" rtlCol="0">
            <a:spAutoFit/>
          </a:bodyPr>
          <a:lstStyle/>
          <a:p>
            <a:pPr marL="10860">
              <a:spcBef>
                <a:spcPts val="111"/>
              </a:spcBef>
            </a:pPr>
            <a:r>
              <a:rPr sz="898" spc="-9" dirty="0">
                <a:latin typeface="HGP創英角ｺﾞｼｯｸUB"/>
                <a:cs typeface="HGP創英角ｺﾞｼｯｸUB"/>
              </a:rPr>
              <a:t>製造業男性全労働者</a:t>
            </a:r>
            <a:endParaRPr sz="898">
              <a:latin typeface="HGP創英角ｺﾞｼｯｸUB"/>
              <a:cs typeface="HGP創英角ｺﾞｼｯｸUB"/>
            </a:endParaRPr>
          </a:p>
        </p:txBody>
      </p:sp>
      <p:grpSp>
        <p:nvGrpSpPr>
          <p:cNvPr id="37" name="object 37"/>
          <p:cNvGrpSpPr/>
          <p:nvPr/>
        </p:nvGrpSpPr>
        <p:grpSpPr>
          <a:xfrm>
            <a:off x="5358688" y="4945579"/>
            <a:ext cx="251949" cy="79820"/>
            <a:chOff x="6266688" y="5554979"/>
            <a:chExt cx="294640" cy="93345"/>
          </a:xfrm>
        </p:grpSpPr>
        <p:sp>
          <p:nvSpPr>
            <p:cNvPr id="38" name="object 38"/>
            <p:cNvSpPr/>
            <p:nvPr/>
          </p:nvSpPr>
          <p:spPr>
            <a:xfrm>
              <a:off x="6266688" y="5586983"/>
              <a:ext cx="294640" cy="30480"/>
            </a:xfrm>
            <a:custGeom>
              <a:avLst/>
              <a:gdLst/>
              <a:ahLst/>
              <a:cxnLst/>
              <a:rect l="l" t="t" r="r" b="b"/>
              <a:pathLst>
                <a:path w="294640" h="30479">
                  <a:moveTo>
                    <a:pt x="286512" y="0"/>
                  </a:moveTo>
                  <a:lnTo>
                    <a:pt x="15239" y="0"/>
                  </a:lnTo>
                  <a:lnTo>
                    <a:pt x="6096" y="0"/>
                  </a:lnTo>
                  <a:lnTo>
                    <a:pt x="0" y="6095"/>
                  </a:lnTo>
                  <a:lnTo>
                    <a:pt x="0" y="22859"/>
                  </a:lnTo>
                  <a:lnTo>
                    <a:pt x="6096" y="30480"/>
                  </a:lnTo>
                  <a:lnTo>
                    <a:pt x="286512" y="30480"/>
                  </a:lnTo>
                  <a:lnTo>
                    <a:pt x="294132" y="22859"/>
                  </a:lnTo>
                  <a:lnTo>
                    <a:pt x="294132" y="6095"/>
                  </a:lnTo>
                  <a:lnTo>
                    <a:pt x="286512" y="0"/>
                  </a:lnTo>
                  <a:close/>
                </a:path>
              </a:pathLst>
            </a:custGeom>
            <a:solidFill>
              <a:srgbClr val="00CC00"/>
            </a:solidFill>
          </p:spPr>
          <p:txBody>
            <a:bodyPr wrap="square" lIns="0" tIns="0" rIns="0" bIns="0" rtlCol="0"/>
            <a:lstStyle/>
            <a:p>
              <a:endParaRPr sz="1539"/>
            </a:p>
          </p:txBody>
        </p:sp>
        <p:pic>
          <p:nvPicPr>
            <p:cNvPr id="39" name="object 39"/>
            <p:cNvPicPr/>
            <p:nvPr/>
          </p:nvPicPr>
          <p:blipFill>
            <a:blip r:embed="rId7" cstate="print"/>
            <a:stretch>
              <a:fillRect/>
            </a:stretch>
          </p:blipFill>
          <p:spPr>
            <a:xfrm>
              <a:off x="6367272" y="5554979"/>
              <a:ext cx="94487" cy="92963"/>
            </a:xfrm>
            <a:prstGeom prst="rect">
              <a:avLst/>
            </a:prstGeom>
          </p:spPr>
        </p:pic>
      </p:grpSp>
      <p:sp>
        <p:nvSpPr>
          <p:cNvPr id="40" name="object 40"/>
          <p:cNvSpPr txBox="1"/>
          <p:nvPr/>
        </p:nvSpPr>
        <p:spPr>
          <a:xfrm>
            <a:off x="5611071" y="4899534"/>
            <a:ext cx="960011" cy="152435"/>
          </a:xfrm>
          <a:prstGeom prst="rect">
            <a:avLst/>
          </a:prstGeom>
        </p:spPr>
        <p:txBody>
          <a:bodyPr vert="horz" wrap="square" lIns="0" tIns="14118" rIns="0" bIns="0" rtlCol="0">
            <a:spAutoFit/>
          </a:bodyPr>
          <a:lstStyle/>
          <a:p>
            <a:pPr marL="10860">
              <a:spcBef>
                <a:spcPts val="111"/>
              </a:spcBef>
            </a:pPr>
            <a:r>
              <a:rPr sz="898" spc="-9" dirty="0">
                <a:latin typeface="HGP創英角ｺﾞｼｯｸUB"/>
                <a:cs typeface="HGP創英角ｺﾞｼｯｸUB"/>
              </a:rPr>
              <a:t>全産業男性労働者</a:t>
            </a:r>
            <a:endParaRPr sz="898">
              <a:latin typeface="HGP創英角ｺﾞｼｯｸUB"/>
              <a:cs typeface="HGP創英角ｺﾞｼｯｸUB"/>
            </a:endParaRPr>
          </a:p>
        </p:txBody>
      </p:sp>
      <p:sp>
        <p:nvSpPr>
          <p:cNvPr id="41" name="object 41"/>
          <p:cNvSpPr txBox="1"/>
          <p:nvPr/>
        </p:nvSpPr>
        <p:spPr>
          <a:xfrm>
            <a:off x="8786927" y="6271789"/>
            <a:ext cx="256836" cy="266415"/>
          </a:xfrm>
          <a:prstGeom prst="rect">
            <a:avLst/>
          </a:prstGeom>
        </p:spPr>
        <p:txBody>
          <a:bodyPr vert="horz" wrap="square" lIns="0" tIns="9774" rIns="0" bIns="0" rtlCol="0">
            <a:spAutoFit/>
          </a:bodyPr>
          <a:lstStyle/>
          <a:p>
            <a:pPr marL="10860">
              <a:spcBef>
                <a:spcPts val="77"/>
              </a:spcBef>
            </a:pPr>
            <a:r>
              <a:rPr sz="1667" spc="-21" dirty="0">
                <a:latin typeface="Arial"/>
                <a:cs typeface="Arial"/>
              </a:rPr>
              <a:t>22</a:t>
            </a:r>
            <a:endParaRPr sz="1667">
              <a:latin typeface="Arial"/>
              <a:cs typeface="Arial"/>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8875545" y="6296550"/>
            <a:ext cx="256836" cy="266415"/>
          </a:xfrm>
          <a:prstGeom prst="rect">
            <a:avLst/>
          </a:prstGeom>
        </p:spPr>
        <p:txBody>
          <a:bodyPr vert="horz" wrap="square" lIns="0" tIns="9774" rIns="0" bIns="0" rtlCol="0">
            <a:spAutoFit/>
          </a:bodyPr>
          <a:lstStyle/>
          <a:p>
            <a:pPr marL="10860">
              <a:spcBef>
                <a:spcPts val="77"/>
              </a:spcBef>
            </a:pPr>
            <a:r>
              <a:rPr sz="1667" spc="-21" dirty="0">
                <a:latin typeface="Arial"/>
                <a:cs typeface="Arial"/>
              </a:rPr>
              <a:t>25</a:t>
            </a:r>
            <a:endParaRPr sz="1667">
              <a:latin typeface="Arial"/>
              <a:cs typeface="Arial"/>
            </a:endParaRPr>
          </a:p>
        </p:txBody>
      </p:sp>
      <p:sp>
        <p:nvSpPr>
          <p:cNvPr id="4" name="object 4"/>
          <p:cNvSpPr txBox="1"/>
          <p:nvPr/>
        </p:nvSpPr>
        <p:spPr>
          <a:xfrm>
            <a:off x="5712719" y="5539400"/>
            <a:ext cx="3044018" cy="264324"/>
          </a:xfrm>
          <a:prstGeom prst="rect">
            <a:avLst/>
          </a:prstGeom>
        </p:spPr>
        <p:txBody>
          <a:bodyPr vert="horz" wrap="square" lIns="0" tIns="14118" rIns="0" bIns="0" rtlCol="0">
            <a:spAutoFit/>
          </a:bodyPr>
          <a:lstStyle/>
          <a:p>
            <a:pPr marL="10860">
              <a:spcBef>
                <a:spcPts val="111"/>
              </a:spcBef>
              <a:tabLst>
                <a:tab pos="783532" algn="l"/>
              </a:tabLst>
            </a:pPr>
            <a:r>
              <a:rPr sz="1625" dirty="0">
                <a:latin typeface="ＭＳ Ｐゴシック"/>
                <a:cs typeface="ＭＳ Ｐゴシック"/>
              </a:rPr>
              <a:t>（参考</a:t>
            </a:r>
            <a:r>
              <a:rPr sz="1625" spc="-43" dirty="0">
                <a:latin typeface="ＭＳ Ｐゴシック"/>
                <a:cs typeface="ＭＳ Ｐゴシック"/>
              </a:rPr>
              <a:t>）</a:t>
            </a:r>
            <a:r>
              <a:rPr sz="1625" dirty="0">
                <a:latin typeface="ＭＳ Ｐゴシック"/>
                <a:cs typeface="ＭＳ Ｐゴシック"/>
              </a:rPr>
              <a:t>	製造業における雇用形</a:t>
            </a:r>
            <a:r>
              <a:rPr sz="1625" spc="-43" dirty="0">
                <a:latin typeface="ＭＳ Ｐゴシック"/>
                <a:cs typeface="ＭＳ Ｐゴシック"/>
              </a:rPr>
              <a:t>態</a:t>
            </a:r>
            <a:endParaRPr sz="1625">
              <a:latin typeface="ＭＳ Ｐゴシック"/>
              <a:cs typeface="ＭＳ Ｐゴシック"/>
            </a:endParaRPr>
          </a:p>
        </p:txBody>
      </p:sp>
      <p:sp>
        <p:nvSpPr>
          <p:cNvPr id="5" name="object 5"/>
          <p:cNvSpPr txBox="1"/>
          <p:nvPr/>
        </p:nvSpPr>
        <p:spPr>
          <a:xfrm>
            <a:off x="5991600" y="5773973"/>
            <a:ext cx="1176666" cy="501569"/>
          </a:xfrm>
          <a:prstGeom prst="rect">
            <a:avLst/>
          </a:prstGeom>
        </p:spPr>
        <p:txBody>
          <a:bodyPr vert="horz" wrap="square" lIns="0" tIns="14118" rIns="0" bIns="0" rtlCol="0">
            <a:spAutoFit/>
          </a:bodyPr>
          <a:lstStyle/>
          <a:p>
            <a:pPr marL="10860">
              <a:lnSpc>
                <a:spcPts val="1898"/>
              </a:lnSpc>
              <a:spcBef>
                <a:spcPts val="111"/>
              </a:spcBef>
            </a:pPr>
            <a:r>
              <a:rPr sz="1625" spc="-9" dirty="0">
                <a:latin typeface="ＭＳ Ｐゴシック"/>
                <a:cs typeface="ＭＳ Ｐゴシック"/>
              </a:rPr>
              <a:t>・正規雇用</a:t>
            </a:r>
            <a:endParaRPr sz="1625">
              <a:latin typeface="ＭＳ Ｐゴシック"/>
              <a:cs typeface="ＭＳ Ｐゴシック"/>
            </a:endParaRPr>
          </a:p>
          <a:p>
            <a:pPr marL="10860">
              <a:lnSpc>
                <a:spcPts val="1898"/>
              </a:lnSpc>
            </a:pPr>
            <a:r>
              <a:rPr sz="1625" spc="-9" dirty="0">
                <a:latin typeface="ＭＳ Ｐゴシック"/>
                <a:cs typeface="ＭＳ Ｐゴシック"/>
              </a:rPr>
              <a:t>・非正規雇用</a:t>
            </a:r>
            <a:endParaRPr sz="1625">
              <a:latin typeface="ＭＳ Ｐゴシック"/>
              <a:cs typeface="ＭＳ Ｐゴシック"/>
            </a:endParaRPr>
          </a:p>
        </p:txBody>
      </p:sp>
      <p:sp>
        <p:nvSpPr>
          <p:cNvPr id="6" name="object 6"/>
          <p:cNvSpPr txBox="1"/>
          <p:nvPr/>
        </p:nvSpPr>
        <p:spPr>
          <a:xfrm>
            <a:off x="7284358" y="5773974"/>
            <a:ext cx="1473140" cy="494563"/>
          </a:xfrm>
          <a:prstGeom prst="rect">
            <a:avLst/>
          </a:prstGeom>
        </p:spPr>
        <p:txBody>
          <a:bodyPr vert="horz" wrap="square" lIns="0" tIns="32580" rIns="0" bIns="0" rtlCol="0">
            <a:spAutoFit/>
          </a:bodyPr>
          <a:lstStyle/>
          <a:p>
            <a:pPr marL="18462" marR="4344" indent="-8145">
              <a:lnSpc>
                <a:spcPts val="1847"/>
              </a:lnSpc>
              <a:spcBef>
                <a:spcPts val="257"/>
              </a:spcBef>
            </a:pPr>
            <a:r>
              <a:rPr sz="1625" dirty="0">
                <a:latin typeface="ＭＳ Ｐゴシック"/>
                <a:cs typeface="ＭＳ Ｐゴシック"/>
              </a:rPr>
              <a:t>７３％（675万人</a:t>
            </a:r>
            <a:r>
              <a:rPr sz="1625" spc="-43" dirty="0">
                <a:latin typeface="ＭＳ Ｐゴシック"/>
                <a:cs typeface="ＭＳ Ｐゴシック"/>
              </a:rPr>
              <a:t>） </a:t>
            </a:r>
            <a:r>
              <a:rPr sz="1625" dirty="0">
                <a:latin typeface="ＭＳ Ｐゴシック"/>
                <a:cs typeface="ＭＳ Ｐゴシック"/>
              </a:rPr>
              <a:t>２７％（253万人</a:t>
            </a:r>
            <a:r>
              <a:rPr sz="1625" spc="-43" dirty="0">
                <a:latin typeface="ＭＳ Ｐゴシック"/>
                <a:cs typeface="ＭＳ Ｐゴシック"/>
              </a:rPr>
              <a:t>）</a:t>
            </a:r>
            <a:endParaRPr sz="1625">
              <a:latin typeface="ＭＳ Ｐゴシック"/>
              <a:cs typeface="ＭＳ Ｐゴシック"/>
            </a:endParaRPr>
          </a:p>
        </p:txBody>
      </p:sp>
      <p:sp>
        <p:nvSpPr>
          <p:cNvPr id="7" name="object 7"/>
          <p:cNvSpPr/>
          <p:nvPr/>
        </p:nvSpPr>
        <p:spPr>
          <a:xfrm>
            <a:off x="316674" y="2019933"/>
            <a:ext cx="7651313" cy="2133419"/>
          </a:xfrm>
          <a:custGeom>
            <a:avLst/>
            <a:gdLst/>
            <a:ahLst/>
            <a:cxnLst/>
            <a:rect l="l" t="t" r="r" b="b"/>
            <a:pathLst>
              <a:path w="8947785" h="2494915">
                <a:moveTo>
                  <a:pt x="9144" y="0"/>
                </a:moveTo>
                <a:lnTo>
                  <a:pt x="0" y="0"/>
                </a:lnTo>
                <a:lnTo>
                  <a:pt x="0" y="2494788"/>
                </a:lnTo>
                <a:lnTo>
                  <a:pt x="9144" y="2494788"/>
                </a:lnTo>
                <a:lnTo>
                  <a:pt x="9144" y="0"/>
                </a:lnTo>
                <a:close/>
              </a:path>
              <a:path w="8947785" h="2494915">
                <a:moveTo>
                  <a:pt x="1002792" y="1746504"/>
                </a:moveTo>
                <a:lnTo>
                  <a:pt x="993648" y="1746504"/>
                </a:lnTo>
                <a:lnTo>
                  <a:pt x="993648" y="2494788"/>
                </a:lnTo>
                <a:lnTo>
                  <a:pt x="1002792" y="2494788"/>
                </a:lnTo>
                <a:lnTo>
                  <a:pt x="1002792" y="1746504"/>
                </a:lnTo>
                <a:close/>
              </a:path>
              <a:path w="8947785" h="2494915">
                <a:moveTo>
                  <a:pt x="1002792" y="0"/>
                </a:moveTo>
                <a:lnTo>
                  <a:pt x="993648" y="0"/>
                </a:lnTo>
                <a:lnTo>
                  <a:pt x="993648" y="748284"/>
                </a:lnTo>
                <a:lnTo>
                  <a:pt x="1002792" y="748284"/>
                </a:lnTo>
                <a:lnTo>
                  <a:pt x="1002792" y="0"/>
                </a:lnTo>
                <a:close/>
              </a:path>
              <a:path w="8947785" h="2494915">
                <a:moveTo>
                  <a:pt x="1994916" y="1746504"/>
                </a:moveTo>
                <a:lnTo>
                  <a:pt x="1985772" y="1746504"/>
                </a:lnTo>
                <a:lnTo>
                  <a:pt x="1985772" y="2494788"/>
                </a:lnTo>
                <a:lnTo>
                  <a:pt x="1994916" y="2494788"/>
                </a:lnTo>
                <a:lnTo>
                  <a:pt x="1994916" y="1746504"/>
                </a:lnTo>
                <a:close/>
              </a:path>
              <a:path w="8947785" h="2494915">
                <a:moveTo>
                  <a:pt x="1994916" y="0"/>
                </a:moveTo>
                <a:lnTo>
                  <a:pt x="1985772" y="0"/>
                </a:lnTo>
                <a:lnTo>
                  <a:pt x="1985772" y="748284"/>
                </a:lnTo>
                <a:lnTo>
                  <a:pt x="1994916" y="748284"/>
                </a:lnTo>
                <a:lnTo>
                  <a:pt x="1994916" y="0"/>
                </a:lnTo>
                <a:close/>
              </a:path>
              <a:path w="8947785" h="2494915">
                <a:moveTo>
                  <a:pt x="2988564" y="1746504"/>
                </a:moveTo>
                <a:lnTo>
                  <a:pt x="2979420" y="1746504"/>
                </a:lnTo>
                <a:lnTo>
                  <a:pt x="2979420" y="2494788"/>
                </a:lnTo>
                <a:lnTo>
                  <a:pt x="2988564" y="2494788"/>
                </a:lnTo>
                <a:lnTo>
                  <a:pt x="2988564" y="1746504"/>
                </a:lnTo>
                <a:close/>
              </a:path>
              <a:path w="8947785" h="2494915">
                <a:moveTo>
                  <a:pt x="2988564" y="0"/>
                </a:moveTo>
                <a:lnTo>
                  <a:pt x="2979420" y="0"/>
                </a:lnTo>
                <a:lnTo>
                  <a:pt x="2979420" y="748284"/>
                </a:lnTo>
                <a:lnTo>
                  <a:pt x="2988564" y="748284"/>
                </a:lnTo>
                <a:lnTo>
                  <a:pt x="2988564" y="0"/>
                </a:lnTo>
                <a:close/>
              </a:path>
              <a:path w="8947785" h="2494915">
                <a:moveTo>
                  <a:pt x="3982212" y="1746504"/>
                </a:moveTo>
                <a:lnTo>
                  <a:pt x="3973068" y="1746504"/>
                </a:lnTo>
                <a:lnTo>
                  <a:pt x="3973068" y="2494788"/>
                </a:lnTo>
                <a:lnTo>
                  <a:pt x="3982212" y="2494788"/>
                </a:lnTo>
                <a:lnTo>
                  <a:pt x="3982212" y="1746504"/>
                </a:lnTo>
                <a:close/>
              </a:path>
              <a:path w="8947785" h="2494915">
                <a:moveTo>
                  <a:pt x="3982212" y="0"/>
                </a:moveTo>
                <a:lnTo>
                  <a:pt x="3973068" y="0"/>
                </a:lnTo>
                <a:lnTo>
                  <a:pt x="3973068" y="748284"/>
                </a:lnTo>
                <a:lnTo>
                  <a:pt x="3982212" y="748284"/>
                </a:lnTo>
                <a:lnTo>
                  <a:pt x="3982212" y="0"/>
                </a:lnTo>
                <a:close/>
              </a:path>
              <a:path w="8947785" h="2494915">
                <a:moveTo>
                  <a:pt x="4974336" y="1746504"/>
                </a:moveTo>
                <a:lnTo>
                  <a:pt x="4965192" y="1746504"/>
                </a:lnTo>
                <a:lnTo>
                  <a:pt x="4965192" y="2494788"/>
                </a:lnTo>
                <a:lnTo>
                  <a:pt x="4974336" y="2494788"/>
                </a:lnTo>
                <a:lnTo>
                  <a:pt x="4974336" y="1746504"/>
                </a:lnTo>
                <a:close/>
              </a:path>
              <a:path w="8947785" h="2494915">
                <a:moveTo>
                  <a:pt x="4974336" y="0"/>
                </a:moveTo>
                <a:lnTo>
                  <a:pt x="4965192" y="0"/>
                </a:lnTo>
                <a:lnTo>
                  <a:pt x="4965192" y="748284"/>
                </a:lnTo>
                <a:lnTo>
                  <a:pt x="4974336" y="748284"/>
                </a:lnTo>
                <a:lnTo>
                  <a:pt x="4974336" y="0"/>
                </a:lnTo>
                <a:close/>
              </a:path>
              <a:path w="8947785" h="2494915">
                <a:moveTo>
                  <a:pt x="5967984" y="1746504"/>
                </a:moveTo>
                <a:lnTo>
                  <a:pt x="5958840" y="1746504"/>
                </a:lnTo>
                <a:lnTo>
                  <a:pt x="5958840" y="2494788"/>
                </a:lnTo>
                <a:lnTo>
                  <a:pt x="5967984" y="2494788"/>
                </a:lnTo>
                <a:lnTo>
                  <a:pt x="5967984" y="1746504"/>
                </a:lnTo>
                <a:close/>
              </a:path>
              <a:path w="8947785" h="2494915">
                <a:moveTo>
                  <a:pt x="5967984" y="0"/>
                </a:moveTo>
                <a:lnTo>
                  <a:pt x="5958840" y="0"/>
                </a:lnTo>
                <a:lnTo>
                  <a:pt x="5958840" y="748284"/>
                </a:lnTo>
                <a:lnTo>
                  <a:pt x="5967984" y="748284"/>
                </a:lnTo>
                <a:lnTo>
                  <a:pt x="5967984" y="0"/>
                </a:lnTo>
                <a:close/>
              </a:path>
              <a:path w="8947785" h="2494915">
                <a:moveTo>
                  <a:pt x="6961632" y="0"/>
                </a:moveTo>
                <a:lnTo>
                  <a:pt x="6952488" y="0"/>
                </a:lnTo>
                <a:lnTo>
                  <a:pt x="6952488" y="748284"/>
                </a:lnTo>
                <a:lnTo>
                  <a:pt x="6961632" y="748284"/>
                </a:lnTo>
                <a:lnTo>
                  <a:pt x="6961632" y="0"/>
                </a:lnTo>
                <a:close/>
              </a:path>
              <a:path w="8947785" h="2494915">
                <a:moveTo>
                  <a:pt x="7953756" y="0"/>
                </a:moveTo>
                <a:lnTo>
                  <a:pt x="7944612" y="0"/>
                </a:lnTo>
                <a:lnTo>
                  <a:pt x="7944612" y="748284"/>
                </a:lnTo>
                <a:lnTo>
                  <a:pt x="7953756" y="748284"/>
                </a:lnTo>
                <a:lnTo>
                  <a:pt x="7953756" y="0"/>
                </a:lnTo>
                <a:close/>
              </a:path>
              <a:path w="8947785" h="2494915">
                <a:moveTo>
                  <a:pt x="8947404" y="0"/>
                </a:moveTo>
                <a:lnTo>
                  <a:pt x="8938260" y="0"/>
                </a:lnTo>
                <a:lnTo>
                  <a:pt x="8938260" y="748284"/>
                </a:lnTo>
                <a:lnTo>
                  <a:pt x="8947404" y="748284"/>
                </a:lnTo>
                <a:lnTo>
                  <a:pt x="8947404" y="0"/>
                </a:lnTo>
                <a:close/>
              </a:path>
            </a:pathLst>
          </a:custGeom>
          <a:solidFill>
            <a:srgbClr val="D8D8D8"/>
          </a:solidFill>
        </p:spPr>
        <p:txBody>
          <a:bodyPr wrap="square" lIns="0" tIns="0" rIns="0" bIns="0" rtlCol="0"/>
          <a:lstStyle/>
          <a:p>
            <a:endParaRPr sz="1539"/>
          </a:p>
        </p:txBody>
      </p:sp>
      <p:sp>
        <p:nvSpPr>
          <p:cNvPr id="8" name="object 8"/>
          <p:cNvSpPr/>
          <p:nvPr/>
        </p:nvSpPr>
        <p:spPr>
          <a:xfrm>
            <a:off x="6261793" y="3513380"/>
            <a:ext cx="8145" cy="640189"/>
          </a:xfrm>
          <a:custGeom>
            <a:avLst/>
            <a:gdLst/>
            <a:ahLst/>
            <a:cxnLst/>
            <a:rect l="l" t="t" r="r" b="b"/>
            <a:pathLst>
              <a:path w="9525" h="748664">
                <a:moveTo>
                  <a:pt x="0" y="748283"/>
                </a:moveTo>
                <a:lnTo>
                  <a:pt x="9144" y="748283"/>
                </a:lnTo>
                <a:lnTo>
                  <a:pt x="9144" y="0"/>
                </a:lnTo>
                <a:lnTo>
                  <a:pt x="0" y="0"/>
                </a:lnTo>
                <a:lnTo>
                  <a:pt x="0" y="748283"/>
                </a:lnTo>
                <a:close/>
              </a:path>
            </a:pathLst>
          </a:custGeom>
          <a:solidFill>
            <a:srgbClr val="D8D8D8"/>
          </a:solidFill>
        </p:spPr>
        <p:txBody>
          <a:bodyPr wrap="square" lIns="0" tIns="0" rIns="0" bIns="0" rtlCol="0"/>
          <a:lstStyle/>
          <a:p>
            <a:endParaRPr sz="1539"/>
          </a:p>
        </p:txBody>
      </p:sp>
      <p:sp>
        <p:nvSpPr>
          <p:cNvPr id="9" name="object 9"/>
          <p:cNvSpPr/>
          <p:nvPr/>
        </p:nvSpPr>
        <p:spPr>
          <a:xfrm>
            <a:off x="7110165" y="3513380"/>
            <a:ext cx="8145" cy="640189"/>
          </a:xfrm>
          <a:custGeom>
            <a:avLst/>
            <a:gdLst/>
            <a:ahLst/>
            <a:cxnLst/>
            <a:rect l="l" t="t" r="r" b="b"/>
            <a:pathLst>
              <a:path w="9525" h="748664">
                <a:moveTo>
                  <a:pt x="0" y="748283"/>
                </a:moveTo>
                <a:lnTo>
                  <a:pt x="9144" y="748283"/>
                </a:lnTo>
                <a:lnTo>
                  <a:pt x="9144" y="0"/>
                </a:lnTo>
                <a:lnTo>
                  <a:pt x="0" y="0"/>
                </a:lnTo>
                <a:lnTo>
                  <a:pt x="0" y="748283"/>
                </a:lnTo>
                <a:close/>
              </a:path>
            </a:pathLst>
          </a:custGeom>
          <a:solidFill>
            <a:srgbClr val="D8D8D8"/>
          </a:solidFill>
        </p:spPr>
        <p:txBody>
          <a:bodyPr wrap="square" lIns="0" tIns="0" rIns="0" bIns="0" rtlCol="0"/>
          <a:lstStyle/>
          <a:p>
            <a:endParaRPr sz="1539"/>
          </a:p>
        </p:txBody>
      </p:sp>
      <p:sp>
        <p:nvSpPr>
          <p:cNvPr id="10" name="object 10"/>
          <p:cNvSpPr/>
          <p:nvPr/>
        </p:nvSpPr>
        <p:spPr>
          <a:xfrm>
            <a:off x="7959842" y="3513380"/>
            <a:ext cx="8145" cy="640189"/>
          </a:xfrm>
          <a:custGeom>
            <a:avLst/>
            <a:gdLst/>
            <a:ahLst/>
            <a:cxnLst/>
            <a:rect l="l" t="t" r="r" b="b"/>
            <a:pathLst>
              <a:path w="9525" h="748664">
                <a:moveTo>
                  <a:pt x="0" y="748283"/>
                </a:moveTo>
                <a:lnTo>
                  <a:pt x="9143" y="748283"/>
                </a:lnTo>
                <a:lnTo>
                  <a:pt x="9143" y="0"/>
                </a:lnTo>
                <a:lnTo>
                  <a:pt x="0" y="0"/>
                </a:lnTo>
                <a:lnTo>
                  <a:pt x="0" y="748283"/>
                </a:lnTo>
                <a:close/>
              </a:path>
            </a:pathLst>
          </a:custGeom>
          <a:solidFill>
            <a:srgbClr val="D8D8D8"/>
          </a:solidFill>
        </p:spPr>
        <p:txBody>
          <a:bodyPr wrap="square" lIns="0" tIns="0" rIns="0" bIns="0" rtlCol="0"/>
          <a:lstStyle/>
          <a:p>
            <a:endParaRPr sz="1539"/>
          </a:p>
        </p:txBody>
      </p:sp>
      <p:sp>
        <p:nvSpPr>
          <p:cNvPr id="11" name="object 11"/>
          <p:cNvSpPr/>
          <p:nvPr/>
        </p:nvSpPr>
        <p:spPr>
          <a:xfrm>
            <a:off x="8809517" y="2019934"/>
            <a:ext cx="8145" cy="2133419"/>
          </a:xfrm>
          <a:custGeom>
            <a:avLst/>
            <a:gdLst/>
            <a:ahLst/>
            <a:cxnLst/>
            <a:rect l="l" t="t" r="r" b="b"/>
            <a:pathLst>
              <a:path w="9525" h="2494915">
                <a:moveTo>
                  <a:pt x="9143" y="0"/>
                </a:moveTo>
                <a:lnTo>
                  <a:pt x="0" y="0"/>
                </a:lnTo>
                <a:lnTo>
                  <a:pt x="0" y="2494788"/>
                </a:lnTo>
                <a:lnTo>
                  <a:pt x="9143" y="2494788"/>
                </a:lnTo>
                <a:lnTo>
                  <a:pt x="9143" y="0"/>
                </a:lnTo>
                <a:close/>
              </a:path>
            </a:pathLst>
          </a:custGeom>
          <a:solidFill>
            <a:srgbClr val="D8D8D8"/>
          </a:solidFill>
        </p:spPr>
        <p:txBody>
          <a:bodyPr wrap="square" lIns="0" tIns="0" rIns="0" bIns="0" rtlCol="0"/>
          <a:lstStyle/>
          <a:p>
            <a:endParaRPr sz="1539"/>
          </a:p>
        </p:txBody>
      </p:sp>
      <p:sp>
        <p:nvSpPr>
          <p:cNvPr id="12" name="object 12"/>
          <p:cNvSpPr txBox="1"/>
          <p:nvPr/>
        </p:nvSpPr>
        <p:spPr>
          <a:xfrm>
            <a:off x="320583" y="2659795"/>
            <a:ext cx="4670825" cy="612186"/>
          </a:xfrm>
          <a:prstGeom prst="rect">
            <a:avLst/>
          </a:prstGeom>
          <a:solidFill>
            <a:srgbClr val="4F80BC"/>
          </a:solidFill>
        </p:spPr>
        <p:txBody>
          <a:bodyPr vert="horz" wrap="square" lIns="0" tIns="10317" rIns="0" bIns="0" rtlCol="0">
            <a:spAutoFit/>
          </a:bodyPr>
          <a:lstStyle/>
          <a:p>
            <a:pPr>
              <a:spcBef>
                <a:spcPts val="81"/>
              </a:spcBef>
            </a:pPr>
            <a:endParaRPr sz="1283">
              <a:latin typeface="Times New Roman"/>
              <a:cs typeface="Times New Roman"/>
            </a:endParaRPr>
          </a:p>
          <a:p>
            <a:pPr marL="2009057" marR="1997655" algn="ctr">
              <a:lnSpc>
                <a:spcPct val="109300"/>
              </a:lnSpc>
              <a:spcBef>
                <a:spcPts val="4"/>
              </a:spcBef>
            </a:pPr>
            <a:r>
              <a:rPr sz="1283" spc="-13" dirty="0">
                <a:latin typeface="HG丸ｺﾞｼｯｸM-PRO"/>
                <a:cs typeface="HG丸ｺﾞｼｯｸM-PRO"/>
              </a:rPr>
              <a:t>正規雇用</a:t>
            </a:r>
            <a:r>
              <a:rPr sz="1283" spc="-43" dirty="0">
                <a:latin typeface="HG丸ｺﾞｼｯｸM-PRO"/>
                <a:cs typeface="HG丸ｺﾞｼｯｸM-PRO"/>
              </a:rPr>
              <a:t> </a:t>
            </a:r>
            <a:r>
              <a:rPr sz="1283" spc="-21" dirty="0">
                <a:latin typeface="HG丸ｺﾞｼｯｸM-PRO"/>
                <a:cs typeface="HG丸ｺﾞｼｯｸM-PRO"/>
              </a:rPr>
              <a:t>275</a:t>
            </a:r>
            <a:endParaRPr sz="1283">
              <a:latin typeface="HG丸ｺﾞｼｯｸM-PRO"/>
              <a:cs typeface="HG丸ｺﾞｼｯｸM-PRO"/>
            </a:endParaRPr>
          </a:p>
        </p:txBody>
      </p:sp>
      <p:sp>
        <p:nvSpPr>
          <p:cNvPr id="13" name="object 13"/>
          <p:cNvSpPr txBox="1"/>
          <p:nvPr/>
        </p:nvSpPr>
        <p:spPr>
          <a:xfrm>
            <a:off x="4991191" y="2659796"/>
            <a:ext cx="1103905" cy="612186"/>
          </a:xfrm>
          <a:prstGeom prst="rect">
            <a:avLst/>
          </a:prstGeom>
          <a:solidFill>
            <a:srgbClr val="BF4F4D"/>
          </a:solidFill>
        </p:spPr>
        <p:txBody>
          <a:bodyPr vert="horz" wrap="square" lIns="0" tIns="10317" rIns="0" bIns="0" rtlCol="0">
            <a:spAutoFit/>
          </a:bodyPr>
          <a:lstStyle/>
          <a:p>
            <a:pPr>
              <a:spcBef>
                <a:spcPts val="81"/>
              </a:spcBef>
            </a:pPr>
            <a:endParaRPr sz="1283">
              <a:latin typeface="Times New Roman"/>
              <a:cs typeface="Times New Roman"/>
            </a:endParaRPr>
          </a:p>
          <a:p>
            <a:pPr marL="431133" marR="132489" indent="-288327">
              <a:lnSpc>
                <a:spcPct val="109300"/>
              </a:lnSpc>
              <a:spcBef>
                <a:spcPts val="4"/>
              </a:spcBef>
            </a:pPr>
            <a:r>
              <a:rPr sz="1283" spc="-9" dirty="0">
                <a:latin typeface="HG丸ｺﾞｼｯｸM-PRO"/>
                <a:cs typeface="HG丸ｺﾞｼｯｸM-PRO"/>
              </a:rPr>
              <a:t>非正規雇用</a:t>
            </a:r>
            <a:r>
              <a:rPr sz="1283" spc="-43" dirty="0">
                <a:latin typeface="HG丸ｺﾞｼｯｸM-PRO"/>
                <a:cs typeface="HG丸ｺﾞｼｯｸM-PRO"/>
              </a:rPr>
              <a:t> </a:t>
            </a:r>
            <a:r>
              <a:rPr sz="1283" spc="-21" dirty="0">
                <a:latin typeface="HG丸ｺﾞｼｯｸM-PRO"/>
                <a:cs typeface="HG丸ｺﾞｼｯｸM-PRO"/>
              </a:rPr>
              <a:t>65</a:t>
            </a:r>
            <a:endParaRPr sz="1283">
              <a:latin typeface="HG丸ｺﾞｼｯｸM-PRO"/>
              <a:cs typeface="HG丸ｺﾞｼｯｸM-PRO"/>
            </a:endParaRPr>
          </a:p>
        </p:txBody>
      </p:sp>
      <p:sp>
        <p:nvSpPr>
          <p:cNvPr id="14" name="object 14"/>
          <p:cNvSpPr txBox="1"/>
          <p:nvPr/>
        </p:nvSpPr>
        <p:spPr>
          <a:xfrm>
            <a:off x="6094986" y="2659796"/>
            <a:ext cx="1138113" cy="612186"/>
          </a:xfrm>
          <a:prstGeom prst="rect">
            <a:avLst/>
          </a:prstGeom>
          <a:solidFill>
            <a:srgbClr val="9ABA59"/>
          </a:solidFill>
        </p:spPr>
        <p:txBody>
          <a:bodyPr vert="horz" wrap="square" lIns="0" tIns="10317" rIns="0" bIns="0" rtlCol="0">
            <a:spAutoFit/>
          </a:bodyPr>
          <a:lstStyle/>
          <a:p>
            <a:pPr>
              <a:spcBef>
                <a:spcPts val="81"/>
              </a:spcBef>
            </a:pPr>
            <a:endParaRPr sz="1283">
              <a:latin typeface="Times New Roman"/>
              <a:cs typeface="Times New Roman"/>
            </a:endParaRPr>
          </a:p>
          <a:p>
            <a:pPr marL="406155" marR="395839" algn="ctr">
              <a:lnSpc>
                <a:spcPct val="109300"/>
              </a:lnSpc>
              <a:spcBef>
                <a:spcPts val="4"/>
              </a:spcBef>
            </a:pPr>
            <a:r>
              <a:rPr sz="1283" spc="-21" dirty="0">
                <a:latin typeface="HG丸ｺﾞｼｯｸM-PRO"/>
                <a:cs typeface="HG丸ｺﾞｼｯｸM-PRO"/>
              </a:rPr>
              <a:t>役員</a:t>
            </a:r>
            <a:r>
              <a:rPr sz="1283" spc="-43" dirty="0">
                <a:latin typeface="HG丸ｺﾞｼｯｸM-PRO"/>
                <a:cs typeface="HG丸ｺﾞｼｯｸM-PRO"/>
              </a:rPr>
              <a:t> </a:t>
            </a:r>
            <a:r>
              <a:rPr sz="1283" spc="-21" dirty="0">
                <a:latin typeface="HG丸ｺﾞｼｯｸM-PRO"/>
                <a:cs typeface="HG丸ｺﾞｼｯｸM-PRO"/>
              </a:rPr>
              <a:t>67</a:t>
            </a:r>
            <a:endParaRPr sz="1283">
              <a:latin typeface="HG丸ｺﾞｼｯｸM-PRO"/>
              <a:cs typeface="HG丸ｺﾞｼｯｸM-PRO"/>
            </a:endParaRPr>
          </a:p>
        </p:txBody>
      </p:sp>
      <p:sp>
        <p:nvSpPr>
          <p:cNvPr id="15" name="object 15"/>
          <p:cNvSpPr txBox="1"/>
          <p:nvPr/>
        </p:nvSpPr>
        <p:spPr>
          <a:xfrm>
            <a:off x="7232665" y="2659796"/>
            <a:ext cx="1562733" cy="641561"/>
          </a:xfrm>
          <a:prstGeom prst="rect">
            <a:avLst/>
          </a:prstGeom>
          <a:solidFill>
            <a:srgbClr val="8064A1"/>
          </a:solidFill>
        </p:spPr>
        <p:txBody>
          <a:bodyPr vert="horz" wrap="square" lIns="0" tIns="75476" rIns="0" bIns="0" rtlCol="0">
            <a:spAutoFit/>
          </a:bodyPr>
          <a:lstStyle/>
          <a:p>
            <a:pPr>
              <a:spcBef>
                <a:spcPts val="594"/>
              </a:spcBef>
            </a:pPr>
            <a:endParaRPr sz="1112">
              <a:latin typeface="Times New Roman"/>
              <a:cs typeface="Times New Roman"/>
            </a:endParaRPr>
          </a:p>
          <a:p>
            <a:pPr marL="3801" algn="ctr"/>
            <a:r>
              <a:rPr sz="1112" spc="-21" dirty="0">
                <a:latin typeface="HG丸ｺﾞｼｯｸM-PRO"/>
                <a:cs typeface="HG丸ｺﾞｼｯｸM-PRO"/>
              </a:rPr>
              <a:t>自営業主、家族従業者</a:t>
            </a:r>
            <a:endParaRPr sz="1112">
              <a:latin typeface="HG丸ｺﾞｼｯｸM-PRO"/>
              <a:cs typeface="HG丸ｺﾞｼｯｸM-PRO"/>
            </a:endParaRPr>
          </a:p>
          <a:p>
            <a:pPr marL="3258" algn="ctr">
              <a:spcBef>
                <a:spcPts val="180"/>
              </a:spcBef>
            </a:pPr>
            <a:r>
              <a:rPr sz="1283" spc="-21" dirty="0">
                <a:latin typeface="HG丸ｺﾞｼｯｸM-PRO"/>
                <a:cs typeface="HG丸ｺﾞｼｯｸM-PRO"/>
              </a:rPr>
              <a:t>92</a:t>
            </a:r>
            <a:endParaRPr sz="1283">
              <a:latin typeface="HG丸ｺﾞｼｯｸM-PRO"/>
              <a:cs typeface="HG丸ｺﾞｼｯｸM-PRO"/>
            </a:endParaRPr>
          </a:p>
        </p:txBody>
      </p:sp>
      <p:sp>
        <p:nvSpPr>
          <p:cNvPr id="16" name="object 16"/>
          <p:cNvSpPr txBox="1"/>
          <p:nvPr/>
        </p:nvSpPr>
        <p:spPr>
          <a:xfrm>
            <a:off x="278446" y="4217968"/>
            <a:ext cx="87422" cy="166064"/>
          </a:xfrm>
          <a:prstGeom prst="rect">
            <a:avLst/>
          </a:prstGeom>
        </p:spPr>
        <p:txBody>
          <a:bodyPr vert="horz" wrap="square" lIns="0" tIns="14661" rIns="0" bIns="0" rtlCol="0">
            <a:spAutoFit/>
          </a:bodyPr>
          <a:lstStyle/>
          <a:p>
            <a:pPr marL="10860">
              <a:spcBef>
                <a:spcPts val="115"/>
              </a:spcBef>
            </a:pPr>
            <a:r>
              <a:rPr sz="983" spc="-43" dirty="0">
                <a:latin typeface="Calibri"/>
                <a:cs typeface="Calibri"/>
              </a:rPr>
              <a:t>0</a:t>
            </a:r>
            <a:endParaRPr sz="983">
              <a:latin typeface="Calibri"/>
              <a:cs typeface="Calibri"/>
            </a:endParaRPr>
          </a:p>
        </p:txBody>
      </p:sp>
      <p:sp>
        <p:nvSpPr>
          <p:cNvPr id="17" name="object 17"/>
          <p:cNvSpPr txBox="1"/>
          <p:nvPr/>
        </p:nvSpPr>
        <p:spPr>
          <a:xfrm>
            <a:off x="1094240" y="4217968"/>
            <a:ext cx="152581"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50</a:t>
            </a:r>
            <a:endParaRPr sz="983">
              <a:latin typeface="Calibri"/>
              <a:cs typeface="Calibri"/>
            </a:endParaRPr>
          </a:p>
        </p:txBody>
      </p:sp>
      <p:sp>
        <p:nvSpPr>
          <p:cNvPr id="18" name="object 18"/>
          <p:cNvSpPr txBox="1"/>
          <p:nvPr/>
        </p:nvSpPr>
        <p:spPr>
          <a:xfrm>
            <a:off x="1911335"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100</a:t>
            </a:r>
            <a:endParaRPr sz="983">
              <a:latin typeface="Calibri"/>
              <a:cs typeface="Calibri"/>
            </a:endParaRPr>
          </a:p>
        </p:txBody>
      </p:sp>
      <p:sp>
        <p:nvSpPr>
          <p:cNvPr id="19" name="object 19"/>
          <p:cNvSpPr txBox="1"/>
          <p:nvPr/>
        </p:nvSpPr>
        <p:spPr>
          <a:xfrm>
            <a:off x="2761011"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150</a:t>
            </a:r>
            <a:endParaRPr sz="983">
              <a:latin typeface="Calibri"/>
              <a:cs typeface="Calibri"/>
            </a:endParaRPr>
          </a:p>
        </p:txBody>
      </p:sp>
      <p:sp>
        <p:nvSpPr>
          <p:cNvPr id="20" name="object 20"/>
          <p:cNvSpPr txBox="1"/>
          <p:nvPr/>
        </p:nvSpPr>
        <p:spPr>
          <a:xfrm>
            <a:off x="3609382"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200</a:t>
            </a:r>
            <a:endParaRPr sz="983">
              <a:latin typeface="Calibri"/>
              <a:cs typeface="Calibri"/>
            </a:endParaRPr>
          </a:p>
        </p:txBody>
      </p:sp>
      <p:sp>
        <p:nvSpPr>
          <p:cNvPr id="21" name="object 21"/>
          <p:cNvSpPr txBox="1"/>
          <p:nvPr/>
        </p:nvSpPr>
        <p:spPr>
          <a:xfrm>
            <a:off x="4459058"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250</a:t>
            </a:r>
            <a:endParaRPr sz="983">
              <a:latin typeface="Calibri"/>
              <a:cs typeface="Calibri"/>
            </a:endParaRPr>
          </a:p>
        </p:txBody>
      </p:sp>
      <p:sp>
        <p:nvSpPr>
          <p:cNvPr id="22" name="object 22"/>
          <p:cNvSpPr txBox="1"/>
          <p:nvPr/>
        </p:nvSpPr>
        <p:spPr>
          <a:xfrm>
            <a:off x="5308732"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300</a:t>
            </a:r>
            <a:endParaRPr sz="983">
              <a:latin typeface="Calibri"/>
              <a:cs typeface="Calibri"/>
            </a:endParaRPr>
          </a:p>
        </p:txBody>
      </p:sp>
      <p:sp>
        <p:nvSpPr>
          <p:cNvPr id="23" name="object 23"/>
          <p:cNvSpPr txBox="1"/>
          <p:nvPr/>
        </p:nvSpPr>
        <p:spPr>
          <a:xfrm>
            <a:off x="6157105"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350</a:t>
            </a:r>
            <a:endParaRPr sz="983">
              <a:latin typeface="Calibri"/>
              <a:cs typeface="Calibri"/>
            </a:endParaRPr>
          </a:p>
        </p:txBody>
      </p:sp>
      <p:sp>
        <p:nvSpPr>
          <p:cNvPr id="24" name="object 24"/>
          <p:cNvSpPr txBox="1"/>
          <p:nvPr/>
        </p:nvSpPr>
        <p:spPr>
          <a:xfrm>
            <a:off x="7006781"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400</a:t>
            </a:r>
            <a:endParaRPr sz="983">
              <a:latin typeface="Calibri"/>
              <a:cs typeface="Calibri"/>
            </a:endParaRPr>
          </a:p>
        </p:txBody>
      </p:sp>
      <p:sp>
        <p:nvSpPr>
          <p:cNvPr id="25" name="object 25"/>
          <p:cNvSpPr txBox="1"/>
          <p:nvPr/>
        </p:nvSpPr>
        <p:spPr>
          <a:xfrm>
            <a:off x="7856456"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450</a:t>
            </a:r>
            <a:endParaRPr sz="983">
              <a:latin typeface="Calibri"/>
              <a:cs typeface="Calibri"/>
            </a:endParaRPr>
          </a:p>
        </p:txBody>
      </p:sp>
      <p:sp>
        <p:nvSpPr>
          <p:cNvPr id="26" name="object 26"/>
          <p:cNvSpPr txBox="1"/>
          <p:nvPr/>
        </p:nvSpPr>
        <p:spPr>
          <a:xfrm>
            <a:off x="8704827" y="4217968"/>
            <a:ext cx="217740" cy="166064"/>
          </a:xfrm>
          <a:prstGeom prst="rect">
            <a:avLst/>
          </a:prstGeom>
        </p:spPr>
        <p:txBody>
          <a:bodyPr vert="horz" wrap="square" lIns="0" tIns="14661" rIns="0" bIns="0" rtlCol="0">
            <a:spAutoFit/>
          </a:bodyPr>
          <a:lstStyle/>
          <a:p>
            <a:pPr marL="10860">
              <a:spcBef>
                <a:spcPts val="115"/>
              </a:spcBef>
            </a:pPr>
            <a:r>
              <a:rPr sz="983" spc="-21" dirty="0">
                <a:latin typeface="Calibri"/>
                <a:cs typeface="Calibri"/>
              </a:rPr>
              <a:t>500</a:t>
            </a:r>
            <a:endParaRPr sz="983">
              <a:latin typeface="Calibri"/>
              <a:cs typeface="Calibri"/>
            </a:endParaRPr>
          </a:p>
        </p:txBody>
      </p:sp>
      <p:sp>
        <p:nvSpPr>
          <p:cNvPr id="27" name="object 27"/>
          <p:cNvSpPr/>
          <p:nvPr/>
        </p:nvSpPr>
        <p:spPr>
          <a:xfrm>
            <a:off x="314067" y="2026448"/>
            <a:ext cx="8450055" cy="2599850"/>
          </a:xfrm>
          <a:custGeom>
            <a:avLst/>
            <a:gdLst/>
            <a:ahLst/>
            <a:cxnLst/>
            <a:rect l="l" t="t" r="r" b="b"/>
            <a:pathLst>
              <a:path w="9881870" h="3040379">
                <a:moveTo>
                  <a:pt x="6694932" y="1837944"/>
                </a:moveTo>
                <a:lnTo>
                  <a:pt x="6684264" y="1837944"/>
                </a:lnTo>
                <a:lnTo>
                  <a:pt x="6684264" y="1898904"/>
                </a:lnTo>
                <a:lnTo>
                  <a:pt x="6682740" y="1958340"/>
                </a:lnTo>
                <a:lnTo>
                  <a:pt x="6681216" y="1987296"/>
                </a:lnTo>
                <a:lnTo>
                  <a:pt x="6679603" y="2016252"/>
                </a:lnTo>
                <a:lnTo>
                  <a:pt x="6678168" y="2043684"/>
                </a:lnTo>
                <a:lnTo>
                  <a:pt x="6676555" y="2071116"/>
                </a:lnTo>
                <a:lnTo>
                  <a:pt x="6675120" y="2097036"/>
                </a:lnTo>
                <a:lnTo>
                  <a:pt x="6672072" y="2122932"/>
                </a:lnTo>
                <a:lnTo>
                  <a:pt x="6667500" y="2171700"/>
                </a:lnTo>
                <a:lnTo>
                  <a:pt x="6661404" y="2217420"/>
                </a:lnTo>
                <a:lnTo>
                  <a:pt x="6655308" y="2260092"/>
                </a:lnTo>
                <a:lnTo>
                  <a:pt x="6647688" y="2298192"/>
                </a:lnTo>
                <a:lnTo>
                  <a:pt x="6644640" y="2316480"/>
                </a:lnTo>
                <a:lnTo>
                  <a:pt x="6640068" y="2333244"/>
                </a:lnTo>
                <a:lnTo>
                  <a:pt x="6637020" y="2348484"/>
                </a:lnTo>
                <a:lnTo>
                  <a:pt x="6627876" y="2375916"/>
                </a:lnTo>
                <a:lnTo>
                  <a:pt x="6623304" y="2388108"/>
                </a:lnTo>
                <a:lnTo>
                  <a:pt x="6614160" y="2406396"/>
                </a:lnTo>
                <a:lnTo>
                  <a:pt x="6609588" y="2414016"/>
                </a:lnTo>
                <a:lnTo>
                  <a:pt x="6606540" y="2421636"/>
                </a:lnTo>
                <a:lnTo>
                  <a:pt x="6600444" y="2426208"/>
                </a:lnTo>
                <a:lnTo>
                  <a:pt x="6601968" y="2426208"/>
                </a:lnTo>
                <a:lnTo>
                  <a:pt x="6595872" y="2429256"/>
                </a:lnTo>
                <a:lnTo>
                  <a:pt x="6597396" y="2429256"/>
                </a:lnTo>
                <a:lnTo>
                  <a:pt x="6592824" y="2430780"/>
                </a:lnTo>
                <a:lnTo>
                  <a:pt x="3445764" y="2430780"/>
                </a:lnTo>
                <a:lnTo>
                  <a:pt x="3441192" y="2432304"/>
                </a:lnTo>
                <a:lnTo>
                  <a:pt x="3439668" y="2432304"/>
                </a:lnTo>
                <a:lnTo>
                  <a:pt x="3435096" y="2435352"/>
                </a:lnTo>
                <a:lnTo>
                  <a:pt x="3433572" y="2435352"/>
                </a:lnTo>
                <a:lnTo>
                  <a:pt x="3429000" y="2439924"/>
                </a:lnTo>
                <a:lnTo>
                  <a:pt x="3427476" y="2439924"/>
                </a:lnTo>
                <a:lnTo>
                  <a:pt x="3418332" y="2452116"/>
                </a:lnTo>
                <a:lnTo>
                  <a:pt x="3412236" y="2461260"/>
                </a:lnTo>
                <a:lnTo>
                  <a:pt x="3407664" y="2470404"/>
                </a:lnTo>
                <a:lnTo>
                  <a:pt x="3403092" y="2481072"/>
                </a:lnTo>
                <a:lnTo>
                  <a:pt x="3398520" y="2494788"/>
                </a:lnTo>
                <a:lnTo>
                  <a:pt x="3393948" y="2506980"/>
                </a:lnTo>
                <a:lnTo>
                  <a:pt x="3390900" y="2522220"/>
                </a:lnTo>
                <a:lnTo>
                  <a:pt x="3386328" y="2537460"/>
                </a:lnTo>
                <a:lnTo>
                  <a:pt x="3381756" y="2554224"/>
                </a:lnTo>
                <a:lnTo>
                  <a:pt x="3375660" y="2590800"/>
                </a:lnTo>
                <a:lnTo>
                  <a:pt x="3371088" y="2610612"/>
                </a:lnTo>
                <a:lnTo>
                  <a:pt x="3364992" y="2653284"/>
                </a:lnTo>
                <a:lnTo>
                  <a:pt x="3361944" y="2676144"/>
                </a:lnTo>
                <a:lnTo>
                  <a:pt x="3358896" y="2700528"/>
                </a:lnTo>
                <a:lnTo>
                  <a:pt x="3357372" y="2724912"/>
                </a:lnTo>
                <a:lnTo>
                  <a:pt x="3354324" y="2749296"/>
                </a:lnTo>
                <a:lnTo>
                  <a:pt x="3352800" y="2775204"/>
                </a:lnTo>
                <a:lnTo>
                  <a:pt x="3349752" y="2802636"/>
                </a:lnTo>
                <a:lnTo>
                  <a:pt x="3347466" y="2843784"/>
                </a:lnTo>
                <a:lnTo>
                  <a:pt x="3345180" y="2802636"/>
                </a:lnTo>
                <a:lnTo>
                  <a:pt x="3342132" y="2775204"/>
                </a:lnTo>
                <a:lnTo>
                  <a:pt x="3340608" y="2749296"/>
                </a:lnTo>
                <a:lnTo>
                  <a:pt x="3337560" y="2724912"/>
                </a:lnTo>
                <a:lnTo>
                  <a:pt x="3336036" y="2700528"/>
                </a:lnTo>
                <a:lnTo>
                  <a:pt x="3332988" y="2676144"/>
                </a:lnTo>
                <a:lnTo>
                  <a:pt x="3329940" y="2653284"/>
                </a:lnTo>
                <a:lnTo>
                  <a:pt x="3323844" y="2610612"/>
                </a:lnTo>
                <a:lnTo>
                  <a:pt x="3319272" y="2590800"/>
                </a:lnTo>
                <a:lnTo>
                  <a:pt x="3316224" y="2572512"/>
                </a:lnTo>
                <a:lnTo>
                  <a:pt x="3311652" y="2554224"/>
                </a:lnTo>
                <a:lnTo>
                  <a:pt x="3308604" y="2537460"/>
                </a:lnTo>
                <a:lnTo>
                  <a:pt x="3299460" y="2506980"/>
                </a:lnTo>
                <a:lnTo>
                  <a:pt x="3285744" y="2470404"/>
                </a:lnTo>
                <a:lnTo>
                  <a:pt x="3268980" y="2442972"/>
                </a:lnTo>
                <a:lnTo>
                  <a:pt x="3261360" y="2435352"/>
                </a:lnTo>
                <a:lnTo>
                  <a:pt x="3259836" y="2435352"/>
                </a:lnTo>
                <a:lnTo>
                  <a:pt x="3255264" y="2432304"/>
                </a:lnTo>
                <a:lnTo>
                  <a:pt x="3253740" y="2432304"/>
                </a:lnTo>
                <a:lnTo>
                  <a:pt x="3247644" y="2430780"/>
                </a:lnTo>
                <a:lnTo>
                  <a:pt x="102108" y="2430780"/>
                </a:lnTo>
                <a:lnTo>
                  <a:pt x="97536" y="2429256"/>
                </a:lnTo>
                <a:lnTo>
                  <a:pt x="92964" y="2426208"/>
                </a:lnTo>
                <a:lnTo>
                  <a:pt x="89916" y="2421636"/>
                </a:lnTo>
                <a:lnTo>
                  <a:pt x="85344" y="2415540"/>
                </a:lnTo>
                <a:lnTo>
                  <a:pt x="67056" y="2375916"/>
                </a:lnTo>
                <a:lnTo>
                  <a:pt x="54864" y="2333244"/>
                </a:lnTo>
                <a:lnTo>
                  <a:pt x="50292" y="2316480"/>
                </a:lnTo>
                <a:lnTo>
                  <a:pt x="47244" y="2298192"/>
                </a:lnTo>
                <a:lnTo>
                  <a:pt x="42672" y="2279904"/>
                </a:lnTo>
                <a:lnTo>
                  <a:pt x="39624" y="2260092"/>
                </a:lnTo>
                <a:lnTo>
                  <a:pt x="33528" y="2217420"/>
                </a:lnTo>
                <a:lnTo>
                  <a:pt x="27432" y="2171700"/>
                </a:lnTo>
                <a:lnTo>
                  <a:pt x="24384" y="2147316"/>
                </a:lnTo>
                <a:lnTo>
                  <a:pt x="22860" y="2122932"/>
                </a:lnTo>
                <a:lnTo>
                  <a:pt x="19812" y="2097036"/>
                </a:lnTo>
                <a:lnTo>
                  <a:pt x="18288" y="2069592"/>
                </a:lnTo>
                <a:lnTo>
                  <a:pt x="16764" y="2043684"/>
                </a:lnTo>
                <a:lnTo>
                  <a:pt x="15240" y="2014728"/>
                </a:lnTo>
                <a:lnTo>
                  <a:pt x="13716" y="1987296"/>
                </a:lnTo>
                <a:lnTo>
                  <a:pt x="12192" y="1958340"/>
                </a:lnTo>
                <a:lnTo>
                  <a:pt x="10668" y="1898904"/>
                </a:lnTo>
                <a:lnTo>
                  <a:pt x="10668" y="1837944"/>
                </a:lnTo>
                <a:lnTo>
                  <a:pt x="0" y="1837944"/>
                </a:lnTo>
                <a:lnTo>
                  <a:pt x="0" y="1898904"/>
                </a:lnTo>
                <a:lnTo>
                  <a:pt x="1524" y="1958340"/>
                </a:lnTo>
                <a:lnTo>
                  <a:pt x="4572" y="2016252"/>
                </a:lnTo>
                <a:lnTo>
                  <a:pt x="7620" y="2071116"/>
                </a:lnTo>
                <a:lnTo>
                  <a:pt x="10668" y="2097036"/>
                </a:lnTo>
                <a:lnTo>
                  <a:pt x="12192" y="2122932"/>
                </a:lnTo>
                <a:lnTo>
                  <a:pt x="15240" y="2148840"/>
                </a:lnTo>
                <a:lnTo>
                  <a:pt x="16764" y="2173224"/>
                </a:lnTo>
                <a:lnTo>
                  <a:pt x="22860" y="2218944"/>
                </a:lnTo>
                <a:lnTo>
                  <a:pt x="28956" y="2261616"/>
                </a:lnTo>
                <a:lnTo>
                  <a:pt x="33528" y="2281428"/>
                </a:lnTo>
                <a:lnTo>
                  <a:pt x="36576" y="2301240"/>
                </a:lnTo>
                <a:lnTo>
                  <a:pt x="39624" y="2318004"/>
                </a:lnTo>
                <a:lnTo>
                  <a:pt x="48755" y="2351532"/>
                </a:lnTo>
                <a:lnTo>
                  <a:pt x="53340" y="2365248"/>
                </a:lnTo>
                <a:lnTo>
                  <a:pt x="56388" y="2378964"/>
                </a:lnTo>
                <a:lnTo>
                  <a:pt x="60960" y="2391156"/>
                </a:lnTo>
                <a:lnTo>
                  <a:pt x="70104" y="2412492"/>
                </a:lnTo>
                <a:lnTo>
                  <a:pt x="76200" y="2420112"/>
                </a:lnTo>
                <a:lnTo>
                  <a:pt x="80772" y="2427732"/>
                </a:lnTo>
                <a:lnTo>
                  <a:pt x="86868" y="2433828"/>
                </a:lnTo>
                <a:lnTo>
                  <a:pt x="91440" y="2436876"/>
                </a:lnTo>
                <a:lnTo>
                  <a:pt x="91440" y="2438400"/>
                </a:lnTo>
                <a:lnTo>
                  <a:pt x="92964" y="2438400"/>
                </a:lnTo>
                <a:lnTo>
                  <a:pt x="97536" y="2439924"/>
                </a:lnTo>
                <a:lnTo>
                  <a:pt x="99060" y="2441448"/>
                </a:lnTo>
                <a:lnTo>
                  <a:pt x="3246120" y="2441448"/>
                </a:lnTo>
                <a:lnTo>
                  <a:pt x="3252216" y="2442972"/>
                </a:lnTo>
                <a:lnTo>
                  <a:pt x="3250692" y="2441448"/>
                </a:lnTo>
                <a:lnTo>
                  <a:pt x="3255264" y="2444496"/>
                </a:lnTo>
                <a:lnTo>
                  <a:pt x="3255264" y="2442972"/>
                </a:lnTo>
                <a:lnTo>
                  <a:pt x="3259836" y="2447544"/>
                </a:lnTo>
                <a:lnTo>
                  <a:pt x="3258312" y="2447544"/>
                </a:lnTo>
                <a:lnTo>
                  <a:pt x="3264408" y="2452116"/>
                </a:lnTo>
                <a:lnTo>
                  <a:pt x="3268980" y="2458212"/>
                </a:lnTo>
                <a:lnTo>
                  <a:pt x="3272028" y="2465832"/>
                </a:lnTo>
                <a:lnTo>
                  <a:pt x="3276600" y="2474976"/>
                </a:lnTo>
                <a:lnTo>
                  <a:pt x="3281172" y="2485644"/>
                </a:lnTo>
                <a:lnTo>
                  <a:pt x="3290316" y="2510028"/>
                </a:lnTo>
                <a:lnTo>
                  <a:pt x="3294888" y="2525268"/>
                </a:lnTo>
                <a:lnTo>
                  <a:pt x="3297936" y="2540508"/>
                </a:lnTo>
                <a:lnTo>
                  <a:pt x="3302508" y="2557272"/>
                </a:lnTo>
                <a:lnTo>
                  <a:pt x="3305556" y="2574036"/>
                </a:lnTo>
                <a:lnTo>
                  <a:pt x="3310128" y="2593848"/>
                </a:lnTo>
                <a:lnTo>
                  <a:pt x="3316224" y="2633472"/>
                </a:lnTo>
                <a:lnTo>
                  <a:pt x="3319272" y="2654808"/>
                </a:lnTo>
                <a:lnTo>
                  <a:pt x="3322320" y="2677668"/>
                </a:lnTo>
                <a:lnTo>
                  <a:pt x="3325368" y="2702052"/>
                </a:lnTo>
                <a:lnTo>
                  <a:pt x="3328416" y="2724912"/>
                </a:lnTo>
                <a:lnTo>
                  <a:pt x="3329940" y="2750820"/>
                </a:lnTo>
                <a:lnTo>
                  <a:pt x="3332988" y="2776728"/>
                </a:lnTo>
                <a:lnTo>
                  <a:pt x="3334512" y="2802636"/>
                </a:lnTo>
                <a:lnTo>
                  <a:pt x="3337560" y="2857500"/>
                </a:lnTo>
                <a:lnTo>
                  <a:pt x="3340608" y="2915412"/>
                </a:lnTo>
                <a:lnTo>
                  <a:pt x="3342132" y="2974848"/>
                </a:lnTo>
                <a:lnTo>
                  <a:pt x="3342132" y="3038856"/>
                </a:lnTo>
                <a:lnTo>
                  <a:pt x="3345180" y="3040380"/>
                </a:lnTo>
                <a:lnTo>
                  <a:pt x="3349752" y="3040380"/>
                </a:lnTo>
                <a:lnTo>
                  <a:pt x="3352800" y="3038856"/>
                </a:lnTo>
                <a:lnTo>
                  <a:pt x="3352800" y="3035808"/>
                </a:lnTo>
                <a:lnTo>
                  <a:pt x="3352800" y="2974848"/>
                </a:lnTo>
                <a:lnTo>
                  <a:pt x="3354324" y="2915412"/>
                </a:lnTo>
                <a:lnTo>
                  <a:pt x="3357372" y="2857500"/>
                </a:lnTo>
                <a:lnTo>
                  <a:pt x="3360420" y="2802636"/>
                </a:lnTo>
                <a:lnTo>
                  <a:pt x="3364992" y="2750820"/>
                </a:lnTo>
                <a:lnTo>
                  <a:pt x="3366516" y="2724912"/>
                </a:lnTo>
                <a:lnTo>
                  <a:pt x="3375660" y="2654808"/>
                </a:lnTo>
                <a:lnTo>
                  <a:pt x="3381756" y="2612136"/>
                </a:lnTo>
                <a:lnTo>
                  <a:pt x="3389376" y="2574036"/>
                </a:lnTo>
                <a:lnTo>
                  <a:pt x="3392424" y="2557272"/>
                </a:lnTo>
                <a:lnTo>
                  <a:pt x="3396996" y="2540508"/>
                </a:lnTo>
                <a:lnTo>
                  <a:pt x="3400044" y="2525268"/>
                </a:lnTo>
                <a:lnTo>
                  <a:pt x="3404616" y="2510028"/>
                </a:lnTo>
                <a:lnTo>
                  <a:pt x="3413760" y="2485644"/>
                </a:lnTo>
                <a:lnTo>
                  <a:pt x="3416808" y="2474976"/>
                </a:lnTo>
                <a:lnTo>
                  <a:pt x="3421380" y="2465832"/>
                </a:lnTo>
                <a:lnTo>
                  <a:pt x="3425952" y="2458212"/>
                </a:lnTo>
                <a:lnTo>
                  <a:pt x="3430524" y="2452116"/>
                </a:lnTo>
                <a:lnTo>
                  <a:pt x="3439668" y="2442972"/>
                </a:lnTo>
                <a:lnTo>
                  <a:pt x="3439668" y="2444496"/>
                </a:lnTo>
                <a:lnTo>
                  <a:pt x="3441954" y="2442972"/>
                </a:lnTo>
                <a:lnTo>
                  <a:pt x="3444240" y="2441448"/>
                </a:lnTo>
                <a:lnTo>
                  <a:pt x="3442716" y="2442972"/>
                </a:lnTo>
                <a:lnTo>
                  <a:pt x="3447288" y="2441448"/>
                </a:lnTo>
                <a:lnTo>
                  <a:pt x="6595872" y="2441448"/>
                </a:lnTo>
                <a:lnTo>
                  <a:pt x="6595872" y="2439924"/>
                </a:lnTo>
                <a:lnTo>
                  <a:pt x="6597396" y="2439924"/>
                </a:lnTo>
                <a:lnTo>
                  <a:pt x="6601968" y="2438400"/>
                </a:lnTo>
                <a:lnTo>
                  <a:pt x="6603492" y="2436876"/>
                </a:lnTo>
                <a:lnTo>
                  <a:pt x="6608064" y="2433828"/>
                </a:lnTo>
                <a:lnTo>
                  <a:pt x="6612636" y="2427732"/>
                </a:lnTo>
                <a:lnTo>
                  <a:pt x="6618732" y="2420112"/>
                </a:lnTo>
                <a:lnTo>
                  <a:pt x="6623304" y="2412492"/>
                </a:lnTo>
                <a:lnTo>
                  <a:pt x="6646164" y="2351532"/>
                </a:lnTo>
                <a:lnTo>
                  <a:pt x="6653784" y="2318004"/>
                </a:lnTo>
                <a:lnTo>
                  <a:pt x="6658356" y="2301240"/>
                </a:lnTo>
                <a:lnTo>
                  <a:pt x="6661404" y="2281428"/>
                </a:lnTo>
                <a:lnTo>
                  <a:pt x="6665976" y="2261616"/>
                </a:lnTo>
                <a:lnTo>
                  <a:pt x="6672072" y="2218944"/>
                </a:lnTo>
                <a:lnTo>
                  <a:pt x="6678168" y="2173224"/>
                </a:lnTo>
                <a:lnTo>
                  <a:pt x="6679692" y="2148840"/>
                </a:lnTo>
                <a:lnTo>
                  <a:pt x="6682740" y="2122932"/>
                </a:lnTo>
                <a:lnTo>
                  <a:pt x="6684264" y="2097036"/>
                </a:lnTo>
                <a:lnTo>
                  <a:pt x="6687312" y="2071116"/>
                </a:lnTo>
                <a:lnTo>
                  <a:pt x="6690436" y="2014728"/>
                </a:lnTo>
                <a:lnTo>
                  <a:pt x="6691884" y="1987296"/>
                </a:lnTo>
                <a:lnTo>
                  <a:pt x="6691884" y="1958340"/>
                </a:lnTo>
                <a:lnTo>
                  <a:pt x="6693408" y="1898904"/>
                </a:lnTo>
                <a:lnTo>
                  <a:pt x="6694932" y="1837944"/>
                </a:lnTo>
                <a:close/>
              </a:path>
              <a:path w="9881870" h="3040379">
                <a:moveTo>
                  <a:pt x="9881616" y="548640"/>
                </a:moveTo>
                <a:lnTo>
                  <a:pt x="9880092" y="521208"/>
                </a:lnTo>
                <a:lnTo>
                  <a:pt x="9880092" y="493776"/>
                </a:lnTo>
                <a:lnTo>
                  <a:pt x="9877044" y="441960"/>
                </a:lnTo>
                <a:lnTo>
                  <a:pt x="9875520" y="419100"/>
                </a:lnTo>
                <a:lnTo>
                  <a:pt x="9872472" y="396240"/>
                </a:lnTo>
                <a:lnTo>
                  <a:pt x="9870948" y="374904"/>
                </a:lnTo>
                <a:lnTo>
                  <a:pt x="9867900" y="355092"/>
                </a:lnTo>
                <a:lnTo>
                  <a:pt x="9864852" y="336804"/>
                </a:lnTo>
                <a:lnTo>
                  <a:pt x="9860280" y="321564"/>
                </a:lnTo>
                <a:lnTo>
                  <a:pt x="9857232" y="307848"/>
                </a:lnTo>
                <a:lnTo>
                  <a:pt x="9854184" y="301752"/>
                </a:lnTo>
                <a:lnTo>
                  <a:pt x="9852660" y="295656"/>
                </a:lnTo>
                <a:lnTo>
                  <a:pt x="9851136" y="291084"/>
                </a:lnTo>
                <a:lnTo>
                  <a:pt x="9848088" y="286512"/>
                </a:lnTo>
                <a:lnTo>
                  <a:pt x="9846564" y="281940"/>
                </a:lnTo>
                <a:lnTo>
                  <a:pt x="9840468" y="275844"/>
                </a:lnTo>
                <a:lnTo>
                  <a:pt x="9837420" y="274320"/>
                </a:lnTo>
                <a:lnTo>
                  <a:pt x="9837420" y="272796"/>
                </a:lnTo>
                <a:lnTo>
                  <a:pt x="9834372" y="272796"/>
                </a:lnTo>
                <a:lnTo>
                  <a:pt x="9834372" y="271272"/>
                </a:lnTo>
                <a:lnTo>
                  <a:pt x="4985004" y="271272"/>
                </a:lnTo>
                <a:lnTo>
                  <a:pt x="4981956" y="269748"/>
                </a:lnTo>
                <a:lnTo>
                  <a:pt x="4980432" y="268224"/>
                </a:lnTo>
                <a:lnTo>
                  <a:pt x="4977384" y="262128"/>
                </a:lnTo>
                <a:lnTo>
                  <a:pt x="4974336" y="257556"/>
                </a:lnTo>
                <a:lnTo>
                  <a:pt x="4971288" y="248412"/>
                </a:lnTo>
                <a:lnTo>
                  <a:pt x="4969764" y="242316"/>
                </a:lnTo>
                <a:lnTo>
                  <a:pt x="4965192" y="228600"/>
                </a:lnTo>
                <a:lnTo>
                  <a:pt x="4956048" y="176784"/>
                </a:lnTo>
                <a:lnTo>
                  <a:pt x="4951476" y="134112"/>
                </a:lnTo>
                <a:lnTo>
                  <a:pt x="4948428" y="109728"/>
                </a:lnTo>
                <a:lnTo>
                  <a:pt x="4946904" y="85344"/>
                </a:lnTo>
                <a:lnTo>
                  <a:pt x="4946904" y="59436"/>
                </a:lnTo>
                <a:lnTo>
                  <a:pt x="4945380" y="32004"/>
                </a:lnTo>
                <a:lnTo>
                  <a:pt x="4945380" y="1524"/>
                </a:lnTo>
                <a:lnTo>
                  <a:pt x="4943856" y="0"/>
                </a:lnTo>
                <a:lnTo>
                  <a:pt x="4937760" y="0"/>
                </a:lnTo>
                <a:lnTo>
                  <a:pt x="4934712" y="1524"/>
                </a:lnTo>
                <a:lnTo>
                  <a:pt x="4934712" y="4572"/>
                </a:lnTo>
                <a:lnTo>
                  <a:pt x="4934712" y="59436"/>
                </a:lnTo>
                <a:lnTo>
                  <a:pt x="4933188" y="85344"/>
                </a:lnTo>
                <a:lnTo>
                  <a:pt x="4930140" y="134112"/>
                </a:lnTo>
                <a:lnTo>
                  <a:pt x="4927092" y="155448"/>
                </a:lnTo>
                <a:lnTo>
                  <a:pt x="4925568" y="176784"/>
                </a:lnTo>
                <a:lnTo>
                  <a:pt x="4922520" y="196596"/>
                </a:lnTo>
                <a:lnTo>
                  <a:pt x="4919472" y="213360"/>
                </a:lnTo>
                <a:lnTo>
                  <a:pt x="4914900" y="228600"/>
                </a:lnTo>
                <a:lnTo>
                  <a:pt x="4911852" y="242316"/>
                </a:lnTo>
                <a:lnTo>
                  <a:pt x="4910328" y="248412"/>
                </a:lnTo>
                <a:lnTo>
                  <a:pt x="4908804" y="252984"/>
                </a:lnTo>
                <a:lnTo>
                  <a:pt x="4905756" y="257556"/>
                </a:lnTo>
                <a:lnTo>
                  <a:pt x="4904232" y="262128"/>
                </a:lnTo>
                <a:lnTo>
                  <a:pt x="4901184" y="268224"/>
                </a:lnTo>
                <a:lnTo>
                  <a:pt x="4898136" y="269748"/>
                </a:lnTo>
                <a:lnTo>
                  <a:pt x="4899660" y="269748"/>
                </a:lnTo>
                <a:lnTo>
                  <a:pt x="4896612" y="271272"/>
                </a:lnTo>
                <a:lnTo>
                  <a:pt x="4898136" y="269748"/>
                </a:lnTo>
                <a:lnTo>
                  <a:pt x="4895088" y="271272"/>
                </a:lnTo>
                <a:lnTo>
                  <a:pt x="47244" y="271272"/>
                </a:lnTo>
                <a:lnTo>
                  <a:pt x="47244" y="272796"/>
                </a:lnTo>
                <a:lnTo>
                  <a:pt x="44196" y="272796"/>
                </a:lnTo>
                <a:lnTo>
                  <a:pt x="41135" y="275844"/>
                </a:lnTo>
                <a:lnTo>
                  <a:pt x="39624" y="275844"/>
                </a:lnTo>
                <a:lnTo>
                  <a:pt x="38100" y="278892"/>
                </a:lnTo>
                <a:lnTo>
                  <a:pt x="36576" y="278892"/>
                </a:lnTo>
                <a:lnTo>
                  <a:pt x="35052" y="281940"/>
                </a:lnTo>
                <a:lnTo>
                  <a:pt x="32004" y="286512"/>
                </a:lnTo>
                <a:lnTo>
                  <a:pt x="30480" y="291084"/>
                </a:lnTo>
                <a:lnTo>
                  <a:pt x="27432" y="295656"/>
                </a:lnTo>
                <a:lnTo>
                  <a:pt x="24384" y="307848"/>
                </a:lnTo>
                <a:lnTo>
                  <a:pt x="13716" y="355092"/>
                </a:lnTo>
                <a:lnTo>
                  <a:pt x="7620" y="396240"/>
                </a:lnTo>
                <a:lnTo>
                  <a:pt x="6096" y="419100"/>
                </a:lnTo>
                <a:lnTo>
                  <a:pt x="3048" y="441960"/>
                </a:lnTo>
                <a:lnTo>
                  <a:pt x="1524" y="467868"/>
                </a:lnTo>
                <a:lnTo>
                  <a:pt x="1524" y="493776"/>
                </a:lnTo>
                <a:lnTo>
                  <a:pt x="0" y="521208"/>
                </a:lnTo>
                <a:lnTo>
                  <a:pt x="0" y="548640"/>
                </a:lnTo>
                <a:lnTo>
                  <a:pt x="10668" y="548640"/>
                </a:lnTo>
                <a:lnTo>
                  <a:pt x="10668" y="493776"/>
                </a:lnTo>
                <a:lnTo>
                  <a:pt x="12192" y="467868"/>
                </a:lnTo>
                <a:lnTo>
                  <a:pt x="15240" y="419100"/>
                </a:lnTo>
                <a:lnTo>
                  <a:pt x="21336" y="376428"/>
                </a:lnTo>
                <a:lnTo>
                  <a:pt x="30480" y="324612"/>
                </a:lnTo>
                <a:lnTo>
                  <a:pt x="36576" y="304800"/>
                </a:lnTo>
                <a:lnTo>
                  <a:pt x="41135" y="291084"/>
                </a:lnTo>
                <a:lnTo>
                  <a:pt x="44196" y="288036"/>
                </a:lnTo>
                <a:lnTo>
                  <a:pt x="45720" y="284988"/>
                </a:lnTo>
                <a:lnTo>
                  <a:pt x="47244" y="283464"/>
                </a:lnTo>
                <a:lnTo>
                  <a:pt x="50292" y="281940"/>
                </a:lnTo>
                <a:lnTo>
                  <a:pt x="4898136" y="281940"/>
                </a:lnTo>
                <a:lnTo>
                  <a:pt x="4899660" y="280416"/>
                </a:lnTo>
                <a:lnTo>
                  <a:pt x="4902708" y="280416"/>
                </a:lnTo>
                <a:lnTo>
                  <a:pt x="4902708" y="278892"/>
                </a:lnTo>
                <a:lnTo>
                  <a:pt x="4905756" y="277368"/>
                </a:lnTo>
                <a:lnTo>
                  <a:pt x="4908804" y="274320"/>
                </a:lnTo>
                <a:lnTo>
                  <a:pt x="4910328" y="271272"/>
                </a:lnTo>
                <a:lnTo>
                  <a:pt x="4913376" y="266700"/>
                </a:lnTo>
                <a:lnTo>
                  <a:pt x="4914900" y="262128"/>
                </a:lnTo>
                <a:lnTo>
                  <a:pt x="4917948" y="257556"/>
                </a:lnTo>
                <a:lnTo>
                  <a:pt x="4920996" y="245364"/>
                </a:lnTo>
                <a:lnTo>
                  <a:pt x="4931664" y="198120"/>
                </a:lnTo>
                <a:lnTo>
                  <a:pt x="4937760" y="156972"/>
                </a:lnTo>
                <a:lnTo>
                  <a:pt x="4942421" y="109728"/>
                </a:lnTo>
                <a:lnTo>
                  <a:pt x="4942332" y="111252"/>
                </a:lnTo>
                <a:lnTo>
                  <a:pt x="4940808" y="134112"/>
                </a:lnTo>
                <a:lnTo>
                  <a:pt x="4943856" y="156972"/>
                </a:lnTo>
                <a:lnTo>
                  <a:pt x="4945380" y="178308"/>
                </a:lnTo>
                <a:lnTo>
                  <a:pt x="4948428" y="198120"/>
                </a:lnTo>
                <a:lnTo>
                  <a:pt x="4951476" y="214884"/>
                </a:lnTo>
                <a:lnTo>
                  <a:pt x="4956048" y="231648"/>
                </a:lnTo>
                <a:lnTo>
                  <a:pt x="4959096" y="245364"/>
                </a:lnTo>
                <a:lnTo>
                  <a:pt x="4960620" y="251460"/>
                </a:lnTo>
                <a:lnTo>
                  <a:pt x="4963668" y="257556"/>
                </a:lnTo>
                <a:lnTo>
                  <a:pt x="4965192" y="262128"/>
                </a:lnTo>
                <a:lnTo>
                  <a:pt x="4968240" y="266700"/>
                </a:lnTo>
                <a:lnTo>
                  <a:pt x="4969764" y="271272"/>
                </a:lnTo>
                <a:lnTo>
                  <a:pt x="4977384" y="278892"/>
                </a:lnTo>
                <a:lnTo>
                  <a:pt x="4978908" y="278892"/>
                </a:lnTo>
                <a:lnTo>
                  <a:pt x="4978908" y="280416"/>
                </a:lnTo>
                <a:lnTo>
                  <a:pt x="4981956" y="280416"/>
                </a:lnTo>
                <a:lnTo>
                  <a:pt x="4981956" y="281940"/>
                </a:lnTo>
                <a:lnTo>
                  <a:pt x="9831324" y="281940"/>
                </a:lnTo>
                <a:lnTo>
                  <a:pt x="9834372" y="283464"/>
                </a:lnTo>
                <a:lnTo>
                  <a:pt x="9832848" y="283464"/>
                </a:lnTo>
                <a:lnTo>
                  <a:pt x="9835896" y="284988"/>
                </a:lnTo>
                <a:lnTo>
                  <a:pt x="9838944" y="291084"/>
                </a:lnTo>
                <a:lnTo>
                  <a:pt x="9841992" y="295656"/>
                </a:lnTo>
                <a:lnTo>
                  <a:pt x="9845040" y="304800"/>
                </a:lnTo>
                <a:lnTo>
                  <a:pt x="9846564" y="310896"/>
                </a:lnTo>
                <a:lnTo>
                  <a:pt x="9851136" y="324612"/>
                </a:lnTo>
                <a:lnTo>
                  <a:pt x="9860280" y="376428"/>
                </a:lnTo>
                <a:lnTo>
                  <a:pt x="9864852" y="419100"/>
                </a:lnTo>
                <a:lnTo>
                  <a:pt x="9867900" y="467868"/>
                </a:lnTo>
                <a:lnTo>
                  <a:pt x="9870948" y="521208"/>
                </a:lnTo>
                <a:lnTo>
                  <a:pt x="9870948" y="548640"/>
                </a:lnTo>
                <a:lnTo>
                  <a:pt x="9881616" y="548640"/>
                </a:lnTo>
                <a:close/>
              </a:path>
            </a:pathLst>
          </a:custGeom>
          <a:solidFill>
            <a:srgbClr val="000000"/>
          </a:solidFill>
        </p:spPr>
        <p:txBody>
          <a:bodyPr wrap="square" lIns="0" tIns="0" rIns="0" bIns="0" rtlCol="0"/>
          <a:lstStyle/>
          <a:p>
            <a:endParaRPr sz="1539"/>
          </a:p>
        </p:txBody>
      </p:sp>
      <p:sp>
        <p:nvSpPr>
          <p:cNvPr id="28" name="object 28"/>
          <p:cNvSpPr txBox="1"/>
          <p:nvPr/>
        </p:nvSpPr>
        <p:spPr>
          <a:xfrm>
            <a:off x="3314863" y="1636363"/>
            <a:ext cx="2187718" cy="237487"/>
          </a:xfrm>
          <a:prstGeom prst="rect">
            <a:avLst/>
          </a:prstGeom>
        </p:spPr>
        <p:txBody>
          <a:bodyPr vert="horz" wrap="square" lIns="0" tIns="13575" rIns="0" bIns="0" rtlCol="0">
            <a:spAutoFit/>
          </a:bodyPr>
          <a:lstStyle/>
          <a:p>
            <a:pPr marL="10860">
              <a:spcBef>
                <a:spcPts val="107"/>
              </a:spcBef>
            </a:pPr>
            <a:r>
              <a:rPr sz="1454" spc="-4" dirty="0">
                <a:latin typeface="ＭＳ Ｐゴシック"/>
                <a:cs typeface="ＭＳ Ｐゴシック"/>
              </a:rPr>
              <a:t>建設業就業者数：５００万人</a:t>
            </a:r>
            <a:endParaRPr sz="1454">
              <a:latin typeface="ＭＳ Ｐゴシック"/>
              <a:cs typeface="ＭＳ Ｐゴシック"/>
            </a:endParaRPr>
          </a:p>
        </p:txBody>
      </p:sp>
      <p:sp>
        <p:nvSpPr>
          <p:cNvPr id="29" name="object 29"/>
          <p:cNvSpPr txBox="1"/>
          <p:nvPr/>
        </p:nvSpPr>
        <p:spPr>
          <a:xfrm>
            <a:off x="1681974" y="4713178"/>
            <a:ext cx="3312257" cy="684084"/>
          </a:xfrm>
          <a:prstGeom prst="rect">
            <a:avLst/>
          </a:prstGeom>
        </p:spPr>
        <p:txBody>
          <a:bodyPr vert="horz" wrap="square" lIns="0" tIns="13575" rIns="0" bIns="0" rtlCol="0">
            <a:spAutoFit/>
          </a:bodyPr>
          <a:lstStyle/>
          <a:p>
            <a:pPr marL="10860">
              <a:spcBef>
                <a:spcPts val="107"/>
              </a:spcBef>
            </a:pPr>
            <a:r>
              <a:rPr sz="1454" dirty="0">
                <a:latin typeface="ＭＳ Ｐゴシック"/>
                <a:cs typeface="ＭＳ Ｐゴシック"/>
              </a:rPr>
              <a:t>雇用者（役員除く）：</a:t>
            </a:r>
            <a:r>
              <a:rPr sz="1454" spc="-9" dirty="0">
                <a:latin typeface="ＭＳ Ｐゴシック"/>
                <a:cs typeface="ＭＳ Ｐゴシック"/>
              </a:rPr>
              <a:t>３４０万人</a:t>
            </a:r>
            <a:endParaRPr sz="1454">
              <a:latin typeface="ＭＳ Ｐゴシック"/>
              <a:cs typeface="ＭＳ Ｐゴシック"/>
            </a:endParaRPr>
          </a:p>
          <a:p>
            <a:pPr marL="882356" marR="4344" indent="-373033">
              <a:lnSpc>
                <a:spcPct val="105900"/>
              </a:lnSpc>
              <a:tabLst>
                <a:tab pos="1804894" algn="l"/>
                <a:tab pos="2039465" algn="l"/>
              </a:tabLst>
            </a:pPr>
            <a:r>
              <a:rPr sz="1454" dirty="0">
                <a:latin typeface="ＭＳ Ｐゴシック"/>
                <a:cs typeface="ＭＳ Ｐゴシック"/>
              </a:rPr>
              <a:t>うち、正規雇</a:t>
            </a:r>
            <a:r>
              <a:rPr sz="1454" spc="-43" dirty="0">
                <a:latin typeface="ＭＳ Ｐゴシック"/>
                <a:cs typeface="ＭＳ Ｐゴシック"/>
              </a:rPr>
              <a:t>用</a:t>
            </a:r>
            <a:r>
              <a:rPr sz="1454" dirty="0">
                <a:latin typeface="ＭＳ Ｐゴシック"/>
                <a:cs typeface="ＭＳ Ｐゴシック"/>
              </a:rPr>
              <a:t>	：２７５万人</a:t>
            </a:r>
            <a:r>
              <a:rPr sz="1454" spc="-9" dirty="0">
                <a:latin typeface="ＭＳ Ｐゴシック"/>
                <a:cs typeface="ＭＳ Ｐゴシック"/>
              </a:rPr>
              <a:t>（８１％）</a:t>
            </a:r>
            <a:r>
              <a:rPr sz="1454" dirty="0">
                <a:latin typeface="ＭＳ Ｐゴシック"/>
                <a:cs typeface="ＭＳ Ｐゴシック"/>
              </a:rPr>
              <a:t>非正規雇用</a:t>
            </a:r>
            <a:r>
              <a:rPr sz="1454" spc="-43" dirty="0">
                <a:latin typeface="ＭＳ Ｐゴシック"/>
                <a:cs typeface="ＭＳ Ｐゴシック"/>
              </a:rPr>
              <a:t>：</a:t>
            </a:r>
            <a:r>
              <a:rPr sz="1454" dirty="0">
                <a:latin typeface="ＭＳ Ｐゴシック"/>
                <a:cs typeface="ＭＳ Ｐゴシック"/>
              </a:rPr>
              <a:t>	６５万人</a:t>
            </a:r>
            <a:r>
              <a:rPr sz="1454" spc="-9" dirty="0">
                <a:latin typeface="ＭＳ Ｐゴシック"/>
                <a:cs typeface="ＭＳ Ｐゴシック"/>
              </a:rPr>
              <a:t>（１９％）</a:t>
            </a:r>
            <a:endParaRPr sz="1454">
              <a:latin typeface="ＭＳ Ｐゴシック"/>
              <a:cs typeface="ＭＳ Ｐゴシック"/>
            </a:endParaRPr>
          </a:p>
        </p:txBody>
      </p:sp>
      <p:sp>
        <p:nvSpPr>
          <p:cNvPr id="30" name="object 30"/>
          <p:cNvSpPr txBox="1">
            <a:spLocks noGrp="1"/>
          </p:cNvSpPr>
          <p:nvPr>
            <p:ph type="title"/>
          </p:nvPr>
        </p:nvSpPr>
        <p:spPr>
          <a:xfrm>
            <a:off x="226320" y="312447"/>
            <a:ext cx="4345680" cy="351951"/>
          </a:xfrm>
          <a:prstGeom prst="rect">
            <a:avLst/>
          </a:prstGeom>
        </p:spPr>
        <p:txBody>
          <a:bodyPr vert="horz" wrap="square" lIns="0" tIns="9774" rIns="0" bIns="0" rtlCol="0" anchor="ctr">
            <a:spAutoFit/>
          </a:bodyPr>
          <a:lstStyle/>
          <a:p>
            <a:pPr marL="10860">
              <a:lnSpc>
                <a:spcPct val="100000"/>
              </a:lnSpc>
              <a:spcBef>
                <a:spcPts val="77"/>
              </a:spcBef>
            </a:pPr>
            <a:r>
              <a:rPr sz="2223" spc="-34" dirty="0">
                <a:solidFill>
                  <a:srgbClr val="3F87C8"/>
                </a:solidFill>
              </a:rPr>
              <a:t>建設業における雇用形態について</a:t>
            </a:r>
            <a:endParaRPr sz="2223" dirty="0"/>
          </a:p>
        </p:txBody>
      </p:sp>
      <p:sp>
        <p:nvSpPr>
          <p:cNvPr id="31" name="object 31"/>
          <p:cNvSpPr txBox="1"/>
          <p:nvPr/>
        </p:nvSpPr>
        <p:spPr>
          <a:xfrm>
            <a:off x="8285202" y="4485121"/>
            <a:ext cx="733040" cy="166064"/>
          </a:xfrm>
          <a:prstGeom prst="rect">
            <a:avLst/>
          </a:prstGeom>
        </p:spPr>
        <p:txBody>
          <a:bodyPr vert="horz" wrap="square" lIns="0" tIns="14661" rIns="0" bIns="0" rtlCol="0">
            <a:spAutoFit/>
          </a:bodyPr>
          <a:lstStyle/>
          <a:p>
            <a:pPr marL="10860">
              <a:spcBef>
                <a:spcPts val="115"/>
              </a:spcBef>
            </a:pPr>
            <a:r>
              <a:rPr sz="983" dirty="0">
                <a:latin typeface="ＭＳ Ｐゴシック"/>
                <a:cs typeface="ＭＳ Ｐゴシック"/>
              </a:rPr>
              <a:t>（単位：万人</a:t>
            </a:r>
            <a:r>
              <a:rPr sz="983" spc="-43" dirty="0">
                <a:latin typeface="ＭＳ Ｐゴシック"/>
                <a:cs typeface="ＭＳ Ｐゴシック"/>
              </a:rPr>
              <a:t>）</a:t>
            </a:r>
            <a:endParaRPr sz="983">
              <a:latin typeface="ＭＳ Ｐゴシック"/>
              <a:cs typeface="ＭＳ Ｐゴシック"/>
            </a:endParaRPr>
          </a:p>
        </p:txBody>
      </p:sp>
      <p:sp>
        <p:nvSpPr>
          <p:cNvPr id="32" name="object 32"/>
          <p:cNvSpPr txBox="1"/>
          <p:nvPr/>
        </p:nvSpPr>
        <p:spPr>
          <a:xfrm>
            <a:off x="5926441" y="6336948"/>
            <a:ext cx="2743200" cy="152435"/>
          </a:xfrm>
          <a:prstGeom prst="rect">
            <a:avLst/>
          </a:prstGeom>
        </p:spPr>
        <p:txBody>
          <a:bodyPr vert="horz" wrap="square" lIns="0" tIns="14118" rIns="0" bIns="0" rtlCol="0">
            <a:spAutoFit/>
          </a:bodyPr>
          <a:lstStyle/>
          <a:p>
            <a:pPr marL="10860">
              <a:spcBef>
                <a:spcPts val="111"/>
              </a:spcBef>
            </a:pPr>
            <a:r>
              <a:rPr sz="898" spc="-4" dirty="0">
                <a:latin typeface="ＭＳ Ｐゴシック"/>
                <a:cs typeface="ＭＳ Ｐゴシック"/>
              </a:rPr>
              <a:t>※出所：総務省「労働力調査」を元に国土交通省で作成</a:t>
            </a:r>
            <a:endParaRPr sz="898">
              <a:latin typeface="ＭＳ Ｐゴシック"/>
              <a:cs typeface="ＭＳ Ｐゴシック"/>
            </a:endParaRPr>
          </a:p>
        </p:txBody>
      </p:sp>
      <p:sp>
        <p:nvSpPr>
          <p:cNvPr id="33" name="object 33"/>
          <p:cNvSpPr txBox="1"/>
          <p:nvPr/>
        </p:nvSpPr>
        <p:spPr>
          <a:xfrm>
            <a:off x="226320" y="5663203"/>
            <a:ext cx="3468638" cy="158491"/>
          </a:xfrm>
          <a:prstGeom prst="rect">
            <a:avLst/>
          </a:prstGeom>
        </p:spPr>
        <p:txBody>
          <a:bodyPr vert="horz" wrap="square" lIns="0" tIns="13575" rIns="0" bIns="0" rtlCol="0">
            <a:spAutoFit/>
          </a:bodyPr>
          <a:lstStyle/>
          <a:p>
            <a:pPr marL="10860">
              <a:spcBef>
                <a:spcPts val="107"/>
              </a:spcBef>
            </a:pPr>
            <a:r>
              <a:rPr sz="941" spc="-4" dirty="0">
                <a:latin typeface="ＭＳ ゴシック"/>
                <a:cs typeface="ＭＳ ゴシック"/>
              </a:rPr>
              <a:t>※雇用形態については、「労働力調査」上、以下のように分類</a:t>
            </a:r>
            <a:endParaRPr sz="941">
              <a:latin typeface="ＭＳ ゴシック"/>
              <a:cs typeface="ＭＳ ゴシック"/>
            </a:endParaRPr>
          </a:p>
        </p:txBody>
      </p:sp>
      <p:sp>
        <p:nvSpPr>
          <p:cNvPr id="34" name="object 34"/>
          <p:cNvSpPr txBox="1"/>
          <p:nvPr/>
        </p:nvSpPr>
        <p:spPr>
          <a:xfrm>
            <a:off x="348818" y="5897775"/>
            <a:ext cx="5070467" cy="158491"/>
          </a:xfrm>
          <a:prstGeom prst="rect">
            <a:avLst/>
          </a:prstGeom>
        </p:spPr>
        <p:txBody>
          <a:bodyPr vert="horz" wrap="square" lIns="0" tIns="13575" rIns="0" bIns="0" rtlCol="0">
            <a:spAutoFit/>
          </a:bodyPr>
          <a:lstStyle/>
          <a:p>
            <a:pPr marL="10860">
              <a:spcBef>
                <a:spcPts val="107"/>
              </a:spcBef>
              <a:tabLst>
                <a:tab pos="627152" algn="l"/>
              </a:tabLst>
            </a:pPr>
            <a:r>
              <a:rPr sz="941" dirty="0">
                <a:latin typeface="ＭＳ ゴシック"/>
                <a:cs typeface="ＭＳ ゴシック"/>
              </a:rPr>
              <a:t>正規雇</a:t>
            </a:r>
            <a:r>
              <a:rPr sz="941" spc="-43" dirty="0">
                <a:latin typeface="ＭＳ ゴシック"/>
                <a:cs typeface="ＭＳ ゴシック"/>
              </a:rPr>
              <a:t>用</a:t>
            </a:r>
            <a:r>
              <a:rPr sz="941" dirty="0">
                <a:latin typeface="ＭＳ ゴシック"/>
                <a:cs typeface="ＭＳ ゴシック"/>
              </a:rPr>
              <a:t>	：正規の職員・従業員（一般的に、時期の定めのない、フルタイムの労働契約</a:t>
            </a:r>
            <a:r>
              <a:rPr sz="941" spc="-43" dirty="0">
                <a:latin typeface="ＭＳ ゴシック"/>
                <a:cs typeface="ＭＳ ゴシック"/>
              </a:rPr>
              <a:t>）</a:t>
            </a:r>
            <a:endParaRPr sz="941">
              <a:latin typeface="ＭＳ ゴシック"/>
              <a:cs typeface="ＭＳ ゴシック"/>
            </a:endParaRPr>
          </a:p>
        </p:txBody>
      </p:sp>
      <p:sp>
        <p:nvSpPr>
          <p:cNvPr id="35" name="object 35"/>
          <p:cNvSpPr txBox="1"/>
          <p:nvPr/>
        </p:nvSpPr>
        <p:spPr>
          <a:xfrm>
            <a:off x="348818" y="6132349"/>
            <a:ext cx="5194270" cy="158491"/>
          </a:xfrm>
          <a:prstGeom prst="rect">
            <a:avLst/>
          </a:prstGeom>
        </p:spPr>
        <p:txBody>
          <a:bodyPr vert="horz" wrap="square" lIns="0" tIns="13575" rIns="0" bIns="0" rtlCol="0">
            <a:spAutoFit/>
          </a:bodyPr>
          <a:lstStyle/>
          <a:p>
            <a:pPr marL="10860">
              <a:spcBef>
                <a:spcPts val="107"/>
              </a:spcBef>
            </a:pPr>
            <a:r>
              <a:rPr sz="941" dirty="0">
                <a:latin typeface="ＭＳ ゴシック"/>
                <a:cs typeface="ＭＳ ゴシック"/>
              </a:rPr>
              <a:t>非正規雇用：パート（通常の正社員より短い労働時間）、アルバイト、契約社員（</a:t>
            </a:r>
            <a:r>
              <a:rPr sz="941" spc="-9" dirty="0">
                <a:latin typeface="ＭＳ ゴシック"/>
                <a:cs typeface="ＭＳ ゴシック"/>
              </a:rPr>
              <a:t>期間の定め</a:t>
            </a:r>
            <a:endParaRPr sz="941">
              <a:latin typeface="ＭＳ ゴシック"/>
              <a:cs typeface="ＭＳ ゴシック"/>
            </a:endParaRPr>
          </a:p>
        </p:txBody>
      </p:sp>
      <p:sp>
        <p:nvSpPr>
          <p:cNvPr id="36" name="object 36"/>
          <p:cNvSpPr txBox="1"/>
          <p:nvPr/>
        </p:nvSpPr>
        <p:spPr>
          <a:xfrm>
            <a:off x="1059052" y="6366922"/>
            <a:ext cx="2237131" cy="158491"/>
          </a:xfrm>
          <a:prstGeom prst="rect">
            <a:avLst/>
          </a:prstGeom>
        </p:spPr>
        <p:txBody>
          <a:bodyPr vert="horz" wrap="square" lIns="0" tIns="13575" rIns="0" bIns="0" rtlCol="0">
            <a:spAutoFit/>
          </a:bodyPr>
          <a:lstStyle/>
          <a:p>
            <a:pPr marL="10860">
              <a:spcBef>
                <a:spcPts val="107"/>
              </a:spcBef>
            </a:pPr>
            <a:r>
              <a:rPr sz="941" dirty="0">
                <a:latin typeface="ＭＳ ゴシック"/>
                <a:cs typeface="ＭＳ ゴシック"/>
              </a:rPr>
              <a:t>がある労働契約）</a:t>
            </a:r>
            <a:r>
              <a:rPr sz="941" spc="-4" dirty="0">
                <a:latin typeface="ＭＳ ゴシック"/>
                <a:cs typeface="ＭＳ ゴシック"/>
              </a:rPr>
              <a:t>、嘱託社員等上記以外</a:t>
            </a:r>
            <a:endParaRPr sz="941">
              <a:latin typeface="ＭＳ ゴシック"/>
              <a:cs typeface="ＭＳ ゴシック"/>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887468" y="4979461"/>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4" name="object 4"/>
          <p:cNvSpPr/>
          <p:nvPr/>
        </p:nvSpPr>
        <p:spPr>
          <a:xfrm>
            <a:off x="887468" y="4873904"/>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5" name="object 5"/>
          <p:cNvSpPr/>
          <p:nvPr/>
        </p:nvSpPr>
        <p:spPr>
          <a:xfrm>
            <a:off x="887468" y="4769650"/>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6" name="object 6"/>
          <p:cNvSpPr/>
          <p:nvPr/>
        </p:nvSpPr>
        <p:spPr>
          <a:xfrm>
            <a:off x="887468" y="4664092"/>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7" name="object 7"/>
          <p:cNvSpPr/>
          <p:nvPr/>
        </p:nvSpPr>
        <p:spPr>
          <a:xfrm>
            <a:off x="887468" y="4454280"/>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8" name="object 8"/>
          <p:cNvSpPr/>
          <p:nvPr/>
        </p:nvSpPr>
        <p:spPr>
          <a:xfrm>
            <a:off x="887468" y="4348722"/>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9" name="object 9"/>
          <p:cNvSpPr/>
          <p:nvPr/>
        </p:nvSpPr>
        <p:spPr>
          <a:xfrm>
            <a:off x="887468" y="4243164"/>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10" name="object 10"/>
          <p:cNvSpPr/>
          <p:nvPr/>
        </p:nvSpPr>
        <p:spPr>
          <a:xfrm>
            <a:off x="887468" y="4138908"/>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11" name="object 11"/>
          <p:cNvSpPr/>
          <p:nvPr/>
        </p:nvSpPr>
        <p:spPr>
          <a:xfrm>
            <a:off x="887468" y="3927793"/>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12" name="object 12"/>
          <p:cNvSpPr/>
          <p:nvPr/>
        </p:nvSpPr>
        <p:spPr>
          <a:xfrm>
            <a:off x="887468" y="3823538"/>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13" name="object 13"/>
          <p:cNvSpPr/>
          <p:nvPr/>
        </p:nvSpPr>
        <p:spPr>
          <a:xfrm>
            <a:off x="887468" y="3717981"/>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14" name="object 14"/>
          <p:cNvSpPr/>
          <p:nvPr/>
        </p:nvSpPr>
        <p:spPr>
          <a:xfrm>
            <a:off x="887468" y="3612423"/>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15" name="object 15"/>
          <p:cNvSpPr/>
          <p:nvPr/>
        </p:nvSpPr>
        <p:spPr>
          <a:xfrm>
            <a:off x="887468" y="3402611"/>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16" name="object 16"/>
          <p:cNvSpPr/>
          <p:nvPr/>
        </p:nvSpPr>
        <p:spPr>
          <a:xfrm>
            <a:off x="887468" y="3297053"/>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17" name="object 17"/>
          <p:cNvSpPr/>
          <p:nvPr/>
        </p:nvSpPr>
        <p:spPr>
          <a:xfrm>
            <a:off x="887468" y="3192798"/>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18" name="object 18"/>
          <p:cNvSpPr/>
          <p:nvPr/>
        </p:nvSpPr>
        <p:spPr>
          <a:xfrm>
            <a:off x="887468" y="3087240"/>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19" name="object 19"/>
          <p:cNvSpPr/>
          <p:nvPr/>
        </p:nvSpPr>
        <p:spPr>
          <a:xfrm>
            <a:off x="887468" y="2877428"/>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20" name="object 20"/>
          <p:cNvSpPr/>
          <p:nvPr/>
        </p:nvSpPr>
        <p:spPr>
          <a:xfrm>
            <a:off x="887468" y="2771870"/>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21" name="object 21"/>
          <p:cNvSpPr/>
          <p:nvPr/>
        </p:nvSpPr>
        <p:spPr>
          <a:xfrm>
            <a:off x="887468" y="2666313"/>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22" name="object 22"/>
          <p:cNvSpPr/>
          <p:nvPr/>
        </p:nvSpPr>
        <p:spPr>
          <a:xfrm>
            <a:off x="887468" y="2560755"/>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23" name="object 23"/>
          <p:cNvSpPr/>
          <p:nvPr/>
        </p:nvSpPr>
        <p:spPr>
          <a:xfrm>
            <a:off x="887468" y="2350941"/>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24" name="object 24"/>
          <p:cNvSpPr/>
          <p:nvPr/>
        </p:nvSpPr>
        <p:spPr>
          <a:xfrm>
            <a:off x="887468" y="2245384"/>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25" name="object 25"/>
          <p:cNvSpPr/>
          <p:nvPr/>
        </p:nvSpPr>
        <p:spPr>
          <a:xfrm>
            <a:off x="887468" y="2141130"/>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F2F2F2"/>
          </a:solidFill>
        </p:spPr>
        <p:txBody>
          <a:bodyPr wrap="square" lIns="0" tIns="0" rIns="0" bIns="0" rtlCol="0"/>
          <a:lstStyle/>
          <a:p>
            <a:endParaRPr sz="1539"/>
          </a:p>
        </p:txBody>
      </p:sp>
      <p:sp>
        <p:nvSpPr>
          <p:cNvPr id="26" name="object 26"/>
          <p:cNvSpPr/>
          <p:nvPr/>
        </p:nvSpPr>
        <p:spPr>
          <a:xfrm>
            <a:off x="887468" y="2035572"/>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F2F2F2"/>
          </a:solidFill>
        </p:spPr>
        <p:txBody>
          <a:bodyPr wrap="square" lIns="0" tIns="0" rIns="0" bIns="0" rtlCol="0"/>
          <a:lstStyle/>
          <a:p>
            <a:endParaRPr sz="1539"/>
          </a:p>
        </p:txBody>
      </p:sp>
      <p:sp>
        <p:nvSpPr>
          <p:cNvPr id="27" name="object 27"/>
          <p:cNvSpPr/>
          <p:nvPr/>
        </p:nvSpPr>
        <p:spPr>
          <a:xfrm>
            <a:off x="887468" y="4558534"/>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D8D8D8"/>
          </a:solidFill>
        </p:spPr>
        <p:txBody>
          <a:bodyPr wrap="square" lIns="0" tIns="0" rIns="0" bIns="0" rtlCol="0"/>
          <a:lstStyle/>
          <a:p>
            <a:endParaRPr sz="1539"/>
          </a:p>
        </p:txBody>
      </p:sp>
      <p:sp>
        <p:nvSpPr>
          <p:cNvPr id="28" name="object 28"/>
          <p:cNvSpPr/>
          <p:nvPr/>
        </p:nvSpPr>
        <p:spPr>
          <a:xfrm>
            <a:off x="887468" y="4033351"/>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D8D8D8"/>
          </a:solidFill>
        </p:spPr>
        <p:txBody>
          <a:bodyPr wrap="square" lIns="0" tIns="0" rIns="0" bIns="0" rtlCol="0"/>
          <a:lstStyle/>
          <a:p>
            <a:endParaRPr sz="1539"/>
          </a:p>
        </p:txBody>
      </p:sp>
      <p:sp>
        <p:nvSpPr>
          <p:cNvPr id="29" name="object 29"/>
          <p:cNvSpPr/>
          <p:nvPr/>
        </p:nvSpPr>
        <p:spPr>
          <a:xfrm>
            <a:off x="887468" y="3508169"/>
            <a:ext cx="7547058" cy="814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D8D8D8"/>
          </a:solidFill>
        </p:spPr>
        <p:txBody>
          <a:bodyPr wrap="square" lIns="0" tIns="0" rIns="0" bIns="0" rtlCol="0"/>
          <a:lstStyle/>
          <a:p>
            <a:endParaRPr sz="1539"/>
          </a:p>
        </p:txBody>
      </p:sp>
      <p:sp>
        <p:nvSpPr>
          <p:cNvPr id="30" name="object 30"/>
          <p:cNvSpPr/>
          <p:nvPr/>
        </p:nvSpPr>
        <p:spPr>
          <a:xfrm>
            <a:off x="887468" y="2981682"/>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D8D8D8"/>
          </a:solidFill>
        </p:spPr>
        <p:txBody>
          <a:bodyPr wrap="square" lIns="0" tIns="0" rIns="0" bIns="0" rtlCol="0"/>
          <a:lstStyle/>
          <a:p>
            <a:endParaRPr sz="1539"/>
          </a:p>
        </p:txBody>
      </p:sp>
      <p:sp>
        <p:nvSpPr>
          <p:cNvPr id="31" name="object 31"/>
          <p:cNvSpPr/>
          <p:nvPr/>
        </p:nvSpPr>
        <p:spPr>
          <a:xfrm>
            <a:off x="887468" y="2456499"/>
            <a:ext cx="7547058" cy="8145"/>
          </a:xfrm>
          <a:custGeom>
            <a:avLst/>
            <a:gdLst/>
            <a:ahLst/>
            <a:cxnLst/>
            <a:rect l="l" t="t" r="r" b="b"/>
            <a:pathLst>
              <a:path w="8825865" h="9525">
                <a:moveTo>
                  <a:pt x="8825484" y="0"/>
                </a:moveTo>
                <a:lnTo>
                  <a:pt x="0" y="0"/>
                </a:lnTo>
                <a:lnTo>
                  <a:pt x="0" y="9144"/>
                </a:lnTo>
                <a:lnTo>
                  <a:pt x="8825484" y="9144"/>
                </a:lnTo>
                <a:lnTo>
                  <a:pt x="8825484" y="0"/>
                </a:lnTo>
                <a:close/>
              </a:path>
            </a:pathLst>
          </a:custGeom>
          <a:solidFill>
            <a:srgbClr val="D8D8D8"/>
          </a:solidFill>
        </p:spPr>
        <p:txBody>
          <a:bodyPr wrap="square" lIns="0" tIns="0" rIns="0" bIns="0" rtlCol="0"/>
          <a:lstStyle/>
          <a:p>
            <a:endParaRPr sz="1539"/>
          </a:p>
        </p:txBody>
      </p:sp>
      <p:grpSp>
        <p:nvGrpSpPr>
          <p:cNvPr id="32" name="object 32"/>
          <p:cNvGrpSpPr/>
          <p:nvPr/>
        </p:nvGrpSpPr>
        <p:grpSpPr>
          <a:xfrm>
            <a:off x="883558" y="1867461"/>
            <a:ext cx="7554660" cy="3225378"/>
            <a:chOff x="1033272" y="1955292"/>
            <a:chExt cx="8834755" cy="3771900"/>
          </a:xfrm>
        </p:grpSpPr>
        <p:sp>
          <p:nvSpPr>
            <p:cNvPr id="33" name="object 33"/>
            <p:cNvSpPr/>
            <p:nvPr/>
          </p:nvSpPr>
          <p:spPr>
            <a:xfrm>
              <a:off x="1037844" y="2028444"/>
              <a:ext cx="8825865" cy="952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D8D8D8"/>
            </a:solidFill>
          </p:spPr>
          <p:txBody>
            <a:bodyPr wrap="square" lIns="0" tIns="0" rIns="0" bIns="0" rtlCol="0"/>
            <a:lstStyle/>
            <a:p>
              <a:endParaRPr sz="1539"/>
            </a:p>
          </p:txBody>
        </p:sp>
        <p:sp>
          <p:nvSpPr>
            <p:cNvPr id="34" name="object 34"/>
            <p:cNvSpPr/>
            <p:nvPr/>
          </p:nvSpPr>
          <p:spPr>
            <a:xfrm>
              <a:off x="1033272" y="2033015"/>
              <a:ext cx="7193280" cy="3689985"/>
            </a:xfrm>
            <a:custGeom>
              <a:avLst/>
              <a:gdLst/>
              <a:ahLst/>
              <a:cxnLst/>
              <a:rect l="l" t="t" r="r" b="b"/>
              <a:pathLst>
                <a:path w="7193280" h="3689985">
                  <a:moveTo>
                    <a:pt x="9144" y="0"/>
                  </a:moveTo>
                  <a:lnTo>
                    <a:pt x="0" y="0"/>
                  </a:lnTo>
                  <a:lnTo>
                    <a:pt x="0" y="3689604"/>
                  </a:lnTo>
                  <a:lnTo>
                    <a:pt x="9144" y="3689604"/>
                  </a:lnTo>
                  <a:lnTo>
                    <a:pt x="9144" y="0"/>
                  </a:lnTo>
                  <a:close/>
                </a:path>
                <a:path w="7193280" h="3689985">
                  <a:moveTo>
                    <a:pt x="112776" y="0"/>
                  </a:moveTo>
                  <a:lnTo>
                    <a:pt x="103632" y="0"/>
                  </a:lnTo>
                  <a:lnTo>
                    <a:pt x="103632" y="3689604"/>
                  </a:lnTo>
                  <a:lnTo>
                    <a:pt x="112776" y="3689604"/>
                  </a:lnTo>
                  <a:lnTo>
                    <a:pt x="112776" y="0"/>
                  </a:lnTo>
                  <a:close/>
                </a:path>
                <a:path w="7193280" h="3689985">
                  <a:moveTo>
                    <a:pt x="214884" y="0"/>
                  </a:moveTo>
                  <a:lnTo>
                    <a:pt x="205740" y="0"/>
                  </a:lnTo>
                  <a:lnTo>
                    <a:pt x="205740" y="3689604"/>
                  </a:lnTo>
                  <a:lnTo>
                    <a:pt x="214884" y="3689604"/>
                  </a:lnTo>
                  <a:lnTo>
                    <a:pt x="214884" y="0"/>
                  </a:lnTo>
                  <a:close/>
                </a:path>
                <a:path w="7193280" h="3689985">
                  <a:moveTo>
                    <a:pt x="316992" y="0"/>
                  </a:moveTo>
                  <a:lnTo>
                    <a:pt x="307848" y="0"/>
                  </a:lnTo>
                  <a:lnTo>
                    <a:pt x="307848" y="3689604"/>
                  </a:lnTo>
                  <a:lnTo>
                    <a:pt x="316992" y="3689604"/>
                  </a:lnTo>
                  <a:lnTo>
                    <a:pt x="316992" y="0"/>
                  </a:lnTo>
                  <a:close/>
                </a:path>
                <a:path w="7193280" h="3689985">
                  <a:moveTo>
                    <a:pt x="420624" y="0"/>
                  </a:moveTo>
                  <a:lnTo>
                    <a:pt x="411480" y="0"/>
                  </a:lnTo>
                  <a:lnTo>
                    <a:pt x="411480" y="3689604"/>
                  </a:lnTo>
                  <a:lnTo>
                    <a:pt x="420624" y="3689604"/>
                  </a:lnTo>
                  <a:lnTo>
                    <a:pt x="420624" y="0"/>
                  </a:lnTo>
                  <a:close/>
                </a:path>
                <a:path w="7193280" h="3689985">
                  <a:moveTo>
                    <a:pt x="522732" y="0"/>
                  </a:moveTo>
                  <a:lnTo>
                    <a:pt x="513588" y="0"/>
                  </a:lnTo>
                  <a:lnTo>
                    <a:pt x="513588" y="3689604"/>
                  </a:lnTo>
                  <a:lnTo>
                    <a:pt x="522732" y="3689604"/>
                  </a:lnTo>
                  <a:lnTo>
                    <a:pt x="522732" y="0"/>
                  </a:lnTo>
                  <a:close/>
                </a:path>
                <a:path w="7193280" h="3689985">
                  <a:moveTo>
                    <a:pt x="624840" y="0"/>
                  </a:moveTo>
                  <a:lnTo>
                    <a:pt x="615696" y="0"/>
                  </a:lnTo>
                  <a:lnTo>
                    <a:pt x="615696" y="3689604"/>
                  </a:lnTo>
                  <a:lnTo>
                    <a:pt x="624840" y="3689604"/>
                  </a:lnTo>
                  <a:lnTo>
                    <a:pt x="624840" y="0"/>
                  </a:lnTo>
                  <a:close/>
                </a:path>
                <a:path w="7193280" h="3689985">
                  <a:moveTo>
                    <a:pt x="728472" y="0"/>
                  </a:moveTo>
                  <a:lnTo>
                    <a:pt x="719328" y="0"/>
                  </a:lnTo>
                  <a:lnTo>
                    <a:pt x="719328" y="3689604"/>
                  </a:lnTo>
                  <a:lnTo>
                    <a:pt x="728472" y="3689604"/>
                  </a:lnTo>
                  <a:lnTo>
                    <a:pt x="728472" y="0"/>
                  </a:lnTo>
                  <a:close/>
                </a:path>
                <a:path w="7193280" h="3689985">
                  <a:moveTo>
                    <a:pt x="830580" y="0"/>
                  </a:moveTo>
                  <a:lnTo>
                    <a:pt x="821436" y="0"/>
                  </a:lnTo>
                  <a:lnTo>
                    <a:pt x="821436" y="3689604"/>
                  </a:lnTo>
                  <a:lnTo>
                    <a:pt x="830580" y="3689604"/>
                  </a:lnTo>
                  <a:lnTo>
                    <a:pt x="830580" y="0"/>
                  </a:lnTo>
                  <a:close/>
                </a:path>
                <a:path w="7193280" h="3689985">
                  <a:moveTo>
                    <a:pt x="932688" y="0"/>
                  </a:moveTo>
                  <a:lnTo>
                    <a:pt x="923544" y="0"/>
                  </a:lnTo>
                  <a:lnTo>
                    <a:pt x="923544" y="3689604"/>
                  </a:lnTo>
                  <a:lnTo>
                    <a:pt x="932688" y="3689604"/>
                  </a:lnTo>
                  <a:lnTo>
                    <a:pt x="932688" y="0"/>
                  </a:lnTo>
                  <a:close/>
                </a:path>
                <a:path w="7193280" h="3689985">
                  <a:moveTo>
                    <a:pt x="1036320" y="0"/>
                  </a:moveTo>
                  <a:lnTo>
                    <a:pt x="1027176" y="0"/>
                  </a:lnTo>
                  <a:lnTo>
                    <a:pt x="1027176" y="3689604"/>
                  </a:lnTo>
                  <a:lnTo>
                    <a:pt x="1036320" y="3689604"/>
                  </a:lnTo>
                  <a:lnTo>
                    <a:pt x="1036320" y="0"/>
                  </a:lnTo>
                  <a:close/>
                </a:path>
                <a:path w="7193280" h="3689985">
                  <a:moveTo>
                    <a:pt x="1138428" y="0"/>
                  </a:moveTo>
                  <a:lnTo>
                    <a:pt x="1129284" y="0"/>
                  </a:lnTo>
                  <a:lnTo>
                    <a:pt x="1129284" y="3689604"/>
                  </a:lnTo>
                  <a:lnTo>
                    <a:pt x="1138428" y="3689604"/>
                  </a:lnTo>
                  <a:lnTo>
                    <a:pt x="1138428" y="0"/>
                  </a:lnTo>
                  <a:close/>
                </a:path>
                <a:path w="7193280" h="3689985">
                  <a:moveTo>
                    <a:pt x="1240536" y="0"/>
                  </a:moveTo>
                  <a:lnTo>
                    <a:pt x="1231392" y="0"/>
                  </a:lnTo>
                  <a:lnTo>
                    <a:pt x="1231392" y="3689604"/>
                  </a:lnTo>
                  <a:lnTo>
                    <a:pt x="1240536" y="3689604"/>
                  </a:lnTo>
                  <a:lnTo>
                    <a:pt x="1240536" y="0"/>
                  </a:lnTo>
                  <a:close/>
                </a:path>
                <a:path w="7193280" h="3689985">
                  <a:moveTo>
                    <a:pt x="1344168" y="0"/>
                  </a:moveTo>
                  <a:lnTo>
                    <a:pt x="1335024" y="0"/>
                  </a:lnTo>
                  <a:lnTo>
                    <a:pt x="1335024" y="3689604"/>
                  </a:lnTo>
                  <a:lnTo>
                    <a:pt x="1344168" y="3689604"/>
                  </a:lnTo>
                  <a:lnTo>
                    <a:pt x="1344168" y="0"/>
                  </a:lnTo>
                  <a:close/>
                </a:path>
                <a:path w="7193280" h="3689985">
                  <a:moveTo>
                    <a:pt x="1446276" y="0"/>
                  </a:moveTo>
                  <a:lnTo>
                    <a:pt x="1437132" y="0"/>
                  </a:lnTo>
                  <a:lnTo>
                    <a:pt x="1437132" y="3689604"/>
                  </a:lnTo>
                  <a:lnTo>
                    <a:pt x="1446276" y="3689604"/>
                  </a:lnTo>
                  <a:lnTo>
                    <a:pt x="1446276" y="0"/>
                  </a:lnTo>
                  <a:close/>
                </a:path>
                <a:path w="7193280" h="3689985">
                  <a:moveTo>
                    <a:pt x="1548384" y="0"/>
                  </a:moveTo>
                  <a:lnTo>
                    <a:pt x="1539240" y="0"/>
                  </a:lnTo>
                  <a:lnTo>
                    <a:pt x="1539240" y="3689604"/>
                  </a:lnTo>
                  <a:lnTo>
                    <a:pt x="1548384" y="3689604"/>
                  </a:lnTo>
                  <a:lnTo>
                    <a:pt x="1548384" y="0"/>
                  </a:lnTo>
                  <a:close/>
                </a:path>
                <a:path w="7193280" h="3689985">
                  <a:moveTo>
                    <a:pt x="1652016" y="0"/>
                  </a:moveTo>
                  <a:lnTo>
                    <a:pt x="1642872" y="0"/>
                  </a:lnTo>
                  <a:lnTo>
                    <a:pt x="1642872" y="3689604"/>
                  </a:lnTo>
                  <a:lnTo>
                    <a:pt x="1652016" y="3689604"/>
                  </a:lnTo>
                  <a:lnTo>
                    <a:pt x="1652016" y="0"/>
                  </a:lnTo>
                  <a:close/>
                </a:path>
                <a:path w="7193280" h="3689985">
                  <a:moveTo>
                    <a:pt x="1754124" y="0"/>
                  </a:moveTo>
                  <a:lnTo>
                    <a:pt x="1744980" y="0"/>
                  </a:lnTo>
                  <a:lnTo>
                    <a:pt x="1744980" y="3689604"/>
                  </a:lnTo>
                  <a:lnTo>
                    <a:pt x="1754124" y="3689604"/>
                  </a:lnTo>
                  <a:lnTo>
                    <a:pt x="1754124" y="0"/>
                  </a:lnTo>
                  <a:close/>
                </a:path>
                <a:path w="7193280" h="3689985">
                  <a:moveTo>
                    <a:pt x="1856232" y="0"/>
                  </a:moveTo>
                  <a:lnTo>
                    <a:pt x="1847088" y="0"/>
                  </a:lnTo>
                  <a:lnTo>
                    <a:pt x="1847088" y="3689604"/>
                  </a:lnTo>
                  <a:lnTo>
                    <a:pt x="1856232" y="3689604"/>
                  </a:lnTo>
                  <a:lnTo>
                    <a:pt x="1856232" y="0"/>
                  </a:lnTo>
                  <a:close/>
                </a:path>
                <a:path w="7193280" h="3689985">
                  <a:moveTo>
                    <a:pt x="1959864" y="0"/>
                  </a:moveTo>
                  <a:lnTo>
                    <a:pt x="1950720" y="0"/>
                  </a:lnTo>
                  <a:lnTo>
                    <a:pt x="1950720" y="3689604"/>
                  </a:lnTo>
                  <a:lnTo>
                    <a:pt x="1959864" y="3689604"/>
                  </a:lnTo>
                  <a:lnTo>
                    <a:pt x="1959864" y="0"/>
                  </a:lnTo>
                  <a:close/>
                </a:path>
                <a:path w="7193280" h="3689985">
                  <a:moveTo>
                    <a:pt x="2061972" y="0"/>
                  </a:moveTo>
                  <a:lnTo>
                    <a:pt x="2052828" y="0"/>
                  </a:lnTo>
                  <a:lnTo>
                    <a:pt x="2052828" y="3689604"/>
                  </a:lnTo>
                  <a:lnTo>
                    <a:pt x="2061972" y="3689604"/>
                  </a:lnTo>
                  <a:lnTo>
                    <a:pt x="2061972" y="0"/>
                  </a:lnTo>
                  <a:close/>
                </a:path>
                <a:path w="7193280" h="3689985">
                  <a:moveTo>
                    <a:pt x="2164080" y="0"/>
                  </a:moveTo>
                  <a:lnTo>
                    <a:pt x="2154936" y="0"/>
                  </a:lnTo>
                  <a:lnTo>
                    <a:pt x="2154936" y="3689604"/>
                  </a:lnTo>
                  <a:lnTo>
                    <a:pt x="2164080" y="3689604"/>
                  </a:lnTo>
                  <a:lnTo>
                    <a:pt x="2164080" y="0"/>
                  </a:lnTo>
                  <a:close/>
                </a:path>
                <a:path w="7193280" h="3689985">
                  <a:moveTo>
                    <a:pt x="2267712" y="0"/>
                  </a:moveTo>
                  <a:lnTo>
                    <a:pt x="2258568" y="0"/>
                  </a:lnTo>
                  <a:lnTo>
                    <a:pt x="2258568" y="3689604"/>
                  </a:lnTo>
                  <a:lnTo>
                    <a:pt x="2267712" y="3689604"/>
                  </a:lnTo>
                  <a:lnTo>
                    <a:pt x="2267712" y="0"/>
                  </a:lnTo>
                  <a:close/>
                </a:path>
                <a:path w="7193280" h="3689985">
                  <a:moveTo>
                    <a:pt x="2369820" y="0"/>
                  </a:moveTo>
                  <a:lnTo>
                    <a:pt x="2360676" y="0"/>
                  </a:lnTo>
                  <a:lnTo>
                    <a:pt x="2360676" y="3689604"/>
                  </a:lnTo>
                  <a:lnTo>
                    <a:pt x="2369820" y="3689604"/>
                  </a:lnTo>
                  <a:lnTo>
                    <a:pt x="2369820" y="0"/>
                  </a:lnTo>
                  <a:close/>
                </a:path>
                <a:path w="7193280" h="3689985">
                  <a:moveTo>
                    <a:pt x="2471928" y="0"/>
                  </a:moveTo>
                  <a:lnTo>
                    <a:pt x="2462784" y="0"/>
                  </a:lnTo>
                  <a:lnTo>
                    <a:pt x="2462784" y="3689604"/>
                  </a:lnTo>
                  <a:lnTo>
                    <a:pt x="2471928" y="3689604"/>
                  </a:lnTo>
                  <a:lnTo>
                    <a:pt x="2471928" y="0"/>
                  </a:lnTo>
                  <a:close/>
                </a:path>
                <a:path w="7193280" h="3689985">
                  <a:moveTo>
                    <a:pt x="2575560" y="0"/>
                  </a:moveTo>
                  <a:lnTo>
                    <a:pt x="2566416" y="0"/>
                  </a:lnTo>
                  <a:lnTo>
                    <a:pt x="2566416" y="3689604"/>
                  </a:lnTo>
                  <a:lnTo>
                    <a:pt x="2575560" y="3689604"/>
                  </a:lnTo>
                  <a:lnTo>
                    <a:pt x="2575560" y="0"/>
                  </a:lnTo>
                  <a:close/>
                </a:path>
                <a:path w="7193280" h="3689985">
                  <a:moveTo>
                    <a:pt x="2677668" y="0"/>
                  </a:moveTo>
                  <a:lnTo>
                    <a:pt x="2668524" y="0"/>
                  </a:lnTo>
                  <a:lnTo>
                    <a:pt x="2668524" y="3689604"/>
                  </a:lnTo>
                  <a:lnTo>
                    <a:pt x="2677668" y="3689604"/>
                  </a:lnTo>
                  <a:lnTo>
                    <a:pt x="2677668" y="0"/>
                  </a:lnTo>
                  <a:close/>
                </a:path>
                <a:path w="7193280" h="3689985">
                  <a:moveTo>
                    <a:pt x="2779776" y="0"/>
                  </a:moveTo>
                  <a:lnTo>
                    <a:pt x="2770632" y="0"/>
                  </a:lnTo>
                  <a:lnTo>
                    <a:pt x="2770632" y="3689604"/>
                  </a:lnTo>
                  <a:lnTo>
                    <a:pt x="2779776" y="3689604"/>
                  </a:lnTo>
                  <a:lnTo>
                    <a:pt x="2779776" y="0"/>
                  </a:lnTo>
                  <a:close/>
                </a:path>
                <a:path w="7193280" h="3689985">
                  <a:moveTo>
                    <a:pt x="2883408" y="0"/>
                  </a:moveTo>
                  <a:lnTo>
                    <a:pt x="2874264" y="0"/>
                  </a:lnTo>
                  <a:lnTo>
                    <a:pt x="2874264" y="3689604"/>
                  </a:lnTo>
                  <a:lnTo>
                    <a:pt x="2883408" y="3689604"/>
                  </a:lnTo>
                  <a:lnTo>
                    <a:pt x="2883408" y="0"/>
                  </a:lnTo>
                  <a:close/>
                </a:path>
                <a:path w="7193280" h="3689985">
                  <a:moveTo>
                    <a:pt x="2985516" y="0"/>
                  </a:moveTo>
                  <a:lnTo>
                    <a:pt x="2976372" y="0"/>
                  </a:lnTo>
                  <a:lnTo>
                    <a:pt x="2976372" y="3689604"/>
                  </a:lnTo>
                  <a:lnTo>
                    <a:pt x="2985516" y="3689604"/>
                  </a:lnTo>
                  <a:lnTo>
                    <a:pt x="2985516" y="0"/>
                  </a:lnTo>
                  <a:close/>
                </a:path>
                <a:path w="7193280" h="3689985">
                  <a:moveTo>
                    <a:pt x="3087624" y="0"/>
                  </a:moveTo>
                  <a:lnTo>
                    <a:pt x="3078480" y="0"/>
                  </a:lnTo>
                  <a:lnTo>
                    <a:pt x="3078480" y="3689604"/>
                  </a:lnTo>
                  <a:lnTo>
                    <a:pt x="3087624" y="3689604"/>
                  </a:lnTo>
                  <a:lnTo>
                    <a:pt x="3087624" y="0"/>
                  </a:lnTo>
                  <a:close/>
                </a:path>
                <a:path w="7193280" h="3689985">
                  <a:moveTo>
                    <a:pt x="3191256" y="0"/>
                  </a:moveTo>
                  <a:lnTo>
                    <a:pt x="3182112" y="0"/>
                  </a:lnTo>
                  <a:lnTo>
                    <a:pt x="3182112" y="3689604"/>
                  </a:lnTo>
                  <a:lnTo>
                    <a:pt x="3191256" y="3689604"/>
                  </a:lnTo>
                  <a:lnTo>
                    <a:pt x="3191256" y="0"/>
                  </a:lnTo>
                  <a:close/>
                </a:path>
                <a:path w="7193280" h="3689985">
                  <a:moveTo>
                    <a:pt x="3293364" y="0"/>
                  </a:moveTo>
                  <a:lnTo>
                    <a:pt x="3284220" y="0"/>
                  </a:lnTo>
                  <a:lnTo>
                    <a:pt x="3284220" y="3689604"/>
                  </a:lnTo>
                  <a:lnTo>
                    <a:pt x="3293364" y="3689604"/>
                  </a:lnTo>
                  <a:lnTo>
                    <a:pt x="3293364" y="0"/>
                  </a:lnTo>
                  <a:close/>
                </a:path>
                <a:path w="7193280" h="3689985">
                  <a:moveTo>
                    <a:pt x="3395472" y="0"/>
                  </a:moveTo>
                  <a:lnTo>
                    <a:pt x="3386328" y="0"/>
                  </a:lnTo>
                  <a:lnTo>
                    <a:pt x="3386328" y="3689604"/>
                  </a:lnTo>
                  <a:lnTo>
                    <a:pt x="3395472" y="3689604"/>
                  </a:lnTo>
                  <a:lnTo>
                    <a:pt x="3395472" y="0"/>
                  </a:lnTo>
                  <a:close/>
                </a:path>
                <a:path w="7193280" h="3689985">
                  <a:moveTo>
                    <a:pt x="3499104" y="0"/>
                  </a:moveTo>
                  <a:lnTo>
                    <a:pt x="3489960" y="0"/>
                  </a:lnTo>
                  <a:lnTo>
                    <a:pt x="3489960" y="3689604"/>
                  </a:lnTo>
                  <a:lnTo>
                    <a:pt x="3499104" y="3689604"/>
                  </a:lnTo>
                  <a:lnTo>
                    <a:pt x="3499104" y="0"/>
                  </a:lnTo>
                  <a:close/>
                </a:path>
                <a:path w="7193280" h="3689985">
                  <a:moveTo>
                    <a:pt x="3601212" y="0"/>
                  </a:moveTo>
                  <a:lnTo>
                    <a:pt x="3592068" y="0"/>
                  </a:lnTo>
                  <a:lnTo>
                    <a:pt x="3592068" y="3689604"/>
                  </a:lnTo>
                  <a:lnTo>
                    <a:pt x="3601212" y="3689604"/>
                  </a:lnTo>
                  <a:lnTo>
                    <a:pt x="3601212" y="0"/>
                  </a:lnTo>
                  <a:close/>
                </a:path>
                <a:path w="7193280" h="3689985">
                  <a:moveTo>
                    <a:pt x="3703320" y="0"/>
                  </a:moveTo>
                  <a:lnTo>
                    <a:pt x="3694176" y="0"/>
                  </a:lnTo>
                  <a:lnTo>
                    <a:pt x="3694176" y="3689604"/>
                  </a:lnTo>
                  <a:lnTo>
                    <a:pt x="3703320" y="3689604"/>
                  </a:lnTo>
                  <a:lnTo>
                    <a:pt x="3703320" y="0"/>
                  </a:lnTo>
                  <a:close/>
                </a:path>
                <a:path w="7193280" h="3689985">
                  <a:moveTo>
                    <a:pt x="3806952" y="0"/>
                  </a:moveTo>
                  <a:lnTo>
                    <a:pt x="3797808" y="0"/>
                  </a:lnTo>
                  <a:lnTo>
                    <a:pt x="3797808" y="3689604"/>
                  </a:lnTo>
                  <a:lnTo>
                    <a:pt x="3806952" y="3689604"/>
                  </a:lnTo>
                  <a:lnTo>
                    <a:pt x="3806952" y="0"/>
                  </a:lnTo>
                  <a:close/>
                </a:path>
                <a:path w="7193280" h="3689985">
                  <a:moveTo>
                    <a:pt x="3909060" y="0"/>
                  </a:moveTo>
                  <a:lnTo>
                    <a:pt x="3899916" y="0"/>
                  </a:lnTo>
                  <a:lnTo>
                    <a:pt x="3899916" y="3689604"/>
                  </a:lnTo>
                  <a:lnTo>
                    <a:pt x="3909060" y="3689604"/>
                  </a:lnTo>
                  <a:lnTo>
                    <a:pt x="3909060" y="0"/>
                  </a:lnTo>
                  <a:close/>
                </a:path>
                <a:path w="7193280" h="3689985">
                  <a:moveTo>
                    <a:pt x="4011168" y="0"/>
                  </a:moveTo>
                  <a:lnTo>
                    <a:pt x="4002024" y="0"/>
                  </a:lnTo>
                  <a:lnTo>
                    <a:pt x="4002024" y="3689604"/>
                  </a:lnTo>
                  <a:lnTo>
                    <a:pt x="4011168" y="3689604"/>
                  </a:lnTo>
                  <a:lnTo>
                    <a:pt x="4011168" y="0"/>
                  </a:lnTo>
                  <a:close/>
                </a:path>
                <a:path w="7193280" h="3689985">
                  <a:moveTo>
                    <a:pt x="4114800" y="0"/>
                  </a:moveTo>
                  <a:lnTo>
                    <a:pt x="4105656" y="0"/>
                  </a:lnTo>
                  <a:lnTo>
                    <a:pt x="4105656" y="3689604"/>
                  </a:lnTo>
                  <a:lnTo>
                    <a:pt x="4114800" y="3689604"/>
                  </a:lnTo>
                  <a:lnTo>
                    <a:pt x="4114800" y="0"/>
                  </a:lnTo>
                  <a:close/>
                </a:path>
                <a:path w="7193280" h="3689985">
                  <a:moveTo>
                    <a:pt x="4216908" y="0"/>
                  </a:moveTo>
                  <a:lnTo>
                    <a:pt x="4207764" y="0"/>
                  </a:lnTo>
                  <a:lnTo>
                    <a:pt x="4207764" y="3689604"/>
                  </a:lnTo>
                  <a:lnTo>
                    <a:pt x="4216908" y="3689604"/>
                  </a:lnTo>
                  <a:lnTo>
                    <a:pt x="4216908" y="0"/>
                  </a:lnTo>
                  <a:close/>
                </a:path>
                <a:path w="7193280" h="3689985">
                  <a:moveTo>
                    <a:pt x="4319016" y="0"/>
                  </a:moveTo>
                  <a:lnTo>
                    <a:pt x="4309872" y="0"/>
                  </a:lnTo>
                  <a:lnTo>
                    <a:pt x="4309872" y="3689604"/>
                  </a:lnTo>
                  <a:lnTo>
                    <a:pt x="4319016" y="3689604"/>
                  </a:lnTo>
                  <a:lnTo>
                    <a:pt x="4319016" y="0"/>
                  </a:lnTo>
                  <a:close/>
                </a:path>
                <a:path w="7193280" h="3689985">
                  <a:moveTo>
                    <a:pt x="4422648" y="0"/>
                  </a:moveTo>
                  <a:lnTo>
                    <a:pt x="4413504" y="0"/>
                  </a:lnTo>
                  <a:lnTo>
                    <a:pt x="4413504" y="3689604"/>
                  </a:lnTo>
                  <a:lnTo>
                    <a:pt x="4422648" y="3689604"/>
                  </a:lnTo>
                  <a:lnTo>
                    <a:pt x="4422648" y="0"/>
                  </a:lnTo>
                  <a:close/>
                </a:path>
                <a:path w="7193280" h="3689985">
                  <a:moveTo>
                    <a:pt x="4524756" y="0"/>
                  </a:moveTo>
                  <a:lnTo>
                    <a:pt x="4515612" y="0"/>
                  </a:lnTo>
                  <a:lnTo>
                    <a:pt x="4515612" y="3689604"/>
                  </a:lnTo>
                  <a:lnTo>
                    <a:pt x="4524756" y="3689604"/>
                  </a:lnTo>
                  <a:lnTo>
                    <a:pt x="4524756" y="0"/>
                  </a:lnTo>
                  <a:close/>
                </a:path>
                <a:path w="7193280" h="3689985">
                  <a:moveTo>
                    <a:pt x="4626864" y="0"/>
                  </a:moveTo>
                  <a:lnTo>
                    <a:pt x="4617720" y="0"/>
                  </a:lnTo>
                  <a:lnTo>
                    <a:pt x="4617720" y="3689604"/>
                  </a:lnTo>
                  <a:lnTo>
                    <a:pt x="4626864" y="3689604"/>
                  </a:lnTo>
                  <a:lnTo>
                    <a:pt x="4626864" y="0"/>
                  </a:lnTo>
                  <a:close/>
                </a:path>
                <a:path w="7193280" h="3689985">
                  <a:moveTo>
                    <a:pt x="4730496" y="0"/>
                  </a:moveTo>
                  <a:lnTo>
                    <a:pt x="4721352" y="0"/>
                  </a:lnTo>
                  <a:lnTo>
                    <a:pt x="4721352" y="3689604"/>
                  </a:lnTo>
                  <a:lnTo>
                    <a:pt x="4730496" y="3689604"/>
                  </a:lnTo>
                  <a:lnTo>
                    <a:pt x="4730496" y="0"/>
                  </a:lnTo>
                  <a:close/>
                </a:path>
                <a:path w="7193280" h="3689985">
                  <a:moveTo>
                    <a:pt x="4832604" y="0"/>
                  </a:moveTo>
                  <a:lnTo>
                    <a:pt x="4823460" y="0"/>
                  </a:lnTo>
                  <a:lnTo>
                    <a:pt x="4823460" y="3689604"/>
                  </a:lnTo>
                  <a:lnTo>
                    <a:pt x="4832604" y="3689604"/>
                  </a:lnTo>
                  <a:lnTo>
                    <a:pt x="4832604" y="0"/>
                  </a:lnTo>
                  <a:close/>
                </a:path>
                <a:path w="7193280" h="3689985">
                  <a:moveTo>
                    <a:pt x="4934712" y="0"/>
                  </a:moveTo>
                  <a:lnTo>
                    <a:pt x="4925568" y="0"/>
                  </a:lnTo>
                  <a:lnTo>
                    <a:pt x="4925568" y="3689604"/>
                  </a:lnTo>
                  <a:lnTo>
                    <a:pt x="4934712" y="3689604"/>
                  </a:lnTo>
                  <a:lnTo>
                    <a:pt x="4934712" y="0"/>
                  </a:lnTo>
                  <a:close/>
                </a:path>
                <a:path w="7193280" h="3689985">
                  <a:moveTo>
                    <a:pt x="5038344" y="0"/>
                  </a:moveTo>
                  <a:lnTo>
                    <a:pt x="5029200" y="0"/>
                  </a:lnTo>
                  <a:lnTo>
                    <a:pt x="5029200" y="3689604"/>
                  </a:lnTo>
                  <a:lnTo>
                    <a:pt x="5038344" y="3689604"/>
                  </a:lnTo>
                  <a:lnTo>
                    <a:pt x="5038344" y="0"/>
                  </a:lnTo>
                  <a:close/>
                </a:path>
                <a:path w="7193280" h="3689985">
                  <a:moveTo>
                    <a:pt x="5140452" y="0"/>
                  </a:moveTo>
                  <a:lnTo>
                    <a:pt x="5131308" y="0"/>
                  </a:lnTo>
                  <a:lnTo>
                    <a:pt x="5131308" y="3689604"/>
                  </a:lnTo>
                  <a:lnTo>
                    <a:pt x="5140452" y="3689604"/>
                  </a:lnTo>
                  <a:lnTo>
                    <a:pt x="5140452" y="0"/>
                  </a:lnTo>
                  <a:close/>
                </a:path>
                <a:path w="7193280" h="3689985">
                  <a:moveTo>
                    <a:pt x="5242560" y="0"/>
                  </a:moveTo>
                  <a:lnTo>
                    <a:pt x="5233416" y="0"/>
                  </a:lnTo>
                  <a:lnTo>
                    <a:pt x="5233416" y="3689604"/>
                  </a:lnTo>
                  <a:lnTo>
                    <a:pt x="5242560" y="3689604"/>
                  </a:lnTo>
                  <a:lnTo>
                    <a:pt x="5242560" y="0"/>
                  </a:lnTo>
                  <a:close/>
                </a:path>
                <a:path w="7193280" h="3689985">
                  <a:moveTo>
                    <a:pt x="5346192" y="0"/>
                  </a:moveTo>
                  <a:lnTo>
                    <a:pt x="5337048" y="0"/>
                  </a:lnTo>
                  <a:lnTo>
                    <a:pt x="5337048" y="3689604"/>
                  </a:lnTo>
                  <a:lnTo>
                    <a:pt x="5346192" y="3689604"/>
                  </a:lnTo>
                  <a:lnTo>
                    <a:pt x="5346192" y="0"/>
                  </a:lnTo>
                  <a:close/>
                </a:path>
                <a:path w="7193280" h="3689985">
                  <a:moveTo>
                    <a:pt x="5448300" y="0"/>
                  </a:moveTo>
                  <a:lnTo>
                    <a:pt x="5439156" y="0"/>
                  </a:lnTo>
                  <a:lnTo>
                    <a:pt x="5439156" y="3689604"/>
                  </a:lnTo>
                  <a:lnTo>
                    <a:pt x="5448300" y="3689604"/>
                  </a:lnTo>
                  <a:lnTo>
                    <a:pt x="5448300" y="0"/>
                  </a:lnTo>
                  <a:close/>
                </a:path>
                <a:path w="7193280" h="3689985">
                  <a:moveTo>
                    <a:pt x="5550408" y="0"/>
                  </a:moveTo>
                  <a:lnTo>
                    <a:pt x="5541251" y="0"/>
                  </a:lnTo>
                  <a:lnTo>
                    <a:pt x="5541251" y="3689604"/>
                  </a:lnTo>
                  <a:lnTo>
                    <a:pt x="5550408" y="3689604"/>
                  </a:lnTo>
                  <a:lnTo>
                    <a:pt x="5550408" y="0"/>
                  </a:lnTo>
                  <a:close/>
                </a:path>
                <a:path w="7193280" h="3689985">
                  <a:moveTo>
                    <a:pt x="5654040" y="0"/>
                  </a:moveTo>
                  <a:lnTo>
                    <a:pt x="5644896" y="0"/>
                  </a:lnTo>
                  <a:lnTo>
                    <a:pt x="5644896" y="3689604"/>
                  </a:lnTo>
                  <a:lnTo>
                    <a:pt x="5654040" y="3689604"/>
                  </a:lnTo>
                  <a:lnTo>
                    <a:pt x="5654040" y="0"/>
                  </a:lnTo>
                  <a:close/>
                </a:path>
                <a:path w="7193280" h="3689985">
                  <a:moveTo>
                    <a:pt x="5756148" y="0"/>
                  </a:moveTo>
                  <a:lnTo>
                    <a:pt x="5747004" y="0"/>
                  </a:lnTo>
                  <a:lnTo>
                    <a:pt x="5747004" y="3689604"/>
                  </a:lnTo>
                  <a:lnTo>
                    <a:pt x="5756148" y="3689604"/>
                  </a:lnTo>
                  <a:lnTo>
                    <a:pt x="5756148" y="0"/>
                  </a:lnTo>
                  <a:close/>
                </a:path>
                <a:path w="7193280" h="3689985">
                  <a:moveTo>
                    <a:pt x="5858256" y="0"/>
                  </a:moveTo>
                  <a:lnTo>
                    <a:pt x="5849112" y="0"/>
                  </a:lnTo>
                  <a:lnTo>
                    <a:pt x="5849112" y="3689604"/>
                  </a:lnTo>
                  <a:lnTo>
                    <a:pt x="5858256" y="3689604"/>
                  </a:lnTo>
                  <a:lnTo>
                    <a:pt x="5858256" y="0"/>
                  </a:lnTo>
                  <a:close/>
                </a:path>
                <a:path w="7193280" h="3689985">
                  <a:moveTo>
                    <a:pt x="5961888" y="0"/>
                  </a:moveTo>
                  <a:lnTo>
                    <a:pt x="5952744" y="0"/>
                  </a:lnTo>
                  <a:lnTo>
                    <a:pt x="5952744" y="3689604"/>
                  </a:lnTo>
                  <a:lnTo>
                    <a:pt x="5961888" y="3689604"/>
                  </a:lnTo>
                  <a:lnTo>
                    <a:pt x="5961888" y="0"/>
                  </a:lnTo>
                  <a:close/>
                </a:path>
                <a:path w="7193280" h="3689985">
                  <a:moveTo>
                    <a:pt x="6063996" y="0"/>
                  </a:moveTo>
                  <a:lnTo>
                    <a:pt x="6054852" y="0"/>
                  </a:lnTo>
                  <a:lnTo>
                    <a:pt x="6054852" y="3689604"/>
                  </a:lnTo>
                  <a:lnTo>
                    <a:pt x="6063996" y="3689604"/>
                  </a:lnTo>
                  <a:lnTo>
                    <a:pt x="6063996" y="0"/>
                  </a:lnTo>
                  <a:close/>
                </a:path>
                <a:path w="7193280" h="3689985">
                  <a:moveTo>
                    <a:pt x="6166104" y="0"/>
                  </a:moveTo>
                  <a:lnTo>
                    <a:pt x="6156960" y="0"/>
                  </a:lnTo>
                  <a:lnTo>
                    <a:pt x="6156960" y="3689604"/>
                  </a:lnTo>
                  <a:lnTo>
                    <a:pt x="6166104" y="3689604"/>
                  </a:lnTo>
                  <a:lnTo>
                    <a:pt x="6166104" y="0"/>
                  </a:lnTo>
                  <a:close/>
                </a:path>
                <a:path w="7193280" h="3689985">
                  <a:moveTo>
                    <a:pt x="6269736" y="0"/>
                  </a:moveTo>
                  <a:lnTo>
                    <a:pt x="6260592" y="0"/>
                  </a:lnTo>
                  <a:lnTo>
                    <a:pt x="6260592" y="3689604"/>
                  </a:lnTo>
                  <a:lnTo>
                    <a:pt x="6269736" y="3689604"/>
                  </a:lnTo>
                  <a:lnTo>
                    <a:pt x="6269736" y="0"/>
                  </a:lnTo>
                  <a:close/>
                </a:path>
                <a:path w="7193280" h="3689985">
                  <a:moveTo>
                    <a:pt x="6371844" y="0"/>
                  </a:moveTo>
                  <a:lnTo>
                    <a:pt x="6362700" y="0"/>
                  </a:lnTo>
                  <a:lnTo>
                    <a:pt x="6362700" y="3689604"/>
                  </a:lnTo>
                  <a:lnTo>
                    <a:pt x="6371844" y="3689604"/>
                  </a:lnTo>
                  <a:lnTo>
                    <a:pt x="6371844" y="0"/>
                  </a:lnTo>
                  <a:close/>
                </a:path>
                <a:path w="7193280" h="3689985">
                  <a:moveTo>
                    <a:pt x="6473952" y="0"/>
                  </a:moveTo>
                  <a:lnTo>
                    <a:pt x="6464808" y="0"/>
                  </a:lnTo>
                  <a:lnTo>
                    <a:pt x="6464808" y="3689604"/>
                  </a:lnTo>
                  <a:lnTo>
                    <a:pt x="6473952" y="3689604"/>
                  </a:lnTo>
                  <a:lnTo>
                    <a:pt x="6473952" y="0"/>
                  </a:lnTo>
                  <a:close/>
                </a:path>
                <a:path w="7193280" h="3689985">
                  <a:moveTo>
                    <a:pt x="6577584" y="0"/>
                  </a:moveTo>
                  <a:lnTo>
                    <a:pt x="6568440" y="0"/>
                  </a:lnTo>
                  <a:lnTo>
                    <a:pt x="6568440" y="3689604"/>
                  </a:lnTo>
                  <a:lnTo>
                    <a:pt x="6577584" y="3689604"/>
                  </a:lnTo>
                  <a:lnTo>
                    <a:pt x="6577584" y="0"/>
                  </a:lnTo>
                  <a:close/>
                </a:path>
                <a:path w="7193280" h="3689985">
                  <a:moveTo>
                    <a:pt x="6679692" y="0"/>
                  </a:moveTo>
                  <a:lnTo>
                    <a:pt x="6670548" y="0"/>
                  </a:lnTo>
                  <a:lnTo>
                    <a:pt x="6670548" y="3689604"/>
                  </a:lnTo>
                  <a:lnTo>
                    <a:pt x="6679692" y="3689604"/>
                  </a:lnTo>
                  <a:lnTo>
                    <a:pt x="6679692" y="0"/>
                  </a:lnTo>
                  <a:close/>
                </a:path>
                <a:path w="7193280" h="3689985">
                  <a:moveTo>
                    <a:pt x="6781800" y="0"/>
                  </a:moveTo>
                  <a:lnTo>
                    <a:pt x="6772656" y="0"/>
                  </a:lnTo>
                  <a:lnTo>
                    <a:pt x="6772656" y="3689604"/>
                  </a:lnTo>
                  <a:lnTo>
                    <a:pt x="6781800" y="3689604"/>
                  </a:lnTo>
                  <a:lnTo>
                    <a:pt x="6781800" y="0"/>
                  </a:lnTo>
                  <a:close/>
                </a:path>
                <a:path w="7193280" h="3689985">
                  <a:moveTo>
                    <a:pt x="6885432" y="0"/>
                  </a:moveTo>
                  <a:lnTo>
                    <a:pt x="6876288" y="0"/>
                  </a:lnTo>
                  <a:lnTo>
                    <a:pt x="6876288" y="3689604"/>
                  </a:lnTo>
                  <a:lnTo>
                    <a:pt x="6885432" y="3689604"/>
                  </a:lnTo>
                  <a:lnTo>
                    <a:pt x="6885432" y="0"/>
                  </a:lnTo>
                  <a:close/>
                </a:path>
                <a:path w="7193280" h="3689985">
                  <a:moveTo>
                    <a:pt x="6987540" y="0"/>
                  </a:moveTo>
                  <a:lnTo>
                    <a:pt x="6978396" y="0"/>
                  </a:lnTo>
                  <a:lnTo>
                    <a:pt x="6978396" y="3689604"/>
                  </a:lnTo>
                  <a:lnTo>
                    <a:pt x="6987540" y="3689604"/>
                  </a:lnTo>
                  <a:lnTo>
                    <a:pt x="6987540" y="0"/>
                  </a:lnTo>
                  <a:close/>
                </a:path>
                <a:path w="7193280" h="3689985">
                  <a:moveTo>
                    <a:pt x="7089648" y="0"/>
                  </a:moveTo>
                  <a:lnTo>
                    <a:pt x="7080504" y="0"/>
                  </a:lnTo>
                  <a:lnTo>
                    <a:pt x="7080504" y="3689604"/>
                  </a:lnTo>
                  <a:lnTo>
                    <a:pt x="7089648" y="3689604"/>
                  </a:lnTo>
                  <a:lnTo>
                    <a:pt x="7089648" y="0"/>
                  </a:lnTo>
                  <a:close/>
                </a:path>
                <a:path w="7193280" h="3689985">
                  <a:moveTo>
                    <a:pt x="7193280" y="0"/>
                  </a:moveTo>
                  <a:lnTo>
                    <a:pt x="7184136" y="0"/>
                  </a:lnTo>
                  <a:lnTo>
                    <a:pt x="7184136" y="3689604"/>
                  </a:lnTo>
                  <a:lnTo>
                    <a:pt x="7193280" y="3689604"/>
                  </a:lnTo>
                  <a:lnTo>
                    <a:pt x="7193280" y="0"/>
                  </a:lnTo>
                  <a:close/>
                </a:path>
              </a:pathLst>
            </a:custGeom>
            <a:solidFill>
              <a:srgbClr val="F2F2F2"/>
            </a:solidFill>
          </p:spPr>
          <p:txBody>
            <a:bodyPr wrap="square" lIns="0" tIns="0" rIns="0" bIns="0" rtlCol="0"/>
            <a:lstStyle/>
            <a:p>
              <a:endParaRPr sz="1539"/>
            </a:p>
          </p:txBody>
        </p:sp>
        <p:sp>
          <p:nvSpPr>
            <p:cNvPr id="35" name="object 35"/>
            <p:cNvSpPr/>
            <p:nvPr/>
          </p:nvSpPr>
          <p:spPr>
            <a:xfrm>
              <a:off x="8217408" y="2033015"/>
              <a:ext cx="1651000" cy="3689985"/>
            </a:xfrm>
            <a:custGeom>
              <a:avLst/>
              <a:gdLst/>
              <a:ahLst/>
              <a:cxnLst/>
              <a:rect l="l" t="t" r="r" b="b"/>
              <a:pathLst>
                <a:path w="1651000" h="3689985">
                  <a:moveTo>
                    <a:pt x="9144" y="0"/>
                  </a:moveTo>
                  <a:lnTo>
                    <a:pt x="0" y="0"/>
                  </a:lnTo>
                  <a:lnTo>
                    <a:pt x="0" y="3689604"/>
                  </a:lnTo>
                  <a:lnTo>
                    <a:pt x="9144" y="3689604"/>
                  </a:lnTo>
                  <a:lnTo>
                    <a:pt x="9144" y="0"/>
                  </a:lnTo>
                  <a:close/>
                </a:path>
                <a:path w="1651000" h="3689985">
                  <a:moveTo>
                    <a:pt x="111252" y="0"/>
                  </a:moveTo>
                  <a:lnTo>
                    <a:pt x="102108" y="0"/>
                  </a:lnTo>
                  <a:lnTo>
                    <a:pt x="102108" y="3689604"/>
                  </a:lnTo>
                  <a:lnTo>
                    <a:pt x="111252" y="3689604"/>
                  </a:lnTo>
                  <a:lnTo>
                    <a:pt x="111252" y="0"/>
                  </a:lnTo>
                  <a:close/>
                </a:path>
                <a:path w="1651000" h="3689985">
                  <a:moveTo>
                    <a:pt x="213360" y="0"/>
                  </a:moveTo>
                  <a:lnTo>
                    <a:pt x="204216" y="0"/>
                  </a:lnTo>
                  <a:lnTo>
                    <a:pt x="204216" y="3689604"/>
                  </a:lnTo>
                  <a:lnTo>
                    <a:pt x="213360" y="3689604"/>
                  </a:lnTo>
                  <a:lnTo>
                    <a:pt x="213360" y="0"/>
                  </a:lnTo>
                  <a:close/>
                </a:path>
                <a:path w="1651000" h="3689985">
                  <a:moveTo>
                    <a:pt x="316992" y="0"/>
                  </a:moveTo>
                  <a:lnTo>
                    <a:pt x="307848" y="0"/>
                  </a:lnTo>
                  <a:lnTo>
                    <a:pt x="307848" y="3689604"/>
                  </a:lnTo>
                  <a:lnTo>
                    <a:pt x="316992" y="3689604"/>
                  </a:lnTo>
                  <a:lnTo>
                    <a:pt x="316992" y="0"/>
                  </a:lnTo>
                  <a:close/>
                </a:path>
                <a:path w="1651000" h="3689985">
                  <a:moveTo>
                    <a:pt x="419100" y="0"/>
                  </a:moveTo>
                  <a:lnTo>
                    <a:pt x="409956" y="0"/>
                  </a:lnTo>
                  <a:lnTo>
                    <a:pt x="409956" y="3689604"/>
                  </a:lnTo>
                  <a:lnTo>
                    <a:pt x="419100" y="3689604"/>
                  </a:lnTo>
                  <a:lnTo>
                    <a:pt x="419100" y="0"/>
                  </a:lnTo>
                  <a:close/>
                </a:path>
                <a:path w="1651000" h="3689985">
                  <a:moveTo>
                    <a:pt x="522732" y="0"/>
                  </a:moveTo>
                  <a:lnTo>
                    <a:pt x="513588" y="0"/>
                  </a:lnTo>
                  <a:lnTo>
                    <a:pt x="513588" y="3689604"/>
                  </a:lnTo>
                  <a:lnTo>
                    <a:pt x="522732" y="3689604"/>
                  </a:lnTo>
                  <a:lnTo>
                    <a:pt x="522732" y="0"/>
                  </a:lnTo>
                  <a:close/>
                </a:path>
                <a:path w="1651000" h="3689985">
                  <a:moveTo>
                    <a:pt x="624840" y="0"/>
                  </a:moveTo>
                  <a:lnTo>
                    <a:pt x="615696" y="0"/>
                  </a:lnTo>
                  <a:lnTo>
                    <a:pt x="615696" y="3689604"/>
                  </a:lnTo>
                  <a:lnTo>
                    <a:pt x="624840" y="3689604"/>
                  </a:lnTo>
                  <a:lnTo>
                    <a:pt x="624840" y="0"/>
                  </a:lnTo>
                  <a:close/>
                </a:path>
                <a:path w="1651000" h="3689985">
                  <a:moveTo>
                    <a:pt x="726948" y="0"/>
                  </a:moveTo>
                  <a:lnTo>
                    <a:pt x="717804" y="0"/>
                  </a:lnTo>
                  <a:lnTo>
                    <a:pt x="717804" y="3689604"/>
                  </a:lnTo>
                  <a:lnTo>
                    <a:pt x="726948" y="3689604"/>
                  </a:lnTo>
                  <a:lnTo>
                    <a:pt x="726948" y="0"/>
                  </a:lnTo>
                  <a:close/>
                </a:path>
                <a:path w="1651000" h="3689985">
                  <a:moveTo>
                    <a:pt x="830580" y="0"/>
                  </a:moveTo>
                  <a:lnTo>
                    <a:pt x="821436" y="0"/>
                  </a:lnTo>
                  <a:lnTo>
                    <a:pt x="821436" y="3689604"/>
                  </a:lnTo>
                  <a:lnTo>
                    <a:pt x="830580" y="3689604"/>
                  </a:lnTo>
                  <a:lnTo>
                    <a:pt x="830580" y="0"/>
                  </a:lnTo>
                  <a:close/>
                </a:path>
                <a:path w="1651000" h="3689985">
                  <a:moveTo>
                    <a:pt x="932688" y="0"/>
                  </a:moveTo>
                  <a:lnTo>
                    <a:pt x="923544" y="0"/>
                  </a:lnTo>
                  <a:lnTo>
                    <a:pt x="923544" y="3689604"/>
                  </a:lnTo>
                  <a:lnTo>
                    <a:pt x="932688" y="3689604"/>
                  </a:lnTo>
                  <a:lnTo>
                    <a:pt x="932688" y="0"/>
                  </a:lnTo>
                  <a:close/>
                </a:path>
                <a:path w="1651000" h="3689985">
                  <a:moveTo>
                    <a:pt x="1034796" y="0"/>
                  </a:moveTo>
                  <a:lnTo>
                    <a:pt x="1025652" y="0"/>
                  </a:lnTo>
                  <a:lnTo>
                    <a:pt x="1025652" y="3689604"/>
                  </a:lnTo>
                  <a:lnTo>
                    <a:pt x="1034796" y="3689604"/>
                  </a:lnTo>
                  <a:lnTo>
                    <a:pt x="1034796" y="0"/>
                  </a:lnTo>
                  <a:close/>
                </a:path>
                <a:path w="1651000" h="3689985">
                  <a:moveTo>
                    <a:pt x="1138428" y="0"/>
                  </a:moveTo>
                  <a:lnTo>
                    <a:pt x="1129284" y="0"/>
                  </a:lnTo>
                  <a:lnTo>
                    <a:pt x="1129284" y="3689604"/>
                  </a:lnTo>
                  <a:lnTo>
                    <a:pt x="1138428" y="3689604"/>
                  </a:lnTo>
                  <a:lnTo>
                    <a:pt x="1138428" y="0"/>
                  </a:lnTo>
                  <a:close/>
                </a:path>
                <a:path w="1651000" h="3689985">
                  <a:moveTo>
                    <a:pt x="1240536" y="0"/>
                  </a:moveTo>
                  <a:lnTo>
                    <a:pt x="1231392" y="0"/>
                  </a:lnTo>
                  <a:lnTo>
                    <a:pt x="1231392" y="3689604"/>
                  </a:lnTo>
                  <a:lnTo>
                    <a:pt x="1240536" y="3689604"/>
                  </a:lnTo>
                  <a:lnTo>
                    <a:pt x="1240536" y="0"/>
                  </a:lnTo>
                  <a:close/>
                </a:path>
                <a:path w="1651000" h="3689985">
                  <a:moveTo>
                    <a:pt x="1342644" y="0"/>
                  </a:moveTo>
                  <a:lnTo>
                    <a:pt x="1333500" y="0"/>
                  </a:lnTo>
                  <a:lnTo>
                    <a:pt x="1333500" y="3689604"/>
                  </a:lnTo>
                  <a:lnTo>
                    <a:pt x="1342644" y="3689604"/>
                  </a:lnTo>
                  <a:lnTo>
                    <a:pt x="1342644" y="0"/>
                  </a:lnTo>
                  <a:close/>
                </a:path>
                <a:path w="1651000" h="3689985">
                  <a:moveTo>
                    <a:pt x="1446276" y="0"/>
                  </a:moveTo>
                  <a:lnTo>
                    <a:pt x="1437132" y="0"/>
                  </a:lnTo>
                  <a:lnTo>
                    <a:pt x="1437132" y="3689604"/>
                  </a:lnTo>
                  <a:lnTo>
                    <a:pt x="1446276" y="3689604"/>
                  </a:lnTo>
                  <a:lnTo>
                    <a:pt x="1446276" y="0"/>
                  </a:lnTo>
                  <a:close/>
                </a:path>
                <a:path w="1651000" h="3689985">
                  <a:moveTo>
                    <a:pt x="1548384" y="0"/>
                  </a:moveTo>
                  <a:lnTo>
                    <a:pt x="1539240" y="0"/>
                  </a:lnTo>
                  <a:lnTo>
                    <a:pt x="1539240" y="3689604"/>
                  </a:lnTo>
                  <a:lnTo>
                    <a:pt x="1548384" y="3689604"/>
                  </a:lnTo>
                  <a:lnTo>
                    <a:pt x="1548384" y="0"/>
                  </a:lnTo>
                  <a:close/>
                </a:path>
                <a:path w="1651000" h="3689985">
                  <a:moveTo>
                    <a:pt x="1650492" y="0"/>
                  </a:moveTo>
                  <a:lnTo>
                    <a:pt x="1641348" y="0"/>
                  </a:lnTo>
                  <a:lnTo>
                    <a:pt x="1641348" y="3689604"/>
                  </a:lnTo>
                  <a:lnTo>
                    <a:pt x="1650492" y="3689604"/>
                  </a:lnTo>
                  <a:lnTo>
                    <a:pt x="1650492" y="0"/>
                  </a:lnTo>
                  <a:close/>
                </a:path>
              </a:pathLst>
            </a:custGeom>
            <a:solidFill>
              <a:srgbClr val="F2F2F2"/>
            </a:solidFill>
          </p:spPr>
          <p:txBody>
            <a:bodyPr wrap="square" lIns="0" tIns="0" rIns="0" bIns="0" rtlCol="0"/>
            <a:lstStyle/>
            <a:p>
              <a:endParaRPr sz="1539"/>
            </a:p>
          </p:txBody>
        </p:sp>
        <p:sp>
          <p:nvSpPr>
            <p:cNvPr id="36" name="object 36"/>
            <p:cNvSpPr/>
            <p:nvPr/>
          </p:nvSpPr>
          <p:spPr>
            <a:xfrm>
              <a:off x="1037844" y="5718048"/>
              <a:ext cx="8825865" cy="9525"/>
            </a:xfrm>
            <a:custGeom>
              <a:avLst/>
              <a:gdLst/>
              <a:ahLst/>
              <a:cxnLst/>
              <a:rect l="l" t="t" r="r" b="b"/>
              <a:pathLst>
                <a:path w="8825865" h="9525">
                  <a:moveTo>
                    <a:pt x="8825484" y="0"/>
                  </a:moveTo>
                  <a:lnTo>
                    <a:pt x="0" y="0"/>
                  </a:lnTo>
                  <a:lnTo>
                    <a:pt x="0" y="9143"/>
                  </a:lnTo>
                  <a:lnTo>
                    <a:pt x="8825484" y="9143"/>
                  </a:lnTo>
                  <a:lnTo>
                    <a:pt x="8825484" y="0"/>
                  </a:lnTo>
                  <a:close/>
                </a:path>
              </a:pathLst>
            </a:custGeom>
            <a:solidFill>
              <a:srgbClr val="D8D8D8"/>
            </a:solidFill>
          </p:spPr>
          <p:txBody>
            <a:bodyPr wrap="square" lIns="0" tIns="0" rIns="0" bIns="0" rtlCol="0"/>
            <a:lstStyle/>
            <a:p>
              <a:endParaRPr sz="1539"/>
            </a:p>
          </p:txBody>
        </p:sp>
        <p:pic>
          <p:nvPicPr>
            <p:cNvPr id="37" name="object 37"/>
            <p:cNvPicPr/>
            <p:nvPr/>
          </p:nvPicPr>
          <p:blipFill>
            <a:blip r:embed="rId2" cstate="print"/>
            <a:stretch>
              <a:fillRect/>
            </a:stretch>
          </p:blipFill>
          <p:spPr>
            <a:xfrm>
              <a:off x="1124712" y="1955292"/>
              <a:ext cx="8653271" cy="3770376"/>
            </a:xfrm>
            <a:prstGeom prst="rect">
              <a:avLst/>
            </a:prstGeom>
          </p:spPr>
        </p:pic>
      </p:grpSp>
      <p:sp>
        <p:nvSpPr>
          <p:cNvPr id="38" name="object 38"/>
          <p:cNvSpPr txBox="1"/>
          <p:nvPr/>
        </p:nvSpPr>
        <p:spPr>
          <a:xfrm>
            <a:off x="8522382" y="5002485"/>
            <a:ext cx="75476" cy="138130"/>
          </a:xfrm>
          <a:prstGeom prst="rect">
            <a:avLst/>
          </a:prstGeom>
        </p:spPr>
        <p:txBody>
          <a:bodyPr vert="horz" wrap="square" lIns="0" tIns="13032" rIns="0" bIns="0" rtlCol="0">
            <a:spAutoFit/>
          </a:bodyPr>
          <a:lstStyle/>
          <a:p>
            <a:pPr marL="10860">
              <a:spcBef>
                <a:spcPts val="103"/>
              </a:spcBef>
            </a:pPr>
            <a:r>
              <a:rPr sz="812" spc="-43" dirty="0">
                <a:solidFill>
                  <a:srgbClr val="595959"/>
                </a:solidFill>
                <a:latin typeface="Calibri"/>
                <a:cs typeface="Calibri"/>
              </a:rPr>
              <a:t>0</a:t>
            </a:r>
            <a:endParaRPr sz="812">
              <a:latin typeface="Calibri"/>
              <a:cs typeface="Calibri"/>
            </a:endParaRPr>
          </a:p>
        </p:txBody>
      </p:sp>
      <p:sp>
        <p:nvSpPr>
          <p:cNvPr id="39" name="object 39"/>
          <p:cNvSpPr txBox="1"/>
          <p:nvPr/>
        </p:nvSpPr>
        <p:spPr>
          <a:xfrm>
            <a:off x="8522382" y="4477302"/>
            <a:ext cx="315479" cy="138130"/>
          </a:xfrm>
          <a:prstGeom prst="rect">
            <a:avLst/>
          </a:prstGeom>
        </p:spPr>
        <p:txBody>
          <a:bodyPr vert="horz" wrap="square" lIns="0" tIns="13032" rIns="0" bIns="0" rtlCol="0">
            <a:spAutoFit/>
          </a:bodyPr>
          <a:lstStyle/>
          <a:p>
            <a:pPr marL="10860">
              <a:spcBef>
                <a:spcPts val="103"/>
              </a:spcBef>
            </a:pPr>
            <a:r>
              <a:rPr sz="812" spc="-9" dirty="0">
                <a:solidFill>
                  <a:srgbClr val="595959"/>
                </a:solidFill>
                <a:latin typeface="Calibri"/>
                <a:cs typeface="Calibri"/>
              </a:rPr>
              <a:t>10,000</a:t>
            </a:r>
            <a:endParaRPr sz="812">
              <a:latin typeface="Calibri"/>
              <a:cs typeface="Calibri"/>
            </a:endParaRPr>
          </a:p>
        </p:txBody>
      </p:sp>
      <p:sp>
        <p:nvSpPr>
          <p:cNvPr id="40" name="object 40"/>
          <p:cNvSpPr txBox="1"/>
          <p:nvPr/>
        </p:nvSpPr>
        <p:spPr>
          <a:xfrm>
            <a:off x="8522382" y="3950817"/>
            <a:ext cx="315479" cy="138130"/>
          </a:xfrm>
          <a:prstGeom prst="rect">
            <a:avLst/>
          </a:prstGeom>
        </p:spPr>
        <p:txBody>
          <a:bodyPr vert="horz" wrap="square" lIns="0" tIns="13032" rIns="0" bIns="0" rtlCol="0">
            <a:spAutoFit/>
          </a:bodyPr>
          <a:lstStyle/>
          <a:p>
            <a:pPr marL="10860">
              <a:spcBef>
                <a:spcPts val="103"/>
              </a:spcBef>
            </a:pPr>
            <a:r>
              <a:rPr sz="812" spc="-9" dirty="0">
                <a:solidFill>
                  <a:srgbClr val="595959"/>
                </a:solidFill>
                <a:latin typeface="Calibri"/>
                <a:cs typeface="Calibri"/>
              </a:rPr>
              <a:t>20,000</a:t>
            </a:r>
            <a:endParaRPr sz="812">
              <a:latin typeface="Calibri"/>
              <a:cs typeface="Calibri"/>
            </a:endParaRPr>
          </a:p>
        </p:txBody>
      </p:sp>
      <p:sp>
        <p:nvSpPr>
          <p:cNvPr id="41" name="object 41"/>
          <p:cNvSpPr txBox="1"/>
          <p:nvPr/>
        </p:nvSpPr>
        <p:spPr>
          <a:xfrm>
            <a:off x="8522382" y="3425634"/>
            <a:ext cx="315479" cy="138130"/>
          </a:xfrm>
          <a:prstGeom prst="rect">
            <a:avLst/>
          </a:prstGeom>
        </p:spPr>
        <p:txBody>
          <a:bodyPr vert="horz" wrap="square" lIns="0" tIns="13032" rIns="0" bIns="0" rtlCol="0">
            <a:spAutoFit/>
          </a:bodyPr>
          <a:lstStyle/>
          <a:p>
            <a:pPr marL="10860">
              <a:spcBef>
                <a:spcPts val="103"/>
              </a:spcBef>
            </a:pPr>
            <a:r>
              <a:rPr sz="812" spc="-9" dirty="0">
                <a:solidFill>
                  <a:srgbClr val="595959"/>
                </a:solidFill>
                <a:latin typeface="Calibri"/>
                <a:cs typeface="Calibri"/>
              </a:rPr>
              <a:t>30,000</a:t>
            </a:r>
            <a:endParaRPr sz="812">
              <a:latin typeface="Calibri"/>
              <a:cs typeface="Calibri"/>
            </a:endParaRPr>
          </a:p>
        </p:txBody>
      </p:sp>
      <p:sp>
        <p:nvSpPr>
          <p:cNvPr id="42" name="object 42"/>
          <p:cNvSpPr txBox="1"/>
          <p:nvPr/>
        </p:nvSpPr>
        <p:spPr>
          <a:xfrm>
            <a:off x="8522382" y="2899147"/>
            <a:ext cx="315479" cy="138130"/>
          </a:xfrm>
          <a:prstGeom prst="rect">
            <a:avLst/>
          </a:prstGeom>
        </p:spPr>
        <p:txBody>
          <a:bodyPr vert="horz" wrap="square" lIns="0" tIns="13032" rIns="0" bIns="0" rtlCol="0">
            <a:spAutoFit/>
          </a:bodyPr>
          <a:lstStyle/>
          <a:p>
            <a:pPr marL="10860">
              <a:spcBef>
                <a:spcPts val="103"/>
              </a:spcBef>
            </a:pPr>
            <a:r>
              <a:rPr sz="812" spc="-9" dirty="0">
                <a:solidFill>
                  <a:srgbClr val="595959"/>
                </a:solidFill>
                <a:latin typeface="Calibri"/>
                <a:cs typeface="Calibri"/>
              </a:rPr>
              <a:t>40,000</a:t>
            </a:r>
            <a:endParaRPr sz="812">
              <a:latin typeface="Calibri"/>
              <a:cs typeface="Calibri"/>
            </a:endParaRPr>
          </a:p>
        </p:txBody>
      </p:sp>
      <p:sp>
        <p:nvSpPr>
          <p:cNvPr id="43" name="object 43"/>
          <p:cNvSpPr txBox="1"/>
          <p:nvPr/>
        </p:nvSpPr>
        <p:spPr>
          <a:xfrm>
            <a:off x="8522382" y="2373965"/>
            <a:ext cx="315479" cy="138130"/>
          </a:xfrm>
          <a:prstGeom prst="rect">
            <a:avLst/>
          </a:prstGeom>
        </p:spPr>
        <p:txBody>
          <a:bodyPr vert="horz" wrap="square" lIns="0" tIns="13032" rIns="0" bIns="0" rtlCol="0">
            <a:spAutoFit/>
          </a:bodyPr>
          <a:lstStyle/>
          <a:p>
            <a:pPr marL="10860">
              <a:spcBef>
                <a:spcPts val="103"/>
              </a:spcBef>
            </a:pPr>
            <a:r>
              <a:rPr sz="812" spc="-9" dirty="0">
                <a:solidFill>
                  <a:srgbClr val="595959"/>
                </a:solidFill>
                <a:latin typeface="Calibri"/>
                <a:cs typeface="Calibri"/>
              </a:rPr>
              <a:t>50,000</a:t>
            </a:r>
            <a:endParaRPr sz="812">
              <a:latin typeface="Calibri"/>
              <a:cs typeface="Calibri"/>
            </a:endParaRPr>
          </a:p>
        </p:txBody>
      </p:sp>
      <p:sp>
        <p:nvSpPr>
          <p:cNvPr id="44" name="object 44"/>
          <p:cNvSpPr txBox="1"/>
          <p:nvPr/>
        </p:nvSpPr>
        <p:spPr>
          <a:xfrm>
            <a:off x="8483285" y="1664425"/>
            <a:ext cx="409417" cy="320307"/>
          </a:xfrm>
          <a:prstGeom prst="rect">
            <a:avLst/>
          </a:prstGeom>
        </p:spPr>
        <p:txBody>
          <a:bodyPr vert="horz" wrap="square" lIns="0" tIns="30951" rIns="0" bIns="0" rtlCol="0">
            <a:spAutoFit/>
          </a:bodyPr>
          <a:lstStyle/>
          <a:p>
            <a:pPr marL="10860">
              <a:spcBef>
                <a:spcPts val="244"/>
              </a:spcBef>
            </a:pPr>
            <a:r>
              <a:rPr sz="983" dirty="0">
                <a:latin typeface="ＭＳ Ｐゴシック"/>
                <a:cs typeface="ＭＳ Ｐゴシック"/>
              </a:rPr>
              <a:t>（億円</a:t>
            </a:r>
            <a:r>
              <a:rPr sz="983" spc="-43" dirty="0">
                <a:latin typeface="ＭＳ Ｐゴシック"/>
                <a:cs typeface="ＭＳ Ｐゴシック"/>
              </a:rPr>
              <a:t>）</a:t>
            </a:r>
            <a:endParaRPr sz="983">
              <a:latin typeface="ＭＳ Ｐゴシック"/>
              <a:cs typeface="ＭＳ Ｐゴシック"/>
            </a:endParaRPr>
          </a:p>
          <a:p>
            <a:pPr marL="49954">
              <a:spcBef>
                <a:spcPts val="133"/>
              </a:spcBef>
            </a:pPr>
            <a:r>
              <a:rPr sz="812" spc="-9" dirty="0">
                <a:solidFill>
                  <a:srgbClr val="595959"/>
                </a:solidFill>
                <a:latin typeface="Calibri"/>
                <a:cs typeface="Calibri"/>
              </a:rPr>
              <a:t>60,000</a:t>
            </a:r>
            <a:endParaRPr sz="812">
              <a:latin typeface="Calibri"/>
              <a:cs typeface="Calibri"/>
            </a:endParaRPr>
          </a:p>
        </p:txBody>
      </p:sp>
      <p:sp>
        <p:nvSpPr>
          <p:cNvPr id="45" name="object 45"/>
          <p:cNvSpPr txBox="1"/>
          <p:nvPr/>
        </p:nvSpPr>
        <p:spPr>
          <a:xfrm>
            <a:off x="438739" y="4960783"/>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10</a:t>
            </a:r>
            <a:endParaRPr sz="1283">
              <a:latin typeface="Calibri"/>
              <a:cs typeface="Calibri"/>
            </a:endParaRPr>
          </a:p>
        </p:txBody>
      </p:sp>
      <p:sp>
        <p:nvSpPr>
          <p:cNvPr id="46" name="object 46"/>
          <p:cNvSpPr txBox="1"/>
          <p:nvPr/>
        </p:nvSpPr>
        <p:spPr>
          <a:xfrm>
            <a:off x="438739" y="4435601"/>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20</a:t>
            </a:r>
            <a:endParaRPr sz="1283">
              <a:latin typeface="Calibri"/>
              <a:cs typeface="Calibri"/>
            </a:endParaRPr>
          </a:p>
        </p:txBody>
      </p:sp>
      <p:sp>
        <p:nvSpPr>
          <p:cNvPr id="47" name="object 47"/>
          <p:cNvSpPr txBox="1"/>
          <p:nvPr/>
        </p:nvSpPr>
        <p:spPr>
          <a:xfrm>
            <a:off x="438739" y="3909114"/>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30</a:t>
            </a:r>
            <a:endParaRPr sz="1283">
              <a:latin typeface="Calibri"/>
              <a:cs typeface="Calibri"/>
            </a:endParaRPr>
          </a:p>
        </p:txBody>
      </p:sp>
      <p:sp>
        <p:nvSpPr>
          <p:cNvPr id="48" name="object 48"/>
          <p:cNvSpPr txBox="1"/>
          <p:nvPr/>
        </p:nvSpPr>
        <p:spPr>
          <a:xfrm>
            <a:off x="438739" y="3383932"/>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40</a:t>
            </a:r>
            <a:endParaRPr sz="1283">
              <a:latin typeface="Calibri"/>
              <a:cs typeface="Calibri"/>
            </a:endParaRPr>
          </a:p>
        </p:txBody>
      </p:sp>
      <p:sp>
        <p:nvSpPr>
          <p:cNvPr id="49" name="object 49"/>
          <p:cNvSpPr txBox="1"/>
          <p:nvPr/>
        </p:nvSpPr>
        <p:spPr>
          <a:xfrm>
            <a:off x="438739" y="2858749"/>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50</a:t>
            </a:r>
            <a:endParaRPr sz="1283">
              <a:latin typeface="Calibri"/>
              <a:cs typeface="Calibri"/>
            </a:endParaRPr>
          </a:p>
        </p:txBody>
      </p:sp>
      <p:sp>
        <p:nvSpPr>
          <p:cNvPr id="50" name="object 50"/>
          <p:cNvSpPr txBox="1"/>
          <p:nvPr/>
        </p:nvSpPr>
        <p:spPr>
          <a:xfrm>
            <a:off x="438739" y="2332264"/>
            <a:ext cx="272039" cy="209489"/>
          </a:xfrm>
          <a:prstGeom prst="rect">
            <a:avLst/>
          </a:prstGeom>
        </p:spPr>
        <p:txBody>
          <a:bodyPr vert="horz" wrap="square" lIns="0" tIns="11946" rIns="0" bIns="0" rtlCol="0">
            <a:spAutoFit/>
          </a:bodyPr>
          <a:lstStyle/>
          <a:p>
            <a:pPr marL="10860">
              <a:spcBef>
                <a:spcPts val="94"/>
              </a:spcBef>
            </a:pPr>
            <a:r>
              <a:rPr sz="1283" spc="-21" dirty="0">
                <a:solidFill>
                  <a:srgbClr val="595959"/>
                </a:solidFill>
                <a:latin typeface="Calibri"/>
                <a:cs typeface="Calibri"/>
              </a:rPr>
              <a:t>360</a:t>
            </a:r>
            <a:endParaRPr sz="1283">
              <a:latin typeface="Calibri"/>
              <a:cs typeface="Calibri"/>
            </a:endParaRPr>
          </a:p>
        </p:txBody>
      </p:sp>
      <p:sp>
        <p:nvSpPr>
          <p:cNvPr id="51" name="object 51"/>
          <p:cNvSpPr txBox="1"/>
          <p:nvPr/>
        </p:nvSpPr>
        <p:spPr>
          <a:xfrm>
            <a:off x="370972" y="1680672"/>
            <a:ext cx="409417" cy="335405"/>
          </a:xfrm>
          <a:prstGeom prst="rect">
            <a:avLst/>
          </a:prstGeom>
        </p:spPr>
        <p:txBody>
          <a:bodyPr vert="horz" wrap="square" lIns="0" tIns="14661" rIns="0" bIns="0" rtlCol="0">
            <a:spAutoFit/>
          </a:bodyPr>
          <a:lstStyle/>
          <a:p>
            <a:pPr algn="ctr">
              <a:lnSpc>
                <a:spcPts val="1077"/>
              </a:lnSpc>
              <a:spcBef>
                <a:spcPts val="115"/>
              </a:spcBef>
            </a:pPr>
            <a:r>
              <a:rPr sz="983" dirty="0">
                <a:latin typeface="ＭＳ Ｐゴシック"/>
                <a:cs typeface="ＭＳ Ｐゴシック"/>
              </a:rPr>
              <a:t>（万人</a:t>
            </a:r>
            <a:r>
              <a:rPr sz="983" spc="-43" dirty="0">
                <a:latin typeface="ＭＳ Ｐゴシック"/>
                <a:cs typeface="ＭＳ Ｐゴシック"/>
              </a:rPr>
              <a:t>）</a:t>
            </a:r>
            <a:endParaRPr sz="983">
              <a:latin typeface="ＭＳ Ｐゴシック"/>
              <a:cs typeface="ＭＳ Ｐゴシック"/>
            </a:endParaRPr>
          </a:p>
          <a:p>
            <a:pPr algn="ctr">
              <a:lnSpc>
                <a:spcPts val="1437"/>
              </a:lnSpc>
            </a:pPr>
            <a:r>
              <a:rPr sz="1283" spc="-21" dirty="0">
                <a:solidFill>
                  <a:srgbClr val="595959"/>
                </a:solidFill>
                <a:latin typeface="Calibri"/>
                <a:cs typeface="Calibri"/>
              </a:rPr>
              <a:t>370</a:t>
            </a:r>
            <a:endParaRPr sz="1283">
              <a:latin typeface="Calibri"/>
              <a:cs typeface="Calibri"/>
            </a:endParaRPr>
          </a:p>
        </p:txBody>
      </p:sp>
      <p:sp>
        <p:nvSpPr>
          <p:cNvPr id="52" name="object 52"/>
          <p:cNvSpPr txBox="1"/>
          <p:nvPr/>
        </p:nvSpPr>
        <p:spPr>
          <a:xfrm>
            <a:off x="901266" y="5160170"/>
            <a:ext cx="7573292" cy="798743"/>
          </a:xfrm>
          <a:prstGeom prst="rect">
            <a:avLst/>
          </a:prstGeom>
        </p:spPr>
        <p:txBody>
          <a:bodyPr vert="vert270" wrap="square" lIns="0" tIns="0" rIns="0" bIns="0" rtlCol="0">
            <a:spAutoFit/>
          </a:bodyPr>
          <a:lstStyle/>
          <a:p>
            <a:pPr marL="76018">
              <a:lnSpc>
                <a:spcPts val="1154"/>
              </a:lnSpc>
            </a:pPr>
            <a:r>
              <a:rPr sz="983" dirty="0">
                <a:solidFill>
                  <a:srgbClr val="595959"/>
                </a:solidFill>
                <a:latin typeface="ＭＳ Ｐゴシック"/>
                <a:cs typeface="ＭＳ Ｐゴシック"/>
              </a:rPr>
              <a:t>平成</a:t>
            </a:r>
            <a:r>
              <a:rPr sz="983" dirty="0">
                <a:solidFill>
                  <a:srgbClr val="595959"/>
                </a:solidFill>
                <a:latin typeface="Calibri"/>
                <a:cs typeface="Calibri"/>
              </a:rPr>
              <a:t>25</a:t>
            </a:r>
            <a:r>
              <a:rPr sz="983" dirty="0">
                <a:solidFill>
                  <a:srgbClr val="595959"/>
                </a:solidFill>
                <a:latin typeface="ＭＳ Ｐゴシック"/>
                <a:cs typeface="ＭＳ Ｐゴシック"/>
              </a:rPr>
              <a:t>年</a:t>
            </a:r>
            <a:r>
              <a:rPr sz="983" dirty="0">
                <a:solidFill>
                  <a:srgbClr val="595959"/>
                </a:solidFill>
                <a:latin typeface="Calibri"/>
                <a:cs typeface="Calibri"/>
              </a:rPr>
              <a:t>8</a:t>
            </a:r>
            <a:r>
              <a:rPr sz="983" spc="-43" dirty="0">
                <a:solidFill>
                  <a:srgbClr val="595959"/>
                </a:solidFill>
                <a:latin typeface="ＭＳ Ｐゴシック"/>
                <a:cs typeface="ＭＳ Ｐゴシック"/>
              </a:rPr>
              <a:t>月</a:t>
            </a:r>
            <a:endParaRPr sz="983">
              <a:latin typeface="ＭＳ Ｐゴシック"/>
              <a:cs typeface="ＭＳ Ｐゴシック"/>
            </a:endParaRPr>
          </a:p>
          <a:p>
            <a:pPr marL="10860" marR="4344" indent="65159" algn="just">
              <a:lnSpc>
                <a:spcPct val="117100"/>
              </a:lnSpc>
              <a:spcBef>
                <a:spcPts val="4"/>
              </a:spcBef>
            </a:pPr>
            <a:r>
              <a:rPr sz="983" dirty="0">
                <a:solidFill>
                  <a:srgbClr val="595959"/>
                </a:solidFill>
                <a:latin typeface="ＭＳ Ｐゴシック"/>
                <a:cs typeface="ＭＳ Ｐゴシック"/>
              </a:rPr>
              <a:t>平成</a:t>
            </a:r>
            <a:r>
              <a:rPr sz="983" dirty="0">
                <a:solidFill>
                  <a:srgbClr val="595959"/>
                </a:solidFill>
                <a:latin typeface="Calibri"/>
                <a:cs typeface="Calibri"/>
              </a:rPr>
              <a:t>25</a:t>
            </a:r>
            <a:r>
              <a:rPr sz="983" dirty="0">
                <a:solidFill>
                  <a:srgbClr val="595959"/>
                </a:solidFill>
                <a:latin typeface="ＭＳ Ｐゴシック"/>
                <a:cs typeface="ＭＳ Ｐゴシック"/>
              </a:rPr>
              <a:t>年</a:t>
            </a:r>
            <a:r>
              <a:rPr sz="983" dirty="0">
                <a:solidFill>
                  <a:srgbClr val="595959"/>
                </a:solidFill>
                <a:latin typeface="Calibri"/>
                <a:cs typeface="Calibri"/>
              </a:rPr>
              <a:t>9</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5</a:t>
            </a:r>
            <a:r>
              <a:rPr sz="983" dirty="0">
                <a:solidFill>
                  <a:srgbClr val="595959"/>
                </a:solidFill>
                <a:latin typeface="ＭＳ Ｐゴシック"/>
                <a:cs typeface="ＭＳ Ｐゴシック"/>
              </a:rPr>
              <a:t>年</a:t>
            </a:r>
            <a:r>
              <a:rPr sz="983" dirty="0">
                <a:solidFill>
                  <a:srgbClr val="595959"/>
                </a:solidFill>
                <a:latin typeface="Calibri"/>
                <a:cs typeface="Calibri"/>
              </a:rPr>
              <a:t>10</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5</a:t>
            </a:r>
            <a:r>
              <a:rPr sz="983" dirty="0">
                <a:solidFill>
                  <a:srgbClr val="595959"/>
                </a:solidFill>
                <a:latin typeface="ＭＳ Ｐゴシック"/>
                <a:cs typeface="ＭＳ Ｐゴシック"/>
              </a:rPr>
              <a:t>年</a:t>
            </a:r>
            <a:r>
              <a:rPr sz="983" dirty="0">
                <a:solidFill>
                  <a:srgbClr val="595959"/>
                </a:solidFill>
                <a:latin typeface="Calibri"/>
                <a:cs typeface="Calibri"/>
              </a:rPr>
              <a:t>1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5</a:t>
            </a:r>
            <a:r>
              <a:rPr sz="983" dirty="0">
                <a:solidFill>
                  <a:srgbClr val="595959"/>
                </a:solidFill>
                <a:latin typeface="ＭＳ Ｐゴシック"/>
                <a:cs typeface="ＭＳ Ｐゴシック"/>
              </a:rPr>
              <a:t>年</a:t>
            </a:r>
            <a:r>
              <a:rPr sz="983" dirty="0">
                <a:solidFill>
                  <a:srgbClr val="595959"/>
                </a:solidFill>
                <a:latin typeface="Calibri"/>
                <a:cs typeface="Calibri"/>
              </a:rPr>
              <a:t>1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3</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4</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5</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6</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7</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8</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9</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10</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1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6</a:t>
            </a:r>
            <a:r>
              <a:rPr sz="983" dirty="0">
                <a:solidFill>
                  <a:srgbClr val="595959"/>
                </a:solidFill>
                <a:latin typeface="ＭＳ Ｐゴシック"/>
                <a:cs typeface="ＭＳ Ｐゴシック"/>
              </a:rPr>
              <a:t>年</a:t>
            </a:r>
            <a:r>
              <a:rPr sz="983" dirty="0">
                <a:solidFill>
                  <a:srgbClr val="595959"/>
                </a:solidFill>
                <a:latin typeface="Calibri"/>
                <a:cs typeface="Calibri"/>
              </a:rPr>
              <a:t>1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3</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4</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5</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6</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7</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8</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9</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10</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1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7</a:t>
            </a:r>
            <a:r>
              <a:rPr sz="983" dirty="0">
                <a:solidFill>
                  <a:srgbClr val="595959"/>
                </a:solidFill>
                <a:latin typeface="ＭＳ Ｐゴシック"/>
                <a:cs typeface="ＭＳ Ｐゴシック"/>
              </a:rPr>
              <a:t>年</a:t>
            </a:r>
            <a:r>
              <a:rPr sz="983" dirty="0">
                <a:solidFill>
                  <a:srgbClr val="595959"/>
                </a:solidFill>
                <a:latin typeface="Calibri"/>
                <a:cs typeface="Calibri"/>
              </a:rPr>
              <a:t>1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3</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4</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5</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6</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7</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8</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9</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10</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1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8</a:t>
            </a:r>
            <a:r>
              <a:rPr sz="983" dirty="0">
                <a:solidFill>
                  <a:srgbClr val="595959"/>
                </a:solidFill>
                <a:latin typeface="ＭＳ Ｐゴシック"/>
                <a:cs typeface="ＭＳ Ｐゴシック"/>
              </a:rPr>
              <a:t>年</a:t>
            </a:r>
            <a:r>
              <a:rPr sz="983" dirty="0">
                <a:solidFill>
                  <a:srgbClr val="595959"/>
                </a:solidFill>
                <a:latin typeface="Calibri"/>
                <a:cs typeface="Calibri"/>
              </a:rPr>
              <a:t>12</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9</a:t>
            </a:r>
            <a:r>
              <a:rPr sz="983" dirty="0">
                <a:solidFill>
                  <a:srgbClr val="595959"/>
                </a:solidFill>
                <a:latin typeface="ＭＳ Ｐゴシック"/>
                <a:cs typeface="ＭＳ Ｐゴシック"/>
              </a:rPr>
              <a:t>年</a:t>
            </a:r>
            <a:r>
              <a:rPr sz="983" dirty="0">
                <a:solidFill>
                  <a:srgbClr val="595959"/>
                </a:solidFill>
                <a:latin typeface="Calibri"/>
                <a:cs typeface="Calibri"/>
              </a:rPr>
              <a:t>1</a:t>
            </a:r>
            <a:r>
              <a:rPr sz="983" spc="-43" dirty="0">
                <a:solidFill>
                  <a:srgbClr val="595959"/>
                </a:solidFill>
                <a:latin typeface="ＭＳ Ｐゴシック"/>
                <a:cs typeface="ＭＳ Ｐゴシック"/>
              </a:rPr>
              <a:t>月</a:t>
            </a:r>
            <a:r>
              <a:rPr sz="983" dirty="0">
                <a:solidFill>
                  <a:srgbClr val="595959"/>
                </a:solidFill>
                <a:latin typeface="ＭＳ Ｐゴシック"/>
                <a:cs typeface="ＭＳ Ｐゴシック"/>
              </a:rPr>
              <a:t>平成</a:t>
            </a:r>
            <a:r>
              <a:rPr sz="983" dirty="0">
                <a:solidFill>
                  <a:srgbClr val="595959"/>
                </a:solidFill>
                <a:latin typeface="Calibri"/>
                <a:cs typeface="Calibri"/>
              </a:rPr>
              <a:t>29</a:t>
            </a:r>
            <a:r>
              <a:rPr sz="983" dirty="0">
                <a:solidFill>
                  <a:srgbClr val="595959"/>
                </a:solidFill>
                <a:latin typeface="ＭＳ Ｐゴシック"/>
                <a:cs typeface="ＭＳ Ｐゴシック"/>
              </a:rPr>
              <a:t>年</a:t>
            </a:r>
            <a:r>
              <a:rPr sz="983" dirty="0">
                <a:solidFill>
                  <a:srgbClr val="595959"/>
                </a:solidFill>
                <a:latin typeface="Calibri"/>
                <a:cs typeface="Calibri"/>
              </a:rPr>
              <a:t>2</a:t>
            </a:r>
            <a:r>
              <a:rPr sz="983" spc="-43" dirty="0">
                <a:solidFill>
                  <a:srgbClr val="595959"/>
                </a:solidFill>
                <a:latin typeface="ＭＳ Ｐゴシック"/>
                <a:cs typeface="ＭＳ Ｐゴシック"/>
              </a:rPr>
              <a:t>月</a:t>
            </a:r>
            <a:endParaRPr sz="983">
              <a:latin typeface="ＭＳ Ｐゴシック"/>
              <a:cs typeface="ＭＳ Ｐゴシック"/>
            </a:endParaRPr>
          </a:p>
        </p:txBody>
      </p:sp>
      <p:sp>
        <p:nvSpPr>
          <p:cNvPr id="53" name="object 53"/>
          <p:cNvSpPr/>
          <p:nvPr/>
        </p:nvSpPr>
        <p:spPr>
          <a:xfrm>
            <a:off x="3698432" y="6131480"/>
            <a:ext cx="250320" cy="26064"/>
          </a:xfrm>
          <a:custGeom>
            <a:avLst/>
            <a:gdLst/>
            <a:ahLst/>
            <a:cxnLst/>
            <a:rect l="l" t="t" r="r" b="b"/>
            <a:pathLst>
              <a:path w="292735" h="30479">
                <a:moveTo>
                  <a:pt x="284988" y="0"/>
                </a:moveTo>
                <a:lnTo>
                  <a:pt x="15239" y="0"/>
                </a:lnTo>
                <a:lnTo>
                  <a:pt x="6096" y="0"/>
                </a:lnTo>
                <a:lnTo>
                  <a:pt x="0" y="6096"/>
                </a:lnTo>
                <a:lnTo>
                  <a:pt x="0" y="22860"/>
                </a:lnTo>
                <a:lnTo>
                  <a:pt x="6096" y="30480"/>
                </a:lnTo>
                <a:lnTo>
                  <a:pt x="284988" y="30480"/>
                </a:lnTo>
                <a:lnTo>
                  <a:pt x="292608" y="22860"/>
                </a:lnTo>
                <a:lnTo>
                  <a:pt x="292608" y="6096"/>
                </a:lnTo>
                <a:lnTo>
                  <a:pt x="284988" y="0"/>
                </a:lnTo>
                <a:close/>
              </a:path>
            </a:pathLst>
          </a:custGeom>
          <a:solidFill>
            <a:srgbClr val="4F80BC"/>
          </a:solidFill>
        </p:spPr>
        <p:txBody>
          <a:bodyPr wrap="square" lIns="0" tIns="0" rIns="0" bIns="0" rtlCol="0"/>
          <a:lstStyle/>
          <a:p>
            <a:endParaRPr sz="1539"/>
          </a:p>
        </p:txBody>
      </p:sp>
      <p:sp>
        <p:nvSpPr>
          <p:cNvPr id="54" name="object 54"/>
          <p:cNvSpPr/>
          <p:nvPr/>
        </p:nvSpPr>
        <p:spPr>
          <a:xfrm>
            <a:off x="4945579" y="6131480"/>
            <a:ext cx="250320" cy="26064"/>
          </a:xfrm>
          <a:custGeom>
            <a:avLst/>
            <a:gdLst/>
            <a:ahLst/>
            <a:cxnLst/>
            <a:rect l="l" t="t" r="r" b="b"/>
            <a:pathLst>
              <a:path w="292735" h="30479">
                <a:moveTo>
                  <a:pt x="284988" y="0"/>
                </a:moveTo>
                <a:lnTo>
                  <a:pt x="15240" y="0"/>
                </a:lnTo>
                <a:lnTo>
                  <a:pt x="6096" y="0"/>
                </a:lnTo>
                <a:lnTo>
                  <a:pt x="0" y="6096"/>
                </a:lnTo>
                <a:lnTo>
                  <a:pt x="0" y="22860"/>
                </a:lnTo>
                <a:lnTo>
                  <a:pt x="6096" y="30480"/>
                </a:lnTo>
                <a:lnTo>
                  <a:pt x="284988" y="30480"/>
                </a:lnTo>
                <a:lnTo>
                  <a:pt x="292608" y="22860"/>
                </a:lnTo>
                <a:lnTo>
                  <a:pt x="292608" y="6096"/>
                </a:lnTo>
                <a:lnTo>
                  <a:pt x="284988" y="0"/>
                </a:lnTo>
                <a:close/>
              </a:path>
            </a:pathLst>
          </a:custGeom>
          <a:solidFill>
            <a:srgbClr val="BF4F4D"/>
          </a:solidFill>
        </p:spPr>
        <p:txBody>
          <a:bodyPr wrap="square" lIns="0" tIns="0" rIns="0" bIns="0" rtlCol="0"/>
          <a:lstStyle/>
          <a:p>
            <a:endParaRPr sz="1539"/>
          </a:p>
        </p:txBody>
      </p:sp>
      <p:sp>
        <p:nvSpPr>
          <p:cNvPr id="55" name="object 55"/>
          <p:cNvSpPr txBox="1"/>
          <p:nvPr/>
        </p:nvSpPr>
        <p:spPr>
          <a:xfrm>
            <a:off x="264111" y="6035913"/>
            <a:ext cx="5377801" cy="506579"/>
          </a:xfrm>
          <a:prstGeom prst="rect">
            <a:avLst/>
          </a:prstGeom>
        </p:spPr>
        <p:txBody>
          <a:bodyPr vert="horz" wrap="square" lIns="0" tIns="10317" rIns="0" bIns="0" rtlCol="0">
            <a:spAutoFit/>
          </a:bodyPr>
          <a:lstStyle/>
          <a:p>
            <a:pPr marR="4344" algn="r">
              <a:spcBef>
                <a:spcPts val="81"/>
              </a:spcBef>
              <a:tabLst>
                <a:tab pos="1246702" algn="l"/>
              </a:tabLst>
            </a:pPr>
            <a:r>
              <a:rPr sz="1112" spc="-17" dirty="0">
                <a:solidFill>
                  <a:srgbClr val="595959"/>
                </a:solidFill>
                <a:latin typeface="ＭＳ Ｐゴシック"/>
                <a:cs typeface="ＭＳ Ｐゴシック"/>
              </a:rPr>
              <a:t>技能労働者</a:t>
            </a:r>
            <a:r>
              <a:rPr sz="1112" spc="-43" dirty="0">
                <a:solidFill>
                  <a:srgbClr val="595959"/>
                </a:solidFill>
                <a:latin typeface="ＭＳ Ｐゴシック"/>
                <a:cs typeface="ＭＳ Ｐゴシック"/>
              </a:rPr>
              <a:t>数</a:t>
            </a:r>
            <a:r>
              <a:rPr sz="1112" dirty="0">
                <a:solidFill>
                  <a:srgbClr val="595959"/>
                </a:solidFill>
                <a:latin typeface="ＭＳ Ｐゴシック"/>
                <a:cs typeface="ＭＳ Ｐゴシック"/>
              </a:rPr>
              <a:t>	</a:t>
            </a:r>
            <a:r>
              <a:rPr sz="1112" spc="-17" dirty="0">
                <a:solidFill>
                  <a:srgbClr val="595959"/>
                </a:solidFill>
                <a:latin typeface="ＭＳ Ｐゴシック"/>
                <a:cs typeface="ＭＳ Ｐゴシック"/>
              </a:rPr>
              <a:t>出来</a:t>
            </a:r>
            <a:r>
              <a:rPr sz="1112" spc="-43" dirty="0">
                <a:solidFill>
                  <a:srgbClr val="595959"/>
                </a:solidFill>
                <a:latin typeface="ＭＳ Ｐゴシック"/>
                <a:cs typeface="ＭＳ Ｐゴシック"/>
              </a:rPr>
              <a:t>高</a:t>
            </a:r>
            <a:endParaRPr sz="1112">
              <a:latin typeface="ＭＳ Ｐゴシック"/>
              <a:cs typeface="ＭＳ Ｐゴシック"/>
            </a:endParaRPr>
          </a:p>
          <a:p>
            <a:pPr marL="10860">
              <a:spcBef>
                <a:spcPts val="1210"/>
              </a:spcBef>
            </a:pPr>
            <a:r>
              <a:rPr sz="1112" spc="-17" dirty="0">
                <a:latin typeface="ＭＳ ゴシック"/>
                <a:cs typeface="ＭＳ ゴシック"/>
              </a:rPr>
              <a:t>※</a:t>
            </a:r>
            <a:r>
              <a:rPr sz="1112" spc="-30" dirty="0">
                <a:latin typeface="ＭＳ Ｐゴシック"/>
                <a:cs typeface="ＭＳ Ｐゴシック"/>
              </a:rPr>
              <a:t>出所：国土交通省「建設総合統計」、総務省「労働力調査」を元に国土交通省で算出</a:t>
            </a:r>
            <a:endParaRPr sz="1112">
              <a:latin typeface="ＭＳ Ｐゴシック"/>
              <a:cs typeface="ＭＳ Ｐゴシック"/>
            </a:endParaRPr>
          </a:p>
        </p:txBody>
      </p:sp>
      <p:sp>
        <p:nvSpPr>
          <p:cNvPr id="56" name="object 56"/>
          <p:cNvSpPr txBox="1">
            <a:spLocks noGrp="1"/>
          </p:cNvSpPr>
          <p:nvPr>
            <p:ph type="title"/>
          </p:nvPr>
        </p:nvSpPr>
        <p:spPr>
          <a:xfrm>
            <a:off x="235442" y="298111"/>
            <a:ext cx="4198421" cy="351951"/>
          </a:xfrm>
          <a:prstGeom prst="rect">
            <a:avLst/>
          </a:prstGeom>
        </p:spPr>
        <p:txBody>
          <a:bodyPr vert="horz" wrap="square" lIns="0" tIns="9774" rIns="0" bIns="0" rtlCol="0" anchor="ctr">
            <a:spAutoFit/>
          </a:bodyPr>
          <a:lstStyle/>
          <a:p>
            <a:pPr marL="10860">
              <a:lnSpc>
                <a:spcPct val="100000"/>
              </a:lnSpc>
              <a:spcBef>
                <a:spcPts val="77"/>
              </a:spcBef>
            </a:pPr>
            <a:r>
              <a:rPr sz="2223" spc="-34" dirty="0">
                <a:solidFill>
                  <a:srgbClr val="548ED4"/>
                </a:solidFill>
              </a:rPr>
              <a:t>建設技能労働者及び出来高の推移</a:t>
            </a:r>
            <a:endParaRPr sz="2223"/>
          </a:p>
        </p:txBody>
      </p:sp>
      <p:sp>
        <p:nvSpPr>
          <p:cNvPr id="57" name="object 57"/>
          <p:cNvSpPr/>
          <p:nvPr/>
        </p:nvSpPr>
        <p:spPr>
          <a:xfrm>
            <a:off x="336221" y="796244"/>
            <a:ext cx="8602636" cy="856299"/>
          </a:xfrm>
          <a:custGeom>
            <a:avLst/>
            <a:gdLst/>
            <a:ahLst/>
            <a:cxnLst/>
            <a:rect l="l" t="t" r="r" b="b"/>
            <a:pathLst>
              <a:path w="10060305" h="1001394">
                <a:moveTo>
                  <a:pt x="9883140" y="0"/>
                </a:moveTo>
                <a:lnTo>
                  <a:pt x="175259" y="0"/>
                </a:lnTo>
                <a:lnTo>
                  <a:pt x="158495" y="1524"/>
                </a:lnTo>
                <a:lnTo>
                  <a:pt x="106679" y="15240"/>
                </a:lnTo>
                <a:lnTo>
                  <a:pt x="64007" y="41148"/>
                </a:lnTo>
                <a:lnTo>
                  <a:pt x="21335" y="92964"/>
                </a:lnTo>
                <a:lnTo>
                  <a:pt x="4571" y="141731"/>
                </a:lnTo>
                <a:lnTo>
                  <a:pt x="0" y="176784"/>
                </a:lnTo>
                <a:lnTo>
                  <a:pt x="0" y="826008"/>
                </a:lnTo>
                <a:lnTo>
                  <a:pt x="9143" y="877824"/>
                </a:lnTo>
                <a:lnTo>
                  <a:pt x="30479" y="925068"/>
                </a:lnTo>
                <a:lnTo>
                  <a:pt x="41148" y="937260"/>
                </a:lnTo>
                <a:lnTo>
                  <a:pt x="51815" y="950976"/>
                </a:lnTo>
                <a:lnTo>
                  <a:pt x="92964" y="979932"/>
                </a:lnTo>
                <a:lnTo>
                  <a:pt x="141731" y="998220"/>
                </a:lnTo>
                <a:lnTo>
                  <a:pt x="158495" y="1001268"/>
                </a:lnTo>
                <a:lnTo>
                  <a:pt x="9902952" y="1001268"/>
                </a:lnTo>
                <a:lnTo>
                  <a:pt x="9953243" y="987551"/>
                </a:lnTo>
                <a:lnTo>
                  <a:pt x="9977628" y="973836"/>
                </a:lnTo>
                <a:lnTo>
                  <a:pt x="160020" y="973836"/>
                </a:lnTo>
                <a:lnTo>
                  <a:pt x="146303" y="970788"/>
                </a:lnTo>
                <a:lnTo>
                  <a:pt x="105156" y="955548"/>
                </a:lnTo>
                <a:lnTo>
                  <a:pt x="71628" y="929640"/>
                </a:lnTo>
                <a:lnTo>
                  <a:pt x="60959" y="918972"/>
                </a:lnTo>
                <a:lnTo>
                  <a:pt x="39623" y="882396"/>
                </a:lnTo>
                <a:lnTo>
                  <a:pt x="27431" y="824484"/>
                </a:lnTo>
                <a:lnTo>
                  <a:pt x="27431" y="176784"/>
                </a:lnTo>
                <a:lnTo>
                  <a:pt x="35051" y="131064"/>
                </a:lnTo>
                <a:lnTo>
                  <a:pt x="53339" y="92964"/>
                </a:lnTo>
                <a:lnTo>
                  <a:pt x="82295" y="60960"/>
                </a:lnTo>
                <a:lnTo>
                  <a:pt x="118872" y="39624"/>
                </a:lnTo>
                <a:lnTo>
                  <a:pt x="161544" y="28955"/>
                </a:lnTo>
                <a:lnTo>
                  <a:pt x="176784" y="27431"/>
                </a:lnTo>
                <a:lnTo>
                  <a:pt x="9977119" y="27431"/>
                </a:lnTo>
                <a:lnTo>
                  <a:pt x="9966960" y="21336"/>
                </a:lnTo>
                <a:lnTo>
                  <a:pt x="9951719" y="13716"/>
                </a:lnTo>
                <a:lnTo>
                  <a:pt x="9934956" y="7620"/>
                </a:lnTo>
                <a:lnTo>
                  <a:pt x="9901428" y="1524"/>
                </a:lnTo>
                <a:lnTo>
                  <a:pt x="9883140" y="0"/>
                </a:lnTo>
                <a:close/>
              </a:path>
              <a:path w="10060305" h="1001394">
                <a:moveTo>
                  <a:pt x="9977119" y="27431"/>
                </a:moveTo>
                <a:lnTo>
                  <a:pt x="9883140" y="27431"/>
                </a:lnTo>
                <a:lnTo>
                  <a:pt x="9899904" y="28955"/>
                </a:lnTo>
                <a:lnTo>
                  <a:pt x="9913619" y="30479"/>
                </a:lnTo>
                <a:lnTo>
                  <a:pt x="9954767" y="45720"/>
                </a:lnTo>
                <a:lnTo>
                  <a:pt x="9989819" y="71627"/>
                </a:lnTo>
                <a:lnTo>
                  <a:pt x="10014204" y="106679"/>
                </a:lnTo>
                <a:lnTo>
                  <a:pt x="10029443" y="147827"/>
                </a:lnTo>
                <a:lnTo>
                  <a:pt x="10032491" y="176784"/>
                </a:lnTo>
                <a:lnTo>
                  <a:pt x="10032491" y="826008"/>
                </a:lnTo>
                <a:lnTo>
                  <a:pt x="10020300" y="883920"/>
                </a:lnTo>
                <a:lnTo>
                  <a:pt x="9988296" y="931163"/>
                </a:lnTo>
                <a:lnTo>
                  <a:pt x="9953243" y="957072"/>
                </a:lnTo>
                <a:lnTo>
                  <a:pt x="9913619" y="970788"/>
                </a:lnTo>
                <a:lnTo>
                  <a:pt x="9898380" y="973836"/>
                </a:lnTo>
                <a:lnTo>
                  <a:pt x="9977628" y="973836"/>
                </a:lnTo>
                <a:lnTo>
                  <a:pt x="10020300" y="937260"/>
                </a:lnTo>
                <a:lnTo>
                  <a:pt x="10046208" y="893063"/>
                </a:lnTo>
                <a:lnTo>
                  <a:pt x="10059924" y="826008"/>
                </a:lnTo>
                <a:lnTo>
                  <a:pt x="10059924" y="175260"/>
                </a:lnTo>
                <a:lnTo>
                  <a:pt x="10050780" y="123444"/>
                </a:lnTo>
                <a:lnTo>
                  <a:pt x="10029443" y="77724"/>
                </a:lnTo>
                <a:lnTo>
                  <a:pt x="9994391" y="39624"/>
                </a:lnTo>
                <a:lnTo>
                  <a:pt x="9982200" y="30479"/>
                </a:lnTo>
                <a:lnTo>
                  <a:pt x="9977119" y="27431"/>
                </a:lnTo>
                <a:close/>
              </a:path>
            </a:pathLst>
          </a:custGeom>
          <a:solidFill>
            <a:srgbClr val="1F497C"/>
          </a:solidFill>
        </p:spPr>
        <p:txBody>
          <a:bodyPr wrap="square" lIns="0" tIns="0" rIns="0" bIns="0" rtlCol="0"/>
          <a:lstStyle/>
          <a:p>
            <a:endParaRPr sz="1539"/>
          </a:p>
        </p:txBody>
      </p:sp>
      <p:sp>
        <p:nvSpPr>
          <p:cNvPr id="58" name="object 58"/>
          <p:cNvSpPr txBox="1"/>
          <p:nvPr/>
        </p:nvSpPr>
        <p:spPr>
          <a:xfrm>
            <a:off x="463499" y="881820"/>
            <a:ext cx="8320823" cy="685751"/>
          </a:xfrm>
          <a:prstGeom prst="rect">
            <a:avLst/>
          </a:prstGeom>
        </p:spPr>
        <p:txBody>
          <a:bodyPr vert="horz" wrap="square" lIns="0" tIns="13575" rIns="0" bIns="0" rtlCol="0">
            <a:spAutoFit/>
          </a:bodyPr>
          <a:lstStyle/>
          <a:p>
            <a:pPr marL="323078" indent="-312218">
              <a:spcBef>
                <a:spcPts val="107"/>
              </a:spcBef>
              <a:buChar char="○"/>
              <a:tabLst>
                <a:tab pos="323078" algn="l"/>
              </a:tabLst>
            </a:pPr>
            <a:r>
              <a:rPr sz="1454" spc="-4" dirty="0">
                <a:latin typeface="ＭＳ Ｐゴシック"/>
                <a:cs typeface="ＭＳ Ｐゴシック"/>
              </a:rPr>
              <a:t>建設工事の技能労働者数は、工事量に応じて弾力的に変動。</a:t>
            </a:r>
            <a:endParaRPr sz="1454">
              <a:latin typeface="ＭＳ Ｐゴシック"/>
              <a:cs typeface="ＭＳ Ｐゴシック"/>
            </a:endParaRPr>
          </a:p>
          <a:p>
            <a:pPr marL="259549" marR="4344" indent="-249232">
              <a:lnSpc>
                <a:spcPts val="1779"/>
              </a:lnSpc>
              <a:spcBef>
                <a:spcPts val="51"/>
              </a:spcBef>
              <a:buChar char="○"/>
              <a:tabLst>
                <a:tab pos="259549" algn="l"/>
                <a:tab pos="323078" algn="l"/>
              </a:tabLst>
            </a:pPr>
            <a:r>
              <a:rPr sz="1454" dirty="0">
                <a:latin typeface="ＭＳ Ｐゴシック"/>
                <a:cs typeface="ＭＳ Ｐゴシック"/>
              </a:rPr>
              <a:t>	</a:t>
            </a:r>
            <a:r>
              <a:rPr sz="1454" spc="-4" dirty="0">
                <a:latin typeface="ＭＳ Ｐゴシック"/>
                <a:cs typeface="ＭＳ Ｐゴシック"/>
              </a:rPr>
              <a:t>建設企業は建設投資の少ない閑散期における仕事量をベースに正規雇用を行い、繁忙期には非正規雇用を中心に雇用を確保していると考えられる。</a:t>
            </a:r>
            <a:endParaRPr sz="1454">
              <a:latin typeface="ＭＳ Ｐゴシック"/>
              <a:cs typeface="ＭＳ Ｐゴシック"/>
            </a:endParaRPr>
          </a:p>
        </p:txBody>
      </p:sp>
      <p:sp>
        <p:nvSpPr>
          <p:cNvPr id="59" name="object 59"/>
          <p:cNvSpPr txBox="1"/>
          <p:nvPr/>
        </p:nvSpPr>
        <p:spPr>
          <a:xfrm>
            <a:off x="4022490" y="3370899"/>
            <a:ext cx="516929" cy="209489"/>
          </a:xfrm>
          <a:prstGeom prst="rect">
            <a:avLst/>
          </a:prstGeom>
        </p:spPr>
        <p:txBody>
          <a:bodyPr vert="horz" wrap="square" lIns="0" tIns="11946" rIns="0" bIns="0" rtlCol="0">
            <a:spAutoFit/>
          </a:bodyPr>
          <a:lstStyle/>
          <a:p>
            <a:pPr marL="10860">
              <a:spcBef>
                <a:spcPts val="94"/>
              </a:spcBef>
            </a:pPr>
            <a:r>
              <a:rPr sz="1283" dirty="0">
                <a:latin typeface="Calibri"/>
                <a:cs typeface="Calibri"/>
              </a:rPr>
              <a:t>27</a:t>
            </a:r>
            <a:r>
              <a:rPr sz="1283" spc="-21" dirty="0">
                <a:latin typeface="ＭＳ Ｐゴシック"/>
                <a:cs typeface="ＭＳ Ｐゴシック"/>
              </a:rPr>
              <a:t>万人</a:t>
            </a:r>
            <a:endParaRPr sz="1283">
              <a:latin typeface="ＭＳ Ｐゴシック"/>
              <a:cs typeface="ＭＳ Ｐゴシック"/>
            </a:endParaRPr>
          </a:p>
        </p:txBody>
      </p:sp>
      <p:sp>
        <p:nvSpPr>
          <p:cNvPr id="60" name="object 60"/>
          <p:cNvSpPr txBox="1"/>
          <p:nvPr/>
        </p:nvSpPr>
        <p:spPr>
          <a:xfrm>
            <a:off x="6326518" y="3794434"/>
            <a:ext cx="516929" cy="209489"/>
          </a:xfrm>
          <a:prstGeom prst="rect">
            <a:avLst/>
          </a:prstGeom>
        </p:spPr>
        <p:txBody>
          <a:bodyPr vert="horz" wrap="square" lIns="0" tIns="11946" rIns="0" bIns="0" rtlCol="0">
            <a:spAutoFit/>
          </a:bodyPr>
          <a:lstStyle/>
          <a:p>
            <a:pPr marL="10860">
              <a:spcBef>
                <a:spcPts val="94"/>
              </a:spcBef>
            </a:pPr>
            <a:r>
              <a:rPr sz="1283" dirty="0">
                <a:latin typeface="Calibri"/>
                <a:cs typeface="Calibri"/>
              </a:rPr>
              <a:t>29</a:t>
            </a:r>
            <a:r>
              <a:rPr sz="1283" spc="-21" dirty="0">
                <a:latin typeface="ＭＳ Ｐゴシック"/>
                <a:cs typeface="ＭＳ Ｐゴシック"/>
              </a:rPr>
              <a:t>万人</a:t>
            </a:r>
            <a:endParaRPr sz="1283">
              <a:latin typeface="ＭＳ Ｐゴシック"/>
              <a:cs typeface="ＭＳ Ｐゴシック"/>
            </a:endParaRPr>
          </a:p>
        </p:txBody>
      </p:sp>
      <p:grpSp>
        <p:nvGrpSpPr>
          <p:cNvPr id="61" name="object 61"/>
          <p:cNvGrpSpPr/>
          <p:nvPr/>
        </p:nvGrpSpPr>
        <p:grpSpPr>
          <a:xfrm>
            <a:off x="3573327" y="2814874"/>
            <a:ext cx="2755146" cy="1973236"/>
            <a:chOff x="4178808" y="3063239"/>
            <a:chExt cx="3221990" cy="2307590"/>
          </a:xfrm>
        </p:grpSpPr>
        <p:sp>
          <p:nvSpPr>
            <p:cNvPr id="62" name="object 62"/>
            <p:cNvSpPr/>
            <p:nvPr/>
          </p:nvSpPr>
          <p:spPr>
            <a:xfrm>
              <a:off x="4178808" y="3073907"/>
              <a:ext cx="655320" cy="0"/>
            </a:xfrm>
            <a:custGeom>
              <a:avLst/>
              <a:gdLst/>
              <a:ahLst/>
              <a:cxnLst/>
              <a:rect l="l" t="t" r="r" b="b"/>
              <a:pathLst>
                <a:path w="655320">
                  <a:moveTo>
                    <a:pt x="0" y="0"/>
                  </a:moveTo>
                  <a:lnTo>
                    <a:pt x="655319" y="0"/>
                  </a:lnTo>
                </a:path>
              </a:pathLst>
            </a:custGeom>
            <a:ln w="21336">
              <a:solidFill>
                <a:srgbClr val="000000"/>
              </a:solidFill>
              <a:prstDash val="sysDash"/>
            </a:ln>
          </p:spPr>
          <p:txBody>
            <a:bodyPr wrap="square" lIns="0" tIns="0" rIns="0" bIns="0" rtlCol="0"/>
            <a:lstStyle/>
            <a:p>
              <a:endParaRPr sz="1539"/>
            </a:p>
          </p:txBody>
        </p:sp>
        <p:sp>
          <p:nvSpPr>
            <p:cNvPr id="63" name="object 63"/>
            <p:cNvSpPr/>
            <p:nvPr/>
          </p:nvSpPr>
          <p:spPr>
            <a:xfrm>
              <a:off x="4590288" y="3081527"/>
              <a:ext cx="83820" cy="1668780"/>
            </a:xfrm>
            <a:custGeom>
              <a:avLst/>
              <a:gdLst/>
              <a:ahLst/>
              <a:cxnLst/>
              <a:rect l="l" t="t" r="r" b="b"/>
              <a:pathLst>
                <a:path w="83820" h="1668779">
                  <a:moveTo>
                    <a:pt x="36575" y="1586484"/>
                  </a:moveTo>
                  <a:lnTo>
                    <a:pt x="0" y="1586484"/>
                  </a:lnTo>
                  <a:lnTo>
                    <a:pt x="41148" y="1668780"/>
                  </a:lnTo>
                  <a:lnTo>
                    <a:pt x="75437" y="1600200"/>
                  </a:lnTo>
                  <a:lnTo>
                    <a:pt x="36575" y="1600200"/>
                  </a:lnTo>
                  <a:lnTo>
                    <a:pt x="36575" y="1586484"/>
                  </a:lnTo>
                  <a:close/>
                </a:path>
                <a:path w="83820" h="1668779">
                  <a:moveTo>
                    <a:pt x="47244" y="68580"/>
                  </a:moveTo>
                  <a:lnTo>
                    <a:pt x="36575" y="68580"/>
                  </a:lnTo>
                  <a:lnTo>
                    <a:pt x="36575" y="1600200"/>
                  </a:lnTo>
                  <a:lnTo>
                    <a:pt x="45720" y="1600200"/>
                  </a:lnTo>
                  <a:lnTo>
                    <a:pt x="47244" y="68580"/>
                  </a:lnTo>
                  <a:close/>
                </a:path>
                <a:path w="83820" h="1668779">
                  <a:moveTo>
                    <a:pt x="82296" y="1586484"/>
                  </a:moveTo>
                  <a:lnTo>
                    <a:pt x="45733" y="1586484"/>
                  </a:lnTo>
                  <a:lnTo>
                    <a:pt x="45720" y="1600200"/>
                  </a:lnTo>
                  <a:lnTo>
                    <a:pt x="75437" y="1600200"/>
                  </a:lnTo>
                  <a:lnTo>
                    <a:pt x="82296" y="1586484"/>
                  </a:lnTo>
                  <a:close/>
                </a:path>
                <a:path w="83820" h="1668779">
                  <a:moveTo>
                    <a:pt x="42672" y="0"/>
                  </a:moveTo>
                  <a:lnTo>
                    <a:pt x="1524" y="82296"/>
                  </a:lnTo>
                  <a:lnTo>
                    <a:pt x="36575" y="82296"/>
                  </a:lnTo>
                  <a:lnTo>
                    <a:pt x="36575" y="68580"/>
                  </a:lnTo>
                  <a:lnTo>
                    <a:pt x="76962" y="68580"/>
                  </a:lnTo>
                  <a:lnTo>
                    <a:pt x="42672" y="0"/>
                  </a:lnTo>
                  <a:close/>
                </a:path>
                <a:path w="83820" h="1668779">
                  <a:moveTo>
                    <a:pt x="76962" y="68580"/>
                  </a:moveTo>
                  <a:lnTo>
                    <a:pt x="47244" y="68580"/>
                  </a:lnTo>
                  <a:lnTo>
                    <a:pt x="47230" y="82296"/>
                  </a:lnTo>
                  <a:lnTo>
                    <a:pt x="83820" y="82296"/>
                  </a:lnTo>
                  <a:lnTo>
                    <a:pt x="76962" y="68580"/>
                  </a:lnTo>
                  <a:close/>
                </a:path>
              </a:pathLst>
            </a:custGeom>
            <a:solidFill>
              <a:srgbClr val="000000"/>
            </a:solidFill>
          </p:spPr>
          <p:txBody>
            <a:bodyPr wrap="square" lIns="0" tIns="0" rIns="0" bIns="0" rtlCol="0"/>
            <a:lstStyle/>
            <a:p>
              <a:endParaRPr sz="1539"/>
            </a:p>
          </p:txBody>
        </p:sp>
        <p:sp>
          <p:nvSpPr>
            <p:cNvPr id="64" name="object 64"/>
            <p:cNvSpPr/>
            <p:nvPr/>
          </p:nvSpPr>
          <p:spPr>
            <a:xfrm>
              <a:off x="6467856" y="3566159"/>
              <a:ext cx="932815" cy="0"/>
            </a:xfrm>
            <a:custGeom>
              <a:avLst/>
              <a:gdLst/>
              <a:ahLst/>
              <a:cxnLst/>
              <a:rect l="l" t="t" r="r" b="b"/>
              <a:pathLst>
                <a:path w="932815">
                  <a:moveTo>
                    <a:pt x="0" y="0"/>
                  </a:moveTo>
                  <a:lnTo>
                    <a:pt x="932688" y="0"/>
                  </a:lnTo>
                </a:path>
              </a:pathLst>
            </a:custGeom>
            <a:ln w="21335">
              <a:solidFill>
                <a:srgbClr val="000000"/>
              </a:solidFill>
              <a:prstDash val="sysDashDot"/>
            </a:ln>
          </p:spPr>
          <p:txBody>
            <a:bodyPr wrap="square" lIns="0" tIns="0" rIns="0" bIns="0" rtlCol="0"/>
            <a:lstStyle/>
            <a:p>
              <a:endParaRPr sz="1539"/>
            </a:p>
          </p:txBody>
        </p:sp>
        <p:sp>
          <p:nvSpPr>
            <p:cNvPr id="65" name="object 65"/>
            <p:cNvSpPr/>
            <p:nvPr/>
          </p:nvSpPr>
          <p:spPr>
            <a:xfrm>
              <a:off x="7104888" y="3552443"/>
              <a:ext cx="83820" cy="1818639"/>
            </a:xfrm>
            <a:custGeom>
              <a:avLst/>
              <a:gdLst/>
              <a:ahLst/>
              <a:cxnLst/>
              <a:rect l="l" t="t" r="r" b="b"/>
              <a:pathLst>
                <a:path w="83820" h="1818639">
                  <a:moveTo>
                    <a:pt x="36588" y="1735835"/>
                  </a:moveTo>
                  <a:lnTo>
                    <a:pt x="0" y="1735835"/>
                  </a:lnTo>
                  <a:lnTo>
                    <a:pt x="41147" y="1818132"/>
                  </a:lnTo>
                  <a:lnTo>
                    <a:pt x="75437" y="1749552"/>
                  </a:lnTo>
                  <a:lnTo>
                    <a:pt x="36575" y="1749552"/>
                  </a:lnTo>
                  <a:lnTo>
                    <a:pt x="36588" y="1735835"/>
                  </a:lnTo>
                  <a:close/>
                </a:path>
                <a:path w="83820" h="1818639">
                  <a:moveTo>
                    <a:pt x="47243" y="68579"/>
                  </a:moveTo>
                  <a:lnTo>
                    <a:pt x="38100" y="68579"/>
                  </a:lnTo>
                  <a:lnTo>
                    <a:pt x="36575" y="1749552"/>
                  </a:lnTo>
                  <a:lnTo>
                    <a:pt x="47243" y="1749552"/>
                  </a:lnTo>
                  <a:lnTo>
                    <a:pt x="47243" y="68579"/>
                  </a:lnTo>
                  <a:close/>
                </a:path>
                <a:path w="83820" h="1818639">
                  <a:moveTo>
                    <a:pt x="82295" y="1735835"/>
                  </a:moveTo>
                  <a:lnTo>
                    <a:pt x="47243" y="1735835"/>
                  </a:lnTo>
                  <a:lnTo>
                    <a:pt x="47243" y="1749552"/>
                  </a:lnTo>
                  <a:lnTo>
                    <a:pt x="75437" y="1749552"/>
                  </a:lnTo>
                  <a:lnTo>
                    <a:pt x="82295" y="1735835"/>
                  </a:lnTo>
                  <a:close/>
                </a:path>
                <a:path w="83820" h="1818639">
                  <a:moveTo>
                    <a:pt x="42671" y="0"/>
                  </a:moveTo>
                  <a:lnTo>
                    <a:pt x="1523" y="82295"/>
                  </a:lnTo>
                  <a:lnTo>
                    <a:pt x="38087" y="82295"/>
                  </a:lnTo>
                  <a:lnTo>
                    <a:pt x="38100" y="68579"/>
                  </a:lnTo>
                  <a:lnTo>
                    <a:pt x="76961" y="68579"/>
                  </a:lnTo>
                  <a:lnTo>
                    <a:pt x="42671" y="0"/>
                  </a:lnTo>
                  <a:close/>
                </a:path>
                <a:path w="83820" h="1818639">
                  <a:moveTo>
                    <a:pt x="76961" y="68579"/>
                  </a:moveTo>
                  <a:lnTo>
                    <a:pt x="47243" y="68579"/>
                  </a:lnTo>
                  <a:lnTo>
                    <a:pt x="47243" y="82295"/>
                  </a:lnTo>
                  <a:lnTo>
                    <a:pt x="83819" y="82295"/>
                  </a:lnTo>
                  <a:lnTo>
                    <a:pt x="76961" y="68579"/>
                  </a:lnTo>
                  <a:close/>
                </a:path>
              </a:pathLst>
            </a:custGeom>
            <a:solidFill>
              <a:srgbClr val="000000"/>
            </a:solidFill>
          </p:spPr>
          <p:txBody>
            <a:bodyPr wrap="square" lIns="0" tIns="0" rIns="0" bIns="0" rtlCol="0"/>
            <a:lstStyle/>
            <a:p>
              <a:endParaRPr sz="1539"/>
            </a:p>
          </p:txBody>
        </p:sp>
      </p:grpSp>
      <p:sp>
        <p:nvSpPr>
          <p:cNvPr id="66" name="object 66"/>
          <p:cNvSpPr txBox="1"/>
          <p:nvPr/>
        </p:nvSpPr>
        <p:spPr>
          <a:xfrm>
            <a:off x="8786927" y="6271789"/>
            <a:ext cx="256836" cy="266415"/>
          </a:xfrm>
          <a:prstGeom prst="rect">
            <a:avLst/>
          </a:prstGeom>
        </p:spPr>
        <p:txBody>
          <a:bodyPr vert="horz" wrap="square" lIns="0" tIns="9774" rIns="0" bIns="0" rtlCol="0">
            <a:spAutoFit/>
          </a:bodyPr>
          <a:lstStyle/>
          <a:p>
            <a:pPr marL="10860">
              <a:spcBef>
                <a:spcPts val="77"/>
              </a:spcBef>
            </a:pPr>
            <a:r>
              <a:rPr sz="1667" spc="-21" dirty="0">
                <a:latin typeface="Arial"/>
                <a:cs typeface="Arial"/>
              </a:rPr>
              <a:t>26</a:t>
            </a:r>
            <a:endParaRPr sz="1667">
              <a:latin typeface="Arial"/>
              <a:cs typeface="Arial"/>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261504" y="153654"/>
            <a:ext cx="6751357" cy="691364"/>
          </a:xfrm>
          <a:prstGeom prst="rect">
            <a:avLst/>
          </a:prstGeom>
        </p:spPr>
        <p:txBody>
          <a:bodyPr vert="horz" wrap="square" lIns="0" tIns="14118" rIns="0" bIns="0" rtlCol="0" anchor="ctr">
            <a:spAutoFit/>
          </a:bodyPr>
          <a:lstStyle/>
          <a:p>
            <a:pPr marL="10860">
              <a:lnSpc>
                <a:spcPct val="100000"/>
              </a:lnSpc>
              <a:spcBef>
                <a:spcPts val="111"/>
              </a:spcBef>
            </a:pPr>
            <a:r>
              <a:rPr spc="-9" dirty="0">
                <a:solidFill>
                  <a:srgbClr val="3F87C8"/>
                </a:solidFill>
              </a:rPr>
              <a:t>下請比率の推移</a:t>
            </a:r>
          </a:p>
        </p:txBody>
      </p:sp>
      <p:grpSp>
        <p:nvGrpSpPr>
          <p:cNvPr id="4" name="object 4"/>
          <p:cNvGrpSpPr/>
          <p:nvPr/>
        </p:nvGrpSpPr>
        <p:grpSpPr>
          <a:xfrm>
            <a:off x="453507" y="1969110"/>
            <a:ext cx="8216568" cy="4021948"/>
            <a:chOff x="530351" y="2074164"/>
            <a:chExt cx="9608820" cy="4703445"/>
          </a:xfrm>
        </p:grpSpPr>
        <p:sp>
          <p:nvSpPr>
            <p:cNvPr id="5" name="object 5"/>
            <p:cNvSpPr/>
            <p:nvPr/>
          </p:nvSpPr>
          <p:spPr>
            <a:xfrm>
              <a:off x="534924" y="2078735"/>
              <a:ext cx="8964295" cy="4694555"/>
            </a:xfrm>
            <a:custGeom>
              <a:avLst/>
              <a:gdLst/>
              <a:ahLst/>
              <a:cxnLst/>
              <a:rect l="l" t="t" r="r" b="b"/>
              <a:pathLst>
                <a:path w="8964295" h="4694555">
                  <a:moveTo>
                    <a:pt x="2781300" y="3907536"/>
                  </a:moveTo>
                  <a:lnTo>
                    <a:pt x="2446020" y="3907536"/>
                  </a:lnTo>
                  <a:lnTo>
                    <a:pt x="2446020" y="0"/>
                  </a:lnTo>
                  <a:lnTo>
                    <a:pt x="2436876" y="0"/>
                  </a:lnTo>
                  <a:lnTo>
                    <a:pt x="2436876" y="3907536"/>
                  </a:lnTo>
                  <a:lnTo>
                    <a:pt x="1632204" y="3907536"/>
                  </a:lnTo>
                  <a:lnTo>
                    <a:pt x="1632204" y="0"/>
                  </a:lnTo>
                  <a:lnTo>
                    <a:pt x="1623060" y="0"/>
                  </a:lnTo>
                  <a:lnTo>
                    <a:pt x="1623060" y="3907536"/>
                  </a:lnTo>
                  <a:lnTo>
                    <a:pt x="818388" y="3907536"/>
                  </a:lnTo>
                  <a:lnTo>
                    <a:pt x="818388" y="0"/>
                  </a:lnTo>
                  <a:lnTo>
                    <a:pt x="809244" y="0"/>
                  </a:lnTo>
                  <a:lnTo>
                    <a:pt x="809244" y="3907536"/>
                  </a:lnTo>
                  <a:lnTo>
                    <a:pt x="0" y="3907536"/>
                  </a:lnTo>
                  <a:lnTo>
                    <a:pt x="0" y="3916680"/>
                  </a:lnTo>
                  <a:lnTo>
                    <a:pt x="809244" y="3916680"/>
                  </a:lnTo>
                  <a:lnTo>
                    <a:pt x="809244" y="4693932"/>
                  </a:lnTo>
                  <a:lnTo>
                    <a:pt x="818388" y="4693932"/>
                  </a:lnTo>
                  <a:lnTo>
                    <a:pt x="818388" y="3916680"/>
                  </a:lnTo>
                  <a:lnTo>
                    <a:pt x="1623060" y="3916680"/>
                  </a:lnTo>
                  <a:lnTo>
                    <a:pt x="1623060" y="4693932"/>
                  </a:lnTo>
                  <a:lnTo>
                    <a:pt x="1632204" y="4693932"/>
                  </a:lnTo>
                  <a:lnTo>
                    <a:pt x="1632204" y="3916680"/>
                  </a:lnTo>
                  <a:lnTo>
                    <a:pt x="2436876" y="3916680"/>
                  </a:lnTo>
                  <a:lnTo>
                    <a:pt x="2436876" y="4693932"/>
                  </a:lnTo>
                  <a:lnTo>
                    <a:pt x="2446020" y="4693932"/>
                  </a:lnTo>
                  <a:lnTo>
                    <a:pt x="2446020" y="3916680"/>
                  </a:lnTo>
                  <a:lnTo>
                    <a:pt x="2781300" y="3916680"/>
                  </a:lnTo>
                  <a:lnTo>
                    <a:pt x="2781300" y="3907536"/>
                  </a:lnTo>
                  <a:close/>
                </a:path>
                <a:path w="8964295" h="4694555">
                  <a:moveTo>
                    <a:pt x="2944368" y="3907536"/>
                  </a:moveTo>
                  <a:lnTo>
                    <a:pt x="2839212" y="3907536"/>
                  </a:lnTo>
                  <a:lnTo>
                    <a:pt x="2839212" y="3916680"/>
                  </a:lnTo>
                  <a:lnTo>
                    <a:pt x="2944368" y="3916680"/>
                  </a:lnTo>
                  <a:lnTo>
                    <a:pt x="2944368" y="3907536"/>
                  </a:lnTo>
                  <a:close/>
                </a:path>
                <a:path w="8964295" h="4694555">
                  <a:moveTo>
                    <a:pt x="3105912" y="3907536"/>
                  </a:moveTo>
                  <a:lnTo>
                    <a:pt x="3002280" y="3907536"/>
                  </a:lnTo>
                  <a:lnTo>
                    <a:pt x="3002280" y="3916680"/>
                  </a:lnTo>
                  <a:lnTo>
                    <a:pt x="3105912" y="3916680"/>
                  </a:lnTo>
                  <a:lnTo>
                    <a:pt x="3105912" y="3907536"/>
                  </a:lnTo>
                  <a:close/>
                </a:path>
                <a:path w="8964295" h="4694555">
                  <a:moveTo>
                    <a:pt x="3268980" y="3907536"/>
                  </a:moveTo>
                  <a:lnTo>
                    <a:pt x="3258312" y="3907536"/>
                  </a:lnTo>
                  <a:lnTo>
                    <a:pt x="3258312" y="0"/>
                  </a:lnTo>
                  <a:lnTo>
                    <a:pt x="3249168" y="0"/>
                  </a:lnTo>
                  <a:lnTo>
                    <a:pt x="3249168" y="3907536"/>
                  </a:lnTo>
                  <a:lnTo>
                    <a:pt x="3165348" y="3907536"/>
                  </a:lnTo>
                  <a:lnTo>
                    <a:pt x="3165348" y="3916680"/>
                  </a:lnTo>
                  <a:lnTo>
                    <a:pt x="3249168" y="3916680"/>
                  </a:lnTo>
                  <a:lnTo>
                    <a:pt x="3249168" y="4693932"/>
                  </a:lnTo>
                  <a:lnTo>
                    <a:pt x="3258312" y="4693932"/>
                  </a:lnTo>
                  <a:lnTo>
                    <a:pt x="3258312" y="3916680"/>
                  </a:lnTo>
                  <a:lnTo>
                    <a:pt x="3268980" y="3916680"/>
                  </a:lnTo>
                  <a:lnTo>
                    <a:pt x="3268980" y="3907536"/>
                  </a:lnTo>
                  <a:close/>
                </a:path>
                <a:path w="8964295" h="4694555">
                  <a:moveTo>
                    <a:pt x="3432048" y="3907536"/>
                  </a:moveTo>
                  <a:lnTo>
                    <a:pt x="3328416" y="3907536"/>
                  </a:lnTo>
                  <a:lnTo>
                    <a:pt x="3328416" y="3916680"/>
                  </a:lnTo>
                  <a:lnTo>
                    <a:pt x="3432048" y="3916680"/>
                  </a:lnTo>
                  <a:lnTo>
                    <a:pt x="3432048" y="3907536"/>
                  </a:lnTo>
                  <a:close/>
                </a:path>
                <a:path w="8964295" h="4694555">
                  <a:moveTo>
                    <a:pt x="3595116" y="3907536"/>
                  </a:moveTo>
                  <a:lnTo>
                    <a:pt x="3489960" y="3907536"/>
                  </a:lnTo>
                  <a:lnTo>
                    <a:pt x="3489960" y="3916680"/>
                  </a:lnTo>
                  <a:lnTo>
                    <a:pt x="3595116" y="3916680"/>
                  </a:lnTo>
                  <a:lnTo>
                    <a:pt x="3595116" y="3907536"/>
                  </a:lnTo>
                  <a:close/>
                </a:path>
                <a:path w="8964295" h="4694555">
                  <a:moveTo>
                    <a:pt x="3756660" y="3907536"/>
                  </a:moveTo>
                  <a:lnTo>
                    <a:pt x="3653028" y="3907536"/>
                  </a:lnTo>
                  <a:lnTo>
                    <a:pt x="3653028" y="3916680"/>
                  </a:lnTo>
                  <a:lnTo>
                    <a:pt x="3756660" y="3916680"/>
                  </a:lnTo>
                  <a:lnTo>
                    <a:pt x="3756660" y="3907536"/>
                  </a:lnTo>
                  <a:close/>
                </a:path>
                <a:path w="8964295" h="4694555">
                  <a:moveTo>
                    <a:pt x="3831336" y="3907536"/>
                  </a:moveTo>
                  <a:lnTo>
                    <a:pt x="3816096" y="3907536"/>
                  </a:lnTo>
                  <a:lnTo>
                    <a:pt x="3816096" y="3916680"/>
                  </a:lnTo>
                  <a:lnTo>
                    <a:pt x="3831336" y="3916680"/>
                  </a:lnTo>
                  <a:lnTo>
                    <a:pt x="3831336" y="3907536"/>
                  </a:lnTo>
                  <a:close/>
                </a:path>
                <a:path w="8964295" h="4694555">
                  <a:moveTo>
                    <a:pt x="3919728" y="3907536"/>
                  </a:moveTo>
                  <a:lnTo>
                    <a:pt x="3890772" y="3907536"/>
                  </a:lnTo>
                  <a:lnTo>
                    <a:pt x="3890772" y="3916680"/>
                  </a:lnTo>
                  <a:lnTo>
                    <a:pt x="3919728" y="3916680"/>
                  </a:lnTo>
                  <a:lnTo>
                    <a:pt x="3919728" y="3907536"/>
                  </a:lnTo>
                  <a:close/>
                </a:path>
                <a:path w="8964295" h="4694555">
                  <a:moveTo>
                    <a:pt x="3994404" y="3907536"/>
                  </a:moveTo>
                  <a:lnTo>
                    <a:pt x="3979164" y="3907536"/>
                  </a:lnTo>
                  <a:lnTo>
                    <a:pt x="3979164" y="3916680"/>
                  </a:lnTo>
                  <a:lnTo>
                    <a:pt x="3994404" y="3916680"/>
                  </a:lnTo>
                  <a:lnTo>
                    <a:pt x="3994404" y="3907536"/>
                  </a:lnTo>
                  <a:close/>
                </a:path>
                <a:path w="8964295" h="4694555">
                  <a:moveTo>
                    <a:pt x="4082796" y="3907536"/>
                  </a:moveTo>
                  <a:lnTo>
                    <a:pt x="4072128" y="3907536"/>
                  </a:lnTo>
                  <a:lnTo>
                    <a:pt x="4072128" y="0"/>
                  </a:lnTo>
                  <a:lnTo>
                    <a:pt x="4062984" y="0"/>
                  </a:lnTo>
                  <a:lnTo>
                    <a:pt x="4062984" y="3907536"/>
                  </a:lnTo>
                  <a:lnTo>
                    <a:pt x="4053840" y="3907536"/>
                  </a:lnTo>
                  <a:lnTo>
                    <a:pt x="4053840" y="3916680"/>
                  </a:lnTo>
                  <a:lnTo>
                    <a:pt x="4062984" y="3916680"/>
                  </a:lnTo>
                  <a:lnTo>
                    <a:pt x="4062984" y="4693932"/>
                  </a:lnTo>
                  <a:lnTo>
                    <a:pt x="4072128" y="4693932"/>
                  </a:lnTo>
                  <a:lnTo>
                    <a:pt x="4072128" y="3916680"/>
                  </a:lnTo>
                  <a:lnTo>
                    <a:pt x="4082796" y="3916680"/>
                  </a:lnTo>
                  <a:lnTo>
                    <a:pt x="4082796" y="3907536"/>
                  </a:lnTo>
                  <a:close/>
                </a:path>
                <a:path w="8964295" h="4694555">
                  <a:moveTo>
                    <a:pt x="4157472" y="3907536"/>
                  </a:moveTo>
                  <a:lnTo>
                    <a:pt x="4140708" y="3907536"/>
                  </a:lnTo>
                  <a:lnTo>
                    <a:pt x="4140708" y="3916680"/>
                  </a:lnTo>
                  <a:lnTo>
                    <a:pt x="4157472" y="3916680"/>
                  </a:lnTo>
                  <a:lnTo>
                    <a:pt x="4157472" y="3907536"/>
                  </a:lnTo>
                  <a:close/>
                </a:path>
                <a:path w="8964295" h="4694555">
                  <a:moveTo>
                    <a:pt x="4245864" y="3907536"/>
                  </a:moveTo>
                  <a:lnTo>
                    <a:pt x="4215384" y="3907536"/>
                  </a:lnTo>
                  <a:lnTo>
                    <a:pt x="4215384" y="3916680"/>
                  </a:lnTo>
                  <a:lnTo>
                    <a:pt x="4245864" y="3916680"/>
                  </a:lnTo>
                  <a:lnTo>
                    <a:pt x="4245864" y="3907536"/>
                  </a:lnTo>
                  <a:close/>
                </a:path>
                <a:path w="8964295" h="4694555">
                  <a:moveTo>
                    <a:pt x="4320540" y="3907536"/>
                  </a:moveTo>
                  <a:lnTo>
                    <a:pt x="4303776" y="3907536"/>
                  </a:lnTo>
                  <a:lnTo>
                    <a:pt x="4303776" y="3916680"/>
                  </a:lnTo>
                  <a:lnTo>
                    <a:pt x="4320540" y="3916680"/>
                  </a:lnTo>
                  <a:lnTo>
                    <a:pt x="4320540" y="3907536"/>
                  </a:lnTo>
                  <a:close/>
                </a:path>
                <a:path w="8964295" h="4694555">
                  <a:moveTo>
                    <a:pt x="4407408" y="3907536"/>
                  </a:moveTo>
                  <a:lnTo>
                    <a:pt x="4378452" y="3907536"/>
                  </a:lnTo>
                  <a:lnTo>
                    <a:pt x="4378452" y="3916680"/>
                  </a:lnTo>
                  <a:lnTo>
                    <a:pt x="4407408" y="3916680"/>
                  </a:lnTo>
                  <a:lnTo>
                    <a:pt x="4407408" y="3907536"/>
                  </a:lnTo>
                  <a:close/>
                </a:path>
                <a:path w="8964295" h="4694555">
                  <a:moveTo>
                    <a:pt x="4482084" y="3907536"/>
                  </a:moveTo>
                  <a:lnTo>
                    <a:pt x="4466844" y="3907536"/>
                  </a:lnTo>
                  <a:lnTo>
                    <a:pt x="4466844" y="3916680"/>
                  </a:lnTo>
                  <a:lnTo>
                    <a:pt x="4482084" y="3916680"/>
                  </a:lnTo>
                  <a:lnTo>
                    <a:pt x="4482084" y="3907536"/>
                  </a:lnTo>
                  <a:close/>
                </a:path>
                <a:path w="8964295" h="4694555">
                  <a:moveTo>
                    <a:pt x="4570476" y="3907536"/>
                  </a:moveTo>
                  <a:lnTo>
                    <a:pt x="4541520" y="3907536"/>
                  </a:lnTo>
                  <a:lnTo>
                    <a:pt x="4541520" y="3916680"/>
                  </a:lnTo>
                  <a:lnTo>
                    <a:pt x="4570476" y="3916680"/>
                  </a:lnTo>
                  <a:lnTo>
                    <a:pt x="4570476" y="3907536"/>
                  </a:lnTo>
                  <a:close/>
                </a:path>
                <a:path w="8964295" h="4694555">
                  <a:moveTo>
                    <a:pt x="4645152" y="3907536"/>
                  </a:moveTo>
                  <a:lnTo>
                    <a:pt x="4629912" y="3907536"/>
                  </a:lnTo>
                  <a:lnTo>
                    <a:pt x="4629912" y="3916680"/>
                  </a:lnTo>
                  <a:lnTo>
                    <a:pt x="4645152" y="3916680"/>
                  </a:lnTo>
                  <a:lnTo>
                    <a:pt x="4645152" y="3907536"/>
                  </a:lnTo>
                  <a:close/>
                </a:path>
                <a:path w="8964295" h="4694555">
                  <a:moveTo>
                    <a:pt x="4733544" y="3907536"/>
                  </a:moveTo>
                  <a:lnTo>
                    <a:pt x="4704588" y="3907536"/>
                  </a:lnTo>
                  <a:lnTo>
                    <a:pt x="4704588" y="3916680"/>
                  </a:lnTo>
                  <a:lnTo>
                    <a:pt x="4733544" y="3916680"/>
                  </a:lnTo>
                  <a:lnTo>
                    <a:pt x="4733544" y="3907536"/>
                  </a:lnTo>
                  <a:close/>
                </a:path>
                <a:path w="8964295" h="4694555">
                  <a:moveTo>
                    <a:pt x="4808220" y="3907536"/>
                  </a:moveTo>
                  <a:lnTo>
                    <a:pt x="4792980" y="3907536"/>
                  </a:lnTo>
                  <a:lnTo>
                    <a:pt x="4792980" y="3916680"/>
                  </a:lnTo>
                  <a:lnTo>
                    <a:pt x="4808220" y="3916680"/>
                  </a:lnTo>
                  <a:lnTo>
                    <a:pt x="4808220" y="3907536"/>
                  </a:lnTo>
                  <a:close/>
                </a:path>
                <a:path w="8964295" h="4694555">
                  <a:moveTo>
                    <a:pt x="4896612" y="3907536"/>
                  </a:moveTo>
                  <a:lnTo>
                    <a:pt x="4885944" y="3907536"/>
                  </a:lnTo>
                  <a:lnTo>
                    <a:pt x="4885944" y="0"/>
                  </a:lnTo>
                  <a:lnTo>
                    <a:pt x="4876800" y="0"/>
                  </a:lnTo>
                  <a:lnTo>
                    <a:pt x="4876800" y="3907536"/>
                  </a:lnTo>
                  <a:lnTo>
                    <a:pt x="4867656" y="3907536"/>
                  </a:lnTo>
                  <a:lnTo>
                    <a:pt x="4867656" y="3916680"/>
                  </a:lnTo>
                  <a:lnTo>
                    <a:pt x="4876800" y="3916680"/>
                  </a:lnTo>
                  <a:lnTo>
                    <a:pt x="4876800" y="4693932"/>
                  </a:lnTo>
                  <a:lnTo>
                    <a:pt x="4885944" y="4693932"/>
                  </a:lnTo>
                  <a:lnTo>
                    <a:pt x="4885944" y="3916680"/>
                  </a:lnTo>
                  <a:lnTo>
                    <a:pt x="4896612" y="3916680"/>
                  </a:lnTo>
                  <a:lnTo>
                    <a:pt x="4896612" y="3907536"/>
                  </a:lnTo>
                  <a:close/>
                </a:path>
                <a:path w="8964295" h="4694555">
                  <a:moveTo>
                    <a:pt x="4971288" y="3907536"/>
                  </a:moveTo>
                  <a:lnTo>
                    <a:pt x="4954524" y="3907536"/>
                  </a:lnTo>
                  <a:lnTo>
                    <a:pt x="4954524" y="3916680"/>
                  </a:lnTo>
                  <a:lnTo>
                    <a:pt x="4971288" y="3916680"/>
                  </a:lnTo>
                  <a:lnTo>
                    <a:pt x="4971288" y="3907536"/>
                  </a:lnTo>
                  <a:close/>
                </a:path>
                <a:path w="8964295" h="4694555">
                  <a:moveTo>
                    <a:pt x="5059680" y="3907536"/>
                  </a:moveTo>
                  <a:lnTo>
                    <a:pt x="5029200" y="3907536"/>
                  </a:lnTo>
                  <a:lnTo>
                    <a:pt x="5029200" y="3916680"/>
                  </a:lnTo>
                  <a:lnTo>
                    <a:pt x="5059680" y="3916680"/>
                  </a:lnTo>
                  <a:lnTo>
                    <a:pt x="5059680" y="3907536"/>
                  </a:lnTo>
                  <a:close/>
                </a:path>
                <a:path w="8964295" h="4694555">
                  <a:moveTo>
                    <a:pt x="5132832" y="3907536"/>
                  </a:moveTo>
                  <a:lnTo>
                    <a:pt x="5117592" y="3907536"/>
                  </a:lnTo>
                  <a:lnTo>
                    <a:pt x="5117592" y="3916680"/>
                  </a:lnTo>
                  <a:lnTo>
                    <a:pt x="5132832" y="3916680"/>
                  </a:lnTo>
                  <a:lnTo>
                    <a:pt x="5132832" y="3907536"/>
                  </a:lnTo>
                  <a:close/>
                </a:path>
                <a:path w="8964295" h="4694555">
                  <a:moveTo>
                    <a:pt x="5221224" y="3907536"/>
                  </a:moveTo>
                  <a:lnTo>
                    <a:pt x="5192268" y="3907536"/>
                  </a:lnTo>
                  <a:lnTo>
                    <a:pt x="5192268" y="3916680"/>
                  </a:lnTo>
                  <a:lnTo>
                    <a:pt x="5221224" y="3916680"/>
                  </a:lnTo>
                  <a:lnTo>
                    <a:pt x="5221224" y="3907536"/>
                  </a:lnTo>
                  <a:close/>
                </a:path>
                <a:path w="8964295" h="4694555">
                  <a:moveTo>
                    <a:pt x="5295900" y="3907536"/>
                  </a:moveTo>
                  <a:lnTo>
                    <a:pt x="5280660" y="3907536"/>
                  </a:lnTo>
                  <a:lnTo>
                    <a:pt x="5280660" y="3916680"/>
                  </a:lnTo>
                  <a:lnTo>
                    <a:pt x="5295900" y="3916680"/>
                  </a:lnTo>
                  <a:lnTo>
                    <a:pt x="5295900" y="3907536"/>
                  </a:lnTo>
                  <a:close/>
                </a:path>
                <a:path w="8964295" h="4694555">
                  <a:moveTo>
                    <a:pt x="5384292" y="3907536"/>
                  </a:moveTo>
                  <a:lnTo>
                    <a:pt x="5355336" y="3907536"/>
                  </a:lnTo>
                  <a:lnTo>
                    <a:pt x="5355336" y="3916680"/>
                  </a:lnTo>
                  <a:lnTo>
                    <a:pt x="5384292" y="3916680"/>
                  </a:lnTo>
                  <a:lnTo>
                    <a:pt x="5384292" y="3907536"/>
                  </a:lnTo>
                  <a:close/>
                </a:path>
                <a:path w="8964295" h="4694555">
                  <a:moveTo>
                    <a:pt x="5458968" y="3907536"/>
                  </a:moveTo>
                  <a:lnTo>
                    <a:pt x="5443728" y="3907536"/>
                  </a:lnTo>
                  <a:lnTo>
                    <a:pt x="5443728" y="3916680"/>
                  </a:lnTo>
                  <a:lnTo>
                    <a:pt x="5458968" y="3916680"/>
                  </a:lnTo>
                  <a:lnTo>
                    <a:pt x="5458968" y="3907536"/>
                  </a:lnTo>
                  <a:close/>
                </a:path>
                <a:path w="8964295" h="4694555">
                  <a:moveTo>
                    <a:pt x="5547360" y="3907536"/>
                  </a:moveTo>
                  <a:lnTo>
                    <a:pt x="5518404" y="3907536"/>
                  </a:lnTo>
                  <a:lnTo>
                    <a:pt x="5518404" y="3916680"/>
                  </a:lnTo>
                  <a:lnTo>
                    <a:pt x="5547360" y="3916680"/>
                  </a:lnTo>
                  <a:lnTo>
                    <a:pt x="5547360" y="3907536"/>
                  </a:lnTo>
                  <a:close/>
                </a:path>
                <a:path w="8964295" h="4694555">
                  <a:moveTo>
                    <a:pt x="5622036" y="3907536"/>
                  </a:moveTo>
                  <a:lnTo>
                    <a:pt x="5605272" y="3907536"/>
                  </a:lnTo>
                  <a:lnTo>
                    <a:pt x="5605272" y="3916680"/>
                  </a:lnTo>
                  <a:lnTo>
                    <a:pt x="5622036" y="3916680"/>
                  </a:lnTo>
                  <a:lnTo>
                    <a:pt x="5622036" y="3907536"/>
                  </a:lnTo>
                  <a:close/>
                </a:path>
                <a:path w="8964295" h="4694555">
                  <a:moveTo>
                    <a:pt x="5710428" y="3907536"/>
                  </a:moveTo>
                  <a:lnTo>
                    <a:pt x="5699760" y="3907536"/>
                  </a:lnTo>
                  <a:lnTo>
                    <a:pt x="5699760" y="0"/>
                  </a:lnTo>
                  <a:lnTo>
                    <a:pt x="5690616" y="0"/>
                  </a:lnTo>
                  <a:lnTo>
                    <a:pt x="5690616" y="3907536"/>
                  </a:lnTo>
                  <a:lnTo>
                    <a:pt x="5679948" y="3907536"/>
                  </a:lnTo>
                  <a:lnTo>
                    <a:pt x="5679948" y="3916680"/>
                  </a:lnTo>
                  <a:lnTo>
                    <a:pt x="5690616" y="3916680"/>
                  </a:lnTo>
                  <a:lnTo>
                    <a:pt x="5690616" y="4693932"/>
                  </a:lnTo>
                  <a:lnTo>
                    <a:pt x="5699760" y="4693932"/>
                  </a:lnTo>
                  <a:lnTo>
                    <a:pt x="5699760" y="3916680"/>
                  </a:lnTo>
                  <a:lnTo>
                    <a:pt x="5710428" y="3916680"/>
                  </a:lnTo>
                  <a:lnTo>
                    <a:pt x="5710428" y="3907536"/>
                  </a:lnTo>
                  <a:close/>
                </a:path>
                <a:path w="8964295" h="4694555">
                  <a:moveTo>
                    <a:pt x="5785104" y="3907536"/>
                  </a:moveTo>
                  <a:lnTo>
                    <a:pt x="5768340" y="3907536"/>
                  </a:lnTo>
                  <a:lnTo>
                    <a:pt x="5768340" y="3916680"/>
                  </a:lnTo>
                  <a:lnTo>
                    <a:pt x="5785104" y="3916680"/>
                  </a:lnTo>
                  <a:lnTo>
                    <a:pt x="5785104" y="3907536"/>
                  </a:lnTo>
                  <a:close/>
                </a:path>
                <a:path w="8964295" h="4694555">
                  <a:moveTo>
                    <a:pt x="5871972" y="3907536"/>
                  </a:moveTo>
                  <a:lnTo>
                    <a:pt x="5843016" y="3907536"/>
                  </a:lnTo>
                  <a:lnTo>
                    <a:pt x="5843016" y="3916680"/>
                  </a:lnTo>
                  <a:lnTo>
                    <a:pt x="5871972" y="3916680"/>
                  </a:lnTo>
                  <a:lnTo>
                    <a:pt x="5871972" y="3907536"/>
                  </a:lnTo>
                  <a:close/>
                </a:path>
                <a:path w="8964295" h="4694555">
                  <a:moveTo>
                    <a:pt x="5946648" y="3907536"/>
                  </a:moveTo>
                  <a:lnTo>
                    <a:pt x="5931408" y="3907536"/>
                  </a:lnTo>
                  <a:lnTo>
                    <a:pt x="5931408" y="3916680"/>
                  </a:lnTo>
                  <a:lnTo>
                    <a:pt x="5946648" y="3916680"/>
                  </a:lnTo>
                  <a:lnTo>
                    <a:pt x="5946648" y="3907536"/>
                  </a:lnTo>
                  <a:close/>
                </a:path>
                <a:path w="8964295" h="4694555">
                  <a:moveTo>
                    <a:pt x="6035040" y="3907536"/>
                  </a:moveTo>
                  <a:lnTo>
                    <a:pt x="6006071" y="3907536"/>
                  </a:lnTo>
                  <a:lnTo>
                    <a:pt x="6006071" y="3916680"/>
                  </a:lnTo>
                  <a:lnTo>
                    <a:pt x="6035040" y="3916680"/>
                  </a:lnTo>
                  <a:lnTo>
                    <a:pt x="6035040" y="3907536"/>
                  </a:lnTo>
                  <a:close/>
                </a:path>
                <a:path w="8964295" h="4694555">
                  <a:moveTo>
                    <a:pt x="6109716" y="3907536"/>
                  </a:moveTo>
                  <a:lnTo>
                    <a:pt x="6094476" y="3907536"/>
                  </a:lnTo>
                  <a:lnTo>
                    <a:pt x="6094476" y="3916680"/>
                  </a:lnTo>
                  <a:lnTo>
                    <a:pt x="6109716" y="3916680"/>
                  </a:lnTo>
                  <a:lnTo>
                    <a:pt x="6109716" y="3907536"/>
                  </a:lnTo>
                  <a:close/>
                </a:path>
                <a:path w="8964295" h="4694555">
                  <a:moveTo>
                    <a:pt x="6198108" y="3907536"/>
                  </a:moveTo>
                  <a:lnTo>
                    <a:pt x="6169152" y="3907536"/>
                  </a:lnTo>
                  <a:lnTo>
                    <a:pt x="6169152" y="3916680"/>
                  </a:lnTo>
                  <a:lnTo>
                    <a:pt x="6198108" y="3916680"/>
                  </a:lnTo>
                  <a:lnTo>
                    <a:pt x="6198108" y="3907536"/>
                  </a:lnTo>
                  <a:close/>
                </a:path>
                <a:path w="8964295" h="4694555">
                  <a:moveTo>
                    <a:pt x="6272784" y="3907536"/>
                  </a:moveTo>
                  <a:lnTo>
                    <a:pt x="6256020" y="3907536"/>
                  </a:lnTo>
                  <a:lnTo>
                    <a:pt x="6256020" y="3916680"/>
                  </a:lnTo>
                  <a:lnTo>
                    <a:pt x="6272784" y="3916680"/>
                  </a:lnTo>
                  <a:lnTo>
                    <a:pt x="6272784" y="3907536"/>
                  </a:lnTo>
                  <a:close/>
                </a:path>
                <a:path w="8964295" h="4694555">
                  <a:moveTo>
                    <a:pt x="6361176" y="3907536"/>
                  </a:moveTo>
                  <a:lnTo>
                    <a:pt x="6330696" y="3907536"/>
                  </a:lnTo>
                  <a:lnTo>
                    <a:pt x="6330696" y="3916680"/>
                  </a:lnTo>
                  <a:lnTo>
                    <a:pt x="6361176" y="3916680"/>
                  </a:lnTo>
                  <a:lnTo>
                    <a:pt x="6361176" y="3907536"/>
                  </a:lnTo>
                  <a:close/>
                </a:path>
                <a:path w="8964295" h="4694555">
                  <a:moveTo>
                    <a:pt x="6435852" y="3907536"/>
                  </a:moveTo>
                  <a:lnTo>
                    <a:pt x="6419088" y="3907536"/>
                  </a:lnTo>
                  <a:lnTo>
                    <a:pt x="6419088" y="3916680"/>
                  </a:lnTo>
                  <a:lnTo>
                    <a:pt x="6435852" y="3916680"/>
                  </a:lnTo>
                  <a:lnTo>
                    <a:pt x="6435852" y="3907536"/>
                  </a:lnTo>
                  <a:close/>
                </a:path>
                <a:path w="8964295" h="4694555">
                  <a:moveTo>
                    <a:pt x="6522720" y="3907536"/>
                  </a:moveTo>
                  <a:lnTo>
                    <a:pt x="6513576" y="3907536"/>
                  </a:lnTo>
                  <a:lnTo>
                    <a:pt x="6513576" y="0"/>
                  </a:lnTo>
                  <a:lnTo>
                    <a:pt x="6504432" y="0"/>
                  </a:lnTo>
                  <a:lnTo>
                    <a:pt x="6504432" y="3907536"/>
                  </a:lnTo>
                  <a:lnTo>
                    <a:pt x="6493764" y="3907536"/>
                  </a:lnTo>
                  <a:lnTo>
                    <a:pt x="6493764" y="3916680"/>
                  </a:lnTo>
                  <a:lnTo>
                    <a:pt x="6504432" y="3916680"/>
                  </a:lnTo>
                  <a:lnTo>
                    <a:pt x="6504432" y="4693932"/>
                  </a:lnTo>
                  <a:lnTo>
                    <a:pt x="6513576" y="4693932"/>
                  </a:lnTo>
                  <a:lnTo>
                    <a:pt x="6513576" y="3916680"/>
                  </a:lnTo>
                  <a:lnTo>
                    <a:pt x="6522720" y="3916680"/>
                  </a:lnTo>
                  <a:lnTo>
                    <a:pt x="6522720" y="3907536"/>
                  </a:lnTo>
                  <a:close/>
                </a:path>
                <a:path w="8964295" h="4694555">
                  <a:moveTo>
                    <a:pt x="6597396" y="3907536"/>
                  </a:moveTo>
                  <a:lnTo>
                    <a:pt x="6582156" y="3907536"/>
                  </a:lnTo>
                  <a:lnTo>
                    <a:pt x="6582156" y="3916680"/>
                  </a:lnTo>
                  <a:lnTo>
                    <a:pt x="6597396" y="3916680"/>
                  </a:lnTo>
                  <a:lnTo>
                    <a:pt x="6597396" y="3907536"/>
                  </a:lnTo>
                  <a:close/>
                </a:path>
                <a:path w="8964295" h="4694555">
                  <a:moveTo>
                    <a:pt x="6685788" y="3907536"/>
                  </a:moveTo>
                  <a:lnTo>
                    <a:pt x="6656832" y="3907536"/>
                  </a:lnTo>
                  <a:lnTo>
                    <a:pt x="6656832" y="3916680"/>
                  </a:lnTo>
                  <a:lnTo>
                    <a:pt x="6685788" y="3916680"/>
                  </a:lnTo>
                  <a:lnTo>
                    <a:pt x="6685788" y="3907536"/>
                  </a:lnTo>
                  <a:close/>
                </a:path>
                <a:path w="8964295" h="4694555">
                  <a:moveTo>
                    <a:pt x="6760464" y="3907536"/>
                  </a:moveTo>
                  <a:lnTo>
                    <a:pt x="6745224" y="3907536"/>
                  </a:lnTo>
                  <a:lnTo>
                    <a:pt x="6745224" y="3916680"/>
                  </a:lnTo>
                  <a:lnTo>
                    <a:pt x="6760464" y="3916680"/>
                  </a:lnTo>
                  <a:lnTo>
                    <a:pt x="6760464" y="3907536"/>
                  </a:lnTo>
                  <a:close/>
                </a:path>
                <a:path w="8964295" h="4694555">
                  <a:moveTo>
                    <a:pt x="6848856" y="3907536"/>
                  </a:moveTo>
                  <a:lnTo>
                    <a:pt x="6819900" y="3907536"/>
                  </a:lnTo>
                  <a:lnTo>
                    <a:pt x="6819900" y="3916680"/>
                  </a:lnTo>
                  <a:lnTo>
                    <a:pt x="6848856" y="3916680"/>
                  </a:lnTo>
                  <a:lnTo>
                    <a:pt x="6848856" y="3907536"/>
                  </a:lnTo>
                  <a:close/>
                </a:path>
                <a:path w="8964295" h="4694555">
                  <a:moveTo>
                    <a:pt x="6923532" y="3907536"/>
                  </a:moveTo>
                  <a:lnTo>
                    <a:pt x="6906768" y="3907536"/>
                  </a:lnTo>
                  <a:lnTo>
                    <a:pt x="6906768" y="3916680"/>
                  </a:lnTo>
                  <a:lnTo>
                    <a:pt x="6923532" y="3916680"/>
                  </a:lnTo>
                  <a:lnTo>
                    <a:pt x="6923532" y="3907536"/>
                  </a:lnTo>
                  <a:close/>
                </a:path>
                <a:path w="8964295" h="4694555">
                  <a:moveTo>
                    <a:pt x="7011924" y="3907536"/>
                  </a:moveTo>
                  <a:lnTo>
                    <a:pt x="6981444" y="3907536"/>
                  </a:lnTo>
                  <a:lnTo>
                    <a:pt x="6981444" y="3916680"/>
                  </a:lnTo>
                  <a:lnTo>
                    <a:pt x="7011924" y="3916680"/>
                  </a:lnTo>
                  <a:lnTo>
                    <a:pt x="7011924" y="3907536"/>
                  </a:lnTo>
                  <a:close/>
                </a:path>
                <a:path w="8964295" h="4694555">
                  <a:moveTo>
                    <a:pt x="7086600" y="3907536"/>
                  </a:moveTo>
                  <a:lnTo>
                    <a:pt x="7069836" y="3907536"/>
                  </a:lnTo>
                  <a:lnTo>
                    <a:pt x="7069836" y="3916680"/>
                  </a:lnTo>
                  <a:lnTo>
                    <a:pt x="7086600" y="3916680"/>
                  </a:lnTo>
                  <a:lnTo>
                    <a:pt x="7086600" y="3907536"/>
                  </a:lnTo>
                  <a:close/>
                </a:path>
                <a:path w="8964295" h="4694555">
                  <a:moveTo>
                    <a:pt x="7173468" y="3907536"/>
                  </a:moveTo>
                  <a:lnTo>
                    <a:pt x="7144512" y="3907536"/>
                  </a:lnTo>
                  <a:lnTo>
                    <a:pt x="7144512" y="3916680"/>
                  </a:lnTo>
                  <a:lnTo>
                    <a:pt x="7173468" y="3916680"/>
                  </a:lnTo>
                  <a:lnTo>
                    <a:pt x="7173468" y="3907536"/>
                  </a:lnTo>
                  <a:close/>
                </a:path>
                <a:path w="8964295" h="4694555">
                  <a:moveTo>
                    <a:pt x="7248144" y="3907536"/>
                  </a:moveTo>
                  <a:lnTo>
                    <a:pt x="7232904" y="3907536"/>
                  </a:lnTo>
                  <a:lnTo>
                    <a:pt x="7232904" y="3916680"/>
                  </a:lnTo>
                  <a:lnTo>
                    <a:pt x="7248144" y="3916680"/>
                  </a:lnTo>
                  <a:lnTo>
                    <a:pt x="7248144" y="3907536"/>
                  </a:lnTo>
                  <a:close/>
                </a:path>
                <a:path w="8964295" h="4694555">
                  <a:moveTo>
                    <a:pt x="7336536" y="3907536"/>
                  </a:moveTo>
                  <a:lnTo>
                    <a:pt x="7327392" y="3907536"/>
                  </a:lnTo>
                  <a:lnTo>
                    <a:pt x="7327392" y="0"/>
                  </a:lnTo>
                  <a:lnTo>
                    <a:pt x="7318248" y="0"/>
                  </a:lnTo>
                  <a:lnTo>
                    <a:pt x="7318248" y="3907536"/>
                  </a:lnTo>
                  <a:lnTo>
                    <a:pt x="7307580" y="3907536"/>
                  </a:lnTo>
                  <a:lnTo>
                    <a:pt x="7307580" y="3916680"/>
                  </a:lnTo>
                  <a:lnTo>
                    <a:pt x="7318248" y="3916680"/>
                  </a:lnTo>
                  <a:lnTo>
                    <a:pt x="7318248" y="4693932"/>
                  </a:lnTo>
                  <a:lnTo>
                    <a:pt x="7327392" y="4693932"/>
                  </a:lnTo>
                  <a:lnTo>
                    <a:pt x="7327392" y="3916680"/>
                  </a:lnTo>
                  <a:lnTo>
                    <a:pt x="7336536" y="3916680"/>
                  </a:lnTo>
                  <a:lnTo>
                    <a:pt x="7336536" y="3907536"/>
                  </a:lnTo>
                  <a:close/>
                </a:path>
                <a:path w="8964295" h="4694555">
                  <a:moveTo>
                    <a:pt x="7411212" y="3907536"/>
                  </a:moveTo>
                  <a:lnTo>
                    <a:pt x="7395972" y="3907536"/>
                  </a:lnTo>
                  <a:lnTo>
                    <a:pt x="7395972" y="3916680"/>
                  </a:lnTo>
                  <a:lnTo>
                    <a:pt x="7411212" y="3916680"/>
                  </a:lnTo>
                  <a:lnTo>
                    <a:pt x="7411212" y="3907536"/>
                  </a:lnTo>
                  <a:close/>
                </a:path>
                <a:path w="8964295" h="4694555">
                  <a:moveTo>
                    <a:pt x="7499604" y="3907536"/>
                  </a:moveTo>
                  <a:lnTo>
                    <a:pt x="7470648" y="3907536"/>
                  </a:lnTo>
                  <a:lnTo>
                    <a:pt x="7470648" y="3916680"/>
                  </a:lnTo>
                  <a:lnTo>
                    <a:pt x="7499604" y="3916680"/>
                  </a:lnTo>
                  <a:lnTo>
                    <a:pt x="7499604" y="3907536"/>
                  </a:lnTo>
                  <a:close/>
                </a:path>
                <a:path w="8964295" h="4694555">
                  <a:moveTo>
                    <a:pt x="7574280" y="3907536"/>
                  </a:moveTo>
                  <a:lnTo>
                    <a:pt x="7559040" y="3907536"/>
                  </a:lnTo>
                  <a:lnTo>
                    <a:pt x="7559040" y="3916680"/>
                  </a:lnTo>
                  <a:lnTo>
                    <a:pt x="7574280" y="3916680"/>
                  </a:lnTo>
                  <a:lnTo>
                    <a:pt x="7574280" y="3907536"/>
                  </a:lnTo>
                  <a:close/>
                </a:path>
                <a:path w="8964295" h="4694555">
                  <a:moveTo>
                    <a:pt x="7662672" y="3907536"/>
                  </a:moveTo>
                  <a:lnTo>
                    <a:pt x="7633716" y="3907536"/>
                  </a:lnTo>
                  <a:lnTo>
                    <a:pt x="7633716" y="3916680"/>
                  </a:lnTo>
                  <a:lnTo>
                    <a:pt x="7662672" y="3916680"/>
                  </a:lnTo>
                  <a:lnTo>
                    <a:pt x="7662672" y="3907536"/>
                  </a:lnTo>
                  <a:close/>
                </a:path>
                <a:path w="8964295" h="4694555">
                  <a:moveTo>
                    <a:pt x="7737348" y="3907536"/>
                  </a:moveTo>
                  <a:lnTo>
                    <a:pt x="7720584" y="3907536"/>
                  </a:lnTo>
                  <a:lnTo>
                    <a:pt x="7720584" y="3916680"/>
                  </a:lnTo>
                  <a:lnTo>
                    <a:pt x="7737348" y="3916680"/>
                  </a:lnTo>
                  <a:lnTo>
                    <a:pt x="7737348" y="3907536"/>
                  </a:lnTo>
                  <a:close/>
                </a:path>
                <a:path w="8964295" h="4694555">
                  <a:moveTo>
                    <a:pt x="7825740" y="3907536"/>
                  </a:moveTo>
                  <a:lnTo>
                    <a:pt x="7795260" y="3907536"/>
                  </a:lnTo>
                  <a:lnTo>
                    <a:pt x="7795260" y="3916680"/>
                  </a:lnTo>
                  <a:lnTo>
                    <a:pt x="7825740" y="3916680"/>
                  </a:lnTo>
                  <a:lnTo>
                    <a:pt x="7825740" y="3907536"/>
                  </a:lnTo>
                  <a:close/>
                </a:path>
                <a:path w="8964295" h="4694555">
                  <a:moveTo>
                    <a:pt x="7898892" y="3907536"/>
                  </a:moveTo>
                  <a:lnTo>
                    <a:pt x="7883652" y="3907536"/>
                  </a:lnTo>
                  <a:lnTo>
                    <a:pt x="7883652" y="3916680"/>
                  </a:lnTo>
                  <a:lnTo>
                    <a:pt x="7898892" y="3916680"/>
                  </a:lnTo>
                  <a:lnTo>
                    <a:pt x="7898892" y="3907536"/>
                  </a:lnTo>
                  <a:close/>
                </a:path>
                <a:path w="8964295" h="4694555">
                  <a:moveTo>
                    <a:pt x="8150352" y="3907536"/>
                  </a:moveTo>
                  <a:lnTo>
                    <a:pt x="8139684" y="3907536"/>
                  </a:lnTo>
                  <a:lnTo>
                    <a:pt x="8139684" y="0"/>
                  </a:lnTo>
                  <a:lnTo>
                    <a:pt x="8130540" y="0"/>
                  </a:lnTo>
                  <a:lnTo>
                    <a:pt x="8130540" y="3907536"/>
                  </a:lnTo>
                  <a:lnTo>
                    <a:pt x="8121396" y="3907536"/>
                  </a:lnTo>
                  <a:lnTo>
                    <a:pt x="8121396" y="3916680"/>
                  </a:lnTo>
                  <a:lnTo>
                    <a:pt x="8130540" y="3916680"/>
                  </a:lnTo>
                  <a:lnTo>
                    <a:pt x="8130540" y="4693932"/>
                  </a:lnTo>
                  <a:lnTo>
                    <a:pt x="8139684" y="4693932"/>
                  </a:lnTo>
                  <a:lnTo>
                    <a:pt x="8139684" y="3916680"/>
                  </a:lnTo>
                  <a:lnTo>
                    <a:pt x="8150352" y="3916680"/>
                  </a:lnTo>
                  <a:lnTo>
                    <a:pt x="8150352" y="3907536"/>
                  </a:lnTo>
                  <a:close/>
                </a:path>
                <a:path w="8964295" h="4694555">
                  <a:moveTo>
                    <a:pt x="8964168" y="3907536"/>
                  </a:moveTo>
                  <a:lnTo>
                    <a:pt x="8953500" y="3907536"/>
                  </a:lnTo>
                  <a:lnTo>
                    <a:pt x="8953500" y="0"/>
                  </a:lnTo>
                  <a:lnTo>
                    <a:pt x="8944356" y="0"/>
                  </a:lnTo>
                  <a:lnTo>
                    <a:pt x="8944356" y="3907536"/>
                  </a:lnTo>
                  <a:lnTo>
                    <a:pt x="8935212" y="3907536"/>
                  </a:lnTo>
                  <a:lnTo>
                    <a:pt x="8935212" y="3916680"/>
                  </a:lnTo>
                  <a:lnTo>
                    <a:pt x="8944356" y="3916680"/>
                  </a:lnTo>
                  <a:lnTo>
                    <a:pt x="8944356" y="4693932"/>
                  </a:lnTo>
                  <a:lnTo>
                    <a:pt x="8953500" y="4693932"/>
                  </a:lnTo>
                  <a:lnTo>
                    <a:pt x="8953500" y="3916680"/>
                  </a:lnTo>
                  <a:lnTo>
                    <a:pt x="8964168" y="3916680"/>
                  </a:lnTo>
                  <a:lnTo>
                    <a:pt x="8964168" y="3907536"/>
                  </a:lnTo>
                  <a:close/>
                </a:path>
              </a:pathLst>
            </a:custGeom>
            <a:solidFill>
              <a:srgbClr val="D8D8D8"/>
            </a:solidFill>
          </p:spPr>
          <p:txBody>
            <a:bodyPr wrap="square" lIns="0" tIns="0" rIns="0" bIns="0" rtlCol="0"/>
            <a:lstStyle/>
            <a:p>
              <a:endParaRPr sz="1539"/>
            </a:p>
          </p:txBody>
        </p:sp>
        <p:sp>
          <p:nvSpPr>
            <p:cNvPr id="6" name="object 6"/>
            <p:cNvSpPr/>
            <p:nvPr/>
          </p:nvSpPr>
          <p:spPr>
            <a:xfrm>
              <a:off x="4024884" y="5204460"/>
              <a:ext cx="6109970" cy="791210"/>
            </a:xfrm>
            <a:custGeom>
              <a:avLst/>
              <a:gdLst/>
              <a:ahLst/>
              <a:cxnLst/>
              <a:rect l="l" t="t" r="r" b="b"/>
              <a:pathLst>
                <a:path w="6109970" h="791210">
                  <a:moveTo>
                    <a:pt x="105156" y="0"/>
                  </a:moveTo>
                  <a:lnTo>
                    <a:pt x="0" y="0"/>
                  </a:lnTo>
                  <a:lnTo>
                    <a:pt x="0" y="9144"/>
                  </a:lnTo>
                  <a:lnTo>
                    <a:pt x="105156" y="9144"/>
                  </a:lnTo>
                  <a:lnTo>
                    <a:pt x="105156" y="0"/>
                  </a:lnTo>
                  <a:close/>
                </a:path>
                <a:path w="6109970" h="791210">
                  <a:moveTo>
                    <a:pt x="429768" y="0"/>
                  </a:moveTo>
                  <a:lnTo>
                    <a:pt x="326136" y="0"/>
                  </a:lnTo>
                  <a:lnTo>
                    <a:pt x="326136" y="9144"/>
                  </a:lnTo>
                  <a:lnTo>
                    <a:pt x="429768" y="9144"/>
                  </a:lnTo>
                  <a:lnTo>
                    <a:pt x="429768" y="0"/>
                  </a:lnTo>
                  <a:close/>
                </a:path>
                <a:path w="6109970" h="791210">
                  <a:moveTo>
                    <a:pt x="592836" y="0"/>
                  </a:moveTo>
                  <a:lnTo>
                    <a:pt x="489204" y="0"/>
                  </a:lnTo>
                  <a:lnTo>
                    <a:pt x="489204" y="9144"/>
                  </a:lnTo>
                  <a:lnTo>
                    <a:pt x="592836" y="9144"/>
                  </a:lnTo>
                  <a:lnTo>
                    <a:pt x="592836" y="0"/>
                  </a:lnTo>
                  <a:close/>
                </a:path>
                <a:path w="6109970" h="791210">
                  <a:moveTo>
                    <a:pt x="755904" y="0"/>
                  </a:moveTo>
                  <a:lnTo>
                    <a:pt x="650748" y="0"/>
                  </a:lnTo>
                  <a:lnTo>
                    <a:pt x="650748" y="9144"/>
                  </a:lnTo>
                  <a:lnTo>
                    <a:pt x="755904" y="9144"/>
                  </a:lnTo>
                  <a:lnTo>
                    <a:pt x="755904" y="0"/>
                  </a:lnTo>
                  <a:close/>
                </a:path>
                <a:path w="6109970" h="791210">
                  <a:moveTo>
                    <a:pt x="917448" y="0"/>
                  </a:moveTo>
                  <a:lnTo>
                    <a:pt x="813816" y="0"/>
                  </a:lnTo>
                  <a:lnTo>
                    <a:pt x="813816" y="9144"/>
                  </a:lnTo>
                  <a:lnTo>
                    <a:pt x="917448" y="9144"/>
                  </a:lnTo>
                  <a:lnTo>
                    <a:pt x="917448" y="0"/>
                  </a:lnTo>
                  <a:close/>
                </a:path>
                <a:path w="6109970" h="791210">
                  <a:moveTo>
                    <a:pt x="1080516" y="0"/>
                  </a:moveTo>
                  <a:lnTo>
                    <a:pt x="976884" y="0"/>
                  </a:lnTo>
                  <a:lnTo>
                    <a:pt x="976884" y="9144"/>
                  </a:lnTo>
                  <a:lnTo>
                    <a:pt x="1080516" y="9144"/>
                  </a:lnTo>
                  <a:lnTo>
                    <a:pt x="1080516" y="0"/>
                  </a:lnTo>
                  <a:close/>
                </a:path>
                <a:path w="6109970" h="791210">
                  <a:moveTo>
                    <a:pt x="1243584" y="0"/>
                  </a:moveTo>
                  <a:lnTo>
                    <a:pt x="1139952" y="0"/>
                  </a:lnTo>
                  <a:lnTo>
                    <a:pt x="1139952" y="9144"/>
                  </a:lnTo>
                  <a:lnTo>
                    <a:pt x="1243584" y="9144"/>
                  </a:lnTo>
                  <a:lnTo>
                    <a:pt x="1243584" y="0"/>
                  </a:lnTo>
                  <a:close/>
                </a:path>
                <a:path w="6109970" h="791210">
                  <a:moveTo>
                    <a:pt x="1406652" y="0"/>
                  </a:moveTo>
                  <a:lnTo>
                    <a:pt x="1303020" y="0"/>
                  </a:lnTo>
                  <a:lnTo>
                    <a:pt x="1303020" y="9144"/>
                  </a:lnTo>
                  <a:lnTo>
                    <a:pt x="1406652" y="9144"/>
                  </a:lnTo>
                  <a:lnTo>
                    <a:pt x="1406652" y="0"/>
                  </a:lnTo>
                  <a:close/>
                </a:path>
                <a:path w="6109970" h="791210">
                  <a:moveTo>
                    <a:pt x="1569720" y="0"/>
                  </a:moveTo>
                  <a:lnTo>
                    <a:pt x="1464564" y="0"/>
                  </a:lnTo>
                  <a:lnTo>
                    <a:pt x="1464564" y="9144"/>
                  </a:lnTo>
                  <a:lnTo>
                    <a:pt x="1569720" y="9144"/>
                  </a:lnTo>
                  <a:lnTo>
                    <a:pt x="1569720" y="0"/>
                  </a:lnTo>
                  <a:close/>
                </a:path>
                <a:path w="6109970" h="791210">
                  <a:moveTo>
                    <a:pt x="1805940" y="0"/>
                  </a:moveTo>
                  <a:lnTo>
                    <a:pt x="1790700" y="0"/>
                  </a:lnTo>
                  <a:lnTo>
                    <a:pt x="1790700" y="9144"/>
                  </a:lnTo>
                  <a:lnTo>
                    <a:pt x="1805940" y="9144"/>
                  </a:lnTo>
                  <a:lnTo>
                    <a:pt x="1805940" y="0"/>
                  </a:lnTo>
                  <a:close/>
                </a:path>
                <a:path w="6109970" h="791210">
                  <a:moveTo>
                    <a:pt x="1894332" y="0"/>
                  </a:moveTo>
                  <a:lnTo>
                    <a:pt x="1865376" y="0"/>
                  </a:lnTo>
                  <a:lnTo>
                    <a:pt x="1865376" y="9144"/>
                  </a:lnTo>
                  <a:lnTo>
                    <a:pt x="1894332" y="9144"/>
                  </a:lnTo>
                  <a:lnTo>
                    <a:pt x="1894332" y="0"/>
                  </a:lnTo>
                  <a:close/>
                </a:path>
                <a:path w="6109970" h="791210">
                  <a:moveTo>
                    <a:pt x="1969008" y="0"/>
                  </a:moveTo>
                  <a:lnTo>
                    <a:pt x="1953768" y="0"/>
                  </a:lnTo>
                  <a:lnTo>
                    <a:pt x="1953768" y="9144"/>
                  </a:lnTo>
                  <a:lnTo>
                    <a:pt x="1969008" y="9144"/>
                  </a:lnTo>
                  <a:lnTo>
                    <a:pt x="1969008" y="0"/>
                  </a:lnTo>
                  <a:close/>
                </a:path>
                <a:path w="6109970" h="791210">
                  <a:moveTo>
                    <a:pt x="2057400" y="0"/>
                  </a:moveTo>
                  <a:lnTo>
                    <a:pt x="2028444" y="0"/>
                  </a:lnTo>
                  <a:lnTo>
                    <a:pt x="2028444" y="9144"/>
                  </a:lnTo>
                  <a:lnTo>
                    <a:pt x="2057400" y="9144"/>
                  </a:lnTo>
                  <a:lnTo>
                    <a:pt x="2057400" y="0"/>
                  </a:lnTo>
                  <a:close/>
                </a:path>
                <a:path w="6109970" h="791210">
                  <a:moveTo>
                    <a:pt x="2132076" y="0"/>
                  </a:moveTo>
                  <a:lnTo>
                    <a:pt x="2115312" y="0"/>
                  </a:lnTo>
                  <a:lnTo>
                    <a:pt x="2115312" y="9144"/>
                  </a:lnTo>
                  <a:lnTo>
                    <a:pt x="2132076" y="9144"/>
                  </a:lnTo>
                  <a:lnTo>
                    <a:pt x="2132076" y="0"/>
                  </a:lnTo>
                  <a:close/>
                </a:path>
                <a:path w="6109970" h="791210">
                  <a:moveTo>
                    <a:pt x="2220468" y="0"/>
                  </a:moveTo>
                  <a:lnTo>
                    <a:pt x="2189988" y="0"/>
                  </a:lnTo>
                  <a:lnTo>
                    <a:pt x="2189988" y="9144"/>
                  </a:lnTo>
                  <a:lnTo>
                    <a:pt x="2220468" y="9144"/>
                  </a:lnTo>
                  <a:lnTo>
                    <a:pt x="2220468" y="0"/>
                  </a:lnTo>
                  <a:close/>
                </a:path>
                <a:path w="6109970" h="791210">
                  <a:moveTo>
                    <a:pt x="2295144" y="0"/>
                  </a:moveTo>
                  <a:lnTo>
                    <a:pt x="2278380" y="0"/>
                  </a:lnTo>
                  <a:lnTo>
                    <a:pt x="2278380" y="9144"/>
                  </a:lnTo>
                  <a:lnTo>
                    <a:pt x="2295144" y="9144"/>
                  </a:lnTo>
                  <a:lnTo>
                    <a:pt x="2295144" y="0"/>
                  </a:lnTo>
                  <a:close/>
                </a:path>
                <a:path w="6109970" h="791210">
                  <a:moveTo>
                    <a:pt x="2382012" y="0"/>
                  </a:moveTo>
                  <a:lnTo>
                    <a:pt x="2353056" y="0"/>
                  </a:lnTo>
                  <a:lnTo>
                    <a:pt x="2353056" y="9144"/>
                  </a:lnTo>
                  <a:lnTo>
                    <a:pt x="2382012" y="9144"/>
                  </a:lnTo>
                  <a:lnTo>
                    <a:pt x="2382012" y="0"/>
                  </a:lnTo>
                  <a:close/>
                </a:path>
                <a:path w="6109970" h="791210">
                  <a:moveTo>
                    <a:pt x="2456688" y="0"/>
                  </a:moveTo>
                  <a:lnTo>
                    <a:pt x="2441448" y="0"/>
                  </a:lnTo>
                  <a:lnTo>
                    <a:pt x="2441448" y="9144"/>
                  </a:lnTo>
                  <a:lnTo>
                    <a:pt x="2456688" y="9144"/>
                  </a:lnTo>
                  <a:lnTo>
                    <a:pt x="2456688" y="0"/>
                  </a:lnTo>
                  <a:close/>
                </a:path>
                <a:path w="6109970" h="791210">
                  <a:moveTo>
                    <a:pt x="2545080" y="0"/>
                  </a:moveTo>
                  <a:lnTo>
                    <a:pt x="2516111" y="0"/>
                  </a:lnTo>
                  <a:lnTo>
                    <a:pt x="2516111" y="9144"/>
                  </a:lnTo>
                  <a:lnTo>
                    <a:pt x="2545080" y="9144"/>
                  </a:lnTo>
                  <a:lnTo>
                    <a:pt x="2545080" y="0"/>
                  </a:lnTo>
                  <a:close/>
                </a:path>
                <a:path w="6109970" h="791210">
                  <a:moveTo>
                    <a:pt x="2619756" y="0"/>
                  </a:moveTo>
                  <a:lnTo>
                    <a:pt x="2604516" y="0"/>
                  </a:lnTo>
                  <a:lnTo>
                    <a:pt x="2604516" y="9144"/>
                  </a:lnTo>
                  <a:lnTo>
                    <a:pt x="2619756" y="9144"/>
                  </a:lnTo>
                  <a:lnTo>
                    <a:pt x="2619756" y="0"/>
                  </a:lnTo>
                  <a:close/>
                </a:path>
                <a:path w="6109970" h="791210">
                  <a:moveTo>
                    <a:pt x="2708148" y="0"/>
                  </a:moveTo>
                  <a:lnTo>
                    <a:pt x="2679192" y="0"/>
                  </a:lnTo>
                  <a:lnTo>
                    <a:pt x="2679192" y="9144"/>
                  </a:lnTo>
                  <a:lnTo>
                    <a:pt x="2708148" y="9144"/>
                  </a:lnTo>
                  <a:lnTo>
                    <a:pt x="2708148" y="0"/>
                  </a:lnTo>
                  <a:close/>
                </a:path>
                <a:path w="6109970" h="791210">
                  <a:moveTo>
                    <a:pt x="2782824" y="0"/>
                  </a:moveTo>
                  <a:lnTo>
                    <a:pt x="2766060" y="0"/>
                  </a:lnTo>
                  <a:lnTo>
                    <a:pt x="2766060" y="9144"/>
                  </a:lnTo>
                  <a:lnTo>
                    <a:pt x="2782824" y="9144"/>
                  </a:lnTo>
                  <a:lnTo>
                    <a:pt x="2782824" y="0"/>
                  </a:lnTo>
                  <a:close/>
                </a:path>
                <a:path w="6109970" h="791210">
                  <a:moveTo>
                    <a:pt x="3032760" y="0"/>
                  </a:moveTo>
                  <a:lnTo>
                    <a:pt x="3003804" y="0"/>
                  </a:lnTo>
                  <a:lnTo>
                    <a:pt x="3003804" y="9144"/>
                  </a:lnTo>
                  <a:lnTo>
                    <a:pt x="3032760" y="9144"/>
                  </a:lnTo>
                  <a:lnTo>
                    <a:pt x="3032760" y="0"/>
                  </a:lnTo>
                  <a:close/>
                </a:path>
                <a:path w="6109970" h="791210">
                  <a:moveTo>
                    <a:pt x="3195828" y="0"/>
                  </a:moveTo>
                  <a:lnTo>
                    <a:pt x="3166872" y="0"/>
                  </a:lnTo>
                  <a:lnTo>
                    <a:pt x="3166872" y="9144"/>
                  </a:lnTo>
                  <a:lnTo>
                    <a:pt x="3195828" y="9144"/>
                  </a:lnTo>
                  <a:lnTo>
                    <a:pt x="3195828" y="0"/>
                  </a:lnTo>
                  <a:close/>
                </a:path>
                <a:path w="6109970" h="791210">
                  <a:moveTo>
                    <a:pt x="3270504" y="0"/>
                  </a:moveTo>
                  <a:lnTo>
                    <a:pt x="3255264" y="0"/>
                  </a:lnTo>
                  <a:lnTo>
                    <a:pt x="3255264" y="9144"/>
                  </a:lnTo>
                  <a:lnTo>
                    <a:pt x="3270504" y="9144"/>
                  </a:lnTo>
                  <a:lnTo>
                    <a:pt x="3270504" y="0"/>
                  </a:lnTo>
                  <a:close/>
                </a:path>
                <a:path w="6109970" h="791210">
                  <a:moveTo>
                    <a:pt x="3358896" y="0"/>
                  </a:moveTo>
                  <a:lnTo>
                    <a:pt x="3329940" y="0"/>
                  </a:lnTo>
                  <a:lnTo>
                    <a:pt x="3329940" y="9144"/>
                  </a:lnTo>
                  <a:lnTo>
                    <a:pt x="3358896" y="9144"/>
                  </a:lnTo>
                  <a:lnTo>
                    <a:pt x="3358896" y="0"/>
                  </a:lnTo>
                  <a:close/>
                </a:path>
                <a:path w="6109970" h="791210">
                  <a:moveTo>
                    <a:pt x="3433572" y="0"/>
                  </a:moveTo>
                  <a:lnTo>
                    <a:pt x="3416808" y="0"/>
                  </a:lnTo>
                  <a:lnTo>
                    <a:pt x="3416808" y="9144"/>
                  </a:lnTo>
                  <a:lnTo>
                    <a:pt x="3433572" y="9144"/>
                  </a:lnTo>
                  <a:lnTo>
                    <a:pt x="3433572" y="0"/>
                  </a:lnTo>
                  <a:close/>
                </a:path>
                <a:path w="6109970" h="791210">
                  <a:moveTo>
                    <a:pt x="3521964" y="0"/>
                  </a:moveTo>
                  <a:lnTo>
                    <a:pt x="3491484" y="0"/>
                  </a:lnTo>
                  <a:lnTo>
                    <a:pt x="3491484" y="9144"/>
                  </a:lnTo>
                  <a:lnTo>
                    <a:pt x="3521964" y="9144"/>
                  </a:lnTo>
                  <a:lnTo>
                    <a:pt x="3521964" y="0"/>
                  </a:lnTo>
                  <a:close/>
                </a:path>
                <a:path w="6109970" h="791210">
                  <a:moveTo>
                    <a:pt x="3596640" y="0"/>
                  </a:moveTo>
                  <a:lnTo>
                    <a:pt x="3579876" y="0"/>
                  </a:lnTo>
                  <a:lnTo>
                    <a:pt x="3579876" y="9144"/>
                  </a:lnTo>
                  <a:lnTo>
                    <a:pt x="3596640" y="9144"/>
                  </a:lnTo>
                  <a:lnTo>
                    <a:pt x="3596640" y="0"/>
                  </a:lnTo>
                  <a:close/>
                </a:path>
                <a:path w="6109970" h="791210">
                  <a:moveTo>
                    <a:pt x="3683508" y="0"/>
                  </a:moveTo>
                  <a:lnTo>
                    <a:pt x="3654552" y="0"/>
                  </a:lnTo>
                  <a:lnTo>
                    <a:pt x="3654552" y="9144"/>
                  </a:lnTo>
                  <a:lnTo>
                    <a:pt x="3683508" y="9144"/>
                  </a:lnTo>
                  <a:lnTo>
                    <a:pt x="3683508" y="0"/>
                  </a:lnTo>
                  <a:close/>
                </a:path>
                <a:path w="6109970" h="791210">
                  <a:moveTo>
                    <a:pt x="3758184" y="0"/>
                  </a:moveTo>
                  <a:lnTo>
                    <a:pt x="3742944" y="0"/>
                  </a:lnTo>
                  <a:lnTo>
                    <a:pt x="3742944" y="9144"/>
                  </a:lnTo>
                  <a:lnTo>
                    <a:pt x="3758184" y="9144"/>
                  </a:lnTo>
                  <a:lnTo>
                    <a:pt x="3758184" y="0"/>
                  </a:lnTo>
                  <a:close/>
                </a:path>
                <a:path w="6109970" h="791210">
                  <a:moveTo>
                    <a:pt x="3921252" y="0"/>
                  </a:moveTo>
                  <a:lnTo>
                    <a:pt x="3906012" y="0"/>
                  </a:lnTo>
                  <a:lnTo>
                    <a:pt x="3906012" y="9144"/>
                  </a:lnTo>
                  <a:lnTo>
                    <a:pt x="3921252" y="9144"/>
                  </a:lnTo>
                  <a:lnTo>
                    <a:pt x="3921252" y="0"/>
                  </a:lnTo>
                  <a:close/>
                </a:path>
                <a:path w="6109970" h="791210">
                  <a:moveTo>
                    <a:pt x="4009644" y="0"/>
                  </a:moveTo>
                  <a:lnTo>
                    <a:pt x="3980688" y="0"/>
                  </a:lnTo>
                  <a:lnTo>
                    <a:pt x="3980688" y="9144"/>
                  </a:lnTo>
                  <a:lnTo>
                    <a:pt x="4009644" y="9144"/>
                  </a:lnTo>
                  <a:lnTo>
                    <a:pt x="4009644" y="0"/>
                  </a:lnTo>
                  <a:close/>
                </a:path>
                <a:path w="6109970" h="791210">
                  <a:moveTo>
                    <a:pt x="4084320" y="0"/>
                  </a:moveTo>
                  <a:lnTo>
                    <a:pt x="4069080" y="0"/>
                  </a:lnTo>
                  <a:lnTo>
                    <a:pt x="4069080" y="9144"/>
                  </a:lnTo>
                  <a:lnTo>
                    <a:pt x="4084320" y="9144"/>
                  </a:lnTo>
                  <a:lnTo>
                    <a:pt x="4084320" y="0"/>
                  </a:lnTo>
                  <a:close/>
                </a:path>
                <a:path w="6109970" h="791210">
                  <a:moveTo>
                    <a:pt x="4172712" y="0"/>
                  </a:moveTo>
                  <a:lnTo>
                    <a:pt x="4143756" y="0"/>
                  </a:lnTo>
                  <a:lnTo>
                    <a:pt x="4143756" y="9144"/>
                  </a:lnTo>
                  <a:lnTo>
                    <a:pt x="4172712" y="9144"/>
                  </a:lnTo>
                  <a:lnTo>
                    <a:pt x="4172712" y="0"/>
                  </a:lnTo>
                  <a:close/>
                </a:path>
                <a:path w="6109970" h="791210">
                  <a:moveTo>
                    <a:pt x="4247388" y="0"/>
                  </a:moveTo>
                  <a:lnTo>
                    <a:pt x="4230624" y="0"/>
                  </a:lnTo>
                  <a:lnTo>
                    <a:pt x="4230624" y="9144"/>
                  </a:lnTo>
                  <a:lnTo>
                    <a:pt x="4247388" y="9144"/>
                  </a:lnTo>
                  <a:lnTo>
                    <a:pt x="4247388" y="0"/>
                  </a:lnTo>
                  <a:close/>
                </a:path>
                <a:path w="6109970" h="791210">
                  <a:moveTo>
                    <a:pt x="4335780" y="0"/>
                  </a:moveTo>
                  <a:lnTo>
                    <a:pt x="4305300" y="0"/>
                  </a:lnTo>
                  <a:lnTo>
                    <a:pt x="4305300" y="9144"/>
                  </a:lnTo>
                  <a:lnTo>
                    <a:pt x="4335780" y="9144"/>
                  </a:lnTo>
                  <a:lnTo>
                    <a:pt x="4335780" y="0"/>
                  </a:lnTo>
                  <a:close/>
                </a:path>
                <a:path w="6109970" h="791210">
                  <a:moveTo>
                    <a:pt x="4408932" y="781812"/>
                  </a:moveTo>
                  <a:lnTo>
                    <a:pt x="4393692" y="781812"/>
                  </a:lnTo>
                  <a:lnTo>
                    <a:pt x="4393692" y="790956"/>
                  </a:lnTo>
                  <a:lnTo>
                    <a:pt x="4408932" y="790956"/>
                  </a:lnTo>
                  <a:lnTo>
                    <a:pt x="4408932" y="781812"/>
                  </a:lnTo>
                  <a:close/>
                </a:path>
                <a:path w="6109970" h="791210">
                  <a:moveTo>
                    <a:pt x="4408932" y="0"/>
                  </a:moveTo>
                  <a:lnTo>
                    <a:pt x="4393692" y="0"/>
                  </a:lnTo>
                  <a:lnTo>
                    <a:pt x="4393692" y="9144"/>
                  </a:lnTo>
                  <a:lnTo>
                    <a:pt x="4408932" y="9144"/>
                  </a:lnTo>
                  <a:lnTo>
                    <a:pt x="4408932" y="0"/>
                  </a:lnTo>
                  <a:close/>
                </a:path>
                <a:path w="6109970" h="791210">
                  <a:moveTo>
                    <a:pt x="4497324" y="781812"/>
                  </a:moveTo>
                  <a:lnTo>
                    <a:pt x="4468368" y="781812"/>
                  </a:lnTo>
                  <a:lnTo>
                    <a:pt x="4468368" y="790956"/>
                  </a:lnTo>
                  <a:lnTo>
                    <a:pt x="4497324" y="790956"/>
                  </a:lnTo>
                  <a:lnTo>
                    <a:pt x="4497324" y="781812"/>
                  </a:lnTo>
                  <a:close/>
                </a:path>
                <a:path w="6109970" h="791210">
                  <a:moveTo>
                    <a:pt x="4497324" y="0"/>
                  </a:moveTo>
                  <a:lnTo>
                    <a:pt x="4468368" y="0"/>
                  </a:lnTo>
                  <a:lnTo>
                    <a:pt x="4468368" y="9144"/>
                  </a:lnTo>
                  <a:lnTo>
                    <a:pt x="4497324" y="9144"/>
                  </a:lnTo>
                  <a:lnTo>
                    <a:pt x="4497324" y="0"/>
                  </a:lnTo>
                  <a:close/>
                </a:path>
                <a:path w="6109970" h="791210">
                  <a:moveTo>
                    <a:pt x="4572000" y="781812"/>
                  </a:moveTo>
                  <a:lnTo>
                    <a:pt x="4556760" y="781812"/>
                  </a:lnTo>
                  <a:lnTo>
                    <a:pt x="4556760" y="790956"/>
                  </a:lnTo>
                  <a:lnTo>
                    <a:pt x="4572000" y="790956"/>
                  </a:lnTo>
                  <a:lnTo>
                    <a:pt x="4572000" y="781812"/>
                  </a:lnTo>
                  <a:close/>
                </a:path>
                <a:path w="6109970" h="791210">
                  <a:moveTo>
                    <a:pt x="4572000" y="0"/>
                  </a:moveTo>
                  <a:lnTo>
                    <a:pt x="4556760" y="0"/>
                  </a:lnTo>
                  <a:lnTo>
                    <a:pt x="4556760" y="9144"/>
                  </a:lnTo>
                  <a:lnTo>
                    <a:pt x="4572000" y="9144"/>
                  </a:lnTo>
                  <a:lnTo>
                    <a:pt x="4572000" y="0"/>
                  </a:lnTo>
                  <a:close/>
                </a:path>
                <a:path w="6109970" h="791210">
                  <a:moveTo>
                    <a:pt x="4660392" y="0"/>
                  </a:moveTo>
                  <a:lnTo>
                    <a:pt x="4631436" y="0"/>
                  </a:lnTo>
                  <a:lnTo>
                    <a:pt x="4631436" y="9144"/>
                  </a:lnTo>
                  <a:lnTo>
                    <a:pt x="4660392" y="9144"/>
                  </a:lnTo>
                  <a:lnTo>
                    <a:pt x="4660392" y="0"/>
                  </a:lnTo>
                  <a:close/>
                </a:path>
                <a:path w="6109970" h="791210">
                  <a:moveTo>
                    <a:pt x="4735068" y="781812"/>
                  </a:moveTo>
                  <a:lnTo>
                    <a:pt x="4719828" y="781812"/>
                  </a:lnTo>
                  <a:lnTo>
                    <a:pt x="4719828" y="790956"/>
                  </a:lnTo>
                  <a:lnTo>
                    <a:pt x="4735068" y="790956"/>
                  </a:lnTo>
                  <a:lnTo>
                    <a:pt x="4735068" y="781812"/>
                  </a:lnTo>
                  <a:close/>
                </a:path>
                <a:path w="6109970" h="791210">
                  <a:moveTo>
                    <a:pt x="4735068" y="0"/>
                  </a:moveTo>
                  <a:lnTo>
                    <a:pt x="4719828" y="0"/>
                  </a:lnTo>
                  <a:lnTo>
                    <a:pt x="4719828" y="9144"/>
                  </a:lnTo>
                  <a:lnTo>
                    <a:pt x="4735068" y="9144"/>
                  </a:lnTo>
                  <a:lnTo>
                    <a:pt x="4735068" y="0"/>
                  </a:lnTo>
                  <a:close/>
                </a:path>
                <a:path w="6109970" h="791210">
                  <a:moveTo>
                    <a:pt x="4823460" y="781812"/>
                  </a:moveTo>
                  <a:lnTo>
                    <a:pt x="4794504" y="781812"/>
                  </a:lnTo>
                  <a:lnTo>
                    <a:pt x="4794504" y="790956"/>
                  </a:lnTo>
                  <a:lnTo>
                    <a:pt x="4823460" y="790956"/>
                  </a:lnTo>
                  <a:lnTo>
                    <a:pt x="4823460" y="781812"/>
                  </a:lnTo>
                  <a:close/>
                </a:path>
                <a:path w="6109970" h="791210">
                  <a:moveTo>
                    <a:pt x="4823460" y="0"/>
                  </a:moveTo>
                  <a:lnTo>
                    <a:pt x="4794504" y="0"/>
                  </a:lnTo>
                  <a:lnTo>
                    <a:pt x="4794504" y="9144"/>
                  </a:lnTo>
                  <a:lnTo>
                    <a:pt x="4823460" y="9144"/>
                  </a:lnTo>
                  <a:lnTo>
                    <a:pt x="4823460" y="0"/>
                  </a:lnTo>
                  <a:close/>
                </a:path>
                <a:path w="6109970" h="791210">
                  <a:moveTo>
                    <a:pt x="4898136" y="781812"/>
                  </a:moveTo>
                  <a:lnTo>
                    <a:pt x="4881372" y="781812"/>
                  </a:lnTo>
                  <a:lnTo>
                    <a:pt x="4881372" y="790956"/>
                  </a:lnTo>
                  <a:lnTo>
                    <a:pt x="4898136" y="790956"/>
                  </a:lnTo>
                  <a:lnTo>
                    <a:pt x="4898136" y="781812"/>
                  </a:lnTo>
                  <a:close/>
                </a:path>
                <a:path w="6109970" h="791210">
                  <a:moveTo>
                    <a:pt x="4898136" y="0"/>
                  </a:moveTo>
                  <a:lnTo>
                    <a:pt x="4881372" y="0"/>
                  </a:lnTo>
                  <a:lnTo>
                    <a:pt x="4881372" y="9144"/>
                  </a:lnTo>
                  <a:lnTo>
                    <a:pt x="4898136" y="9144"/>
                  </a:lnTo>
                  <a:lnTo>
                    <a:pt x="4898136" y="0"/>
                  </a:lnTo>
                  <a:close/>
                </a:path>
                <a:path w="6109970" h="791210">
                  <a:moveTo>
                    <a:pt x="4986528" y="781812"/>
                  </a:moveTo>
                  <a:lnTo>
                    <a:pt x="4956048" y="781812"/>
                  </a:lnTo>
                  <a:lnTo>
                    <a:pt x="4956048" y="790956"/>
                  </a:lnTo>
                  <a:lnTo>
                    <a:pt x="4986528" y="790956"/>
                  </a:lnTo>
                  <a:lnTo>
                    <a:pt x="4986528" y="781812"/>
                  </a:lnTo>
                  <a:close/>
                </a:path>
                <a:path w="6109970" h="791210">
                  <a:moveTo>
                    <a:pt x="4986528" y="0"/>
                  </a:moveTo>
                  <a:lnTo>
                    <a:pt x="4956048" y="0"/>
                  </a:lnTo>
                  <a:lnTo>
                    <a:pt x="4956048" y="9144"/>
                  </a:lnTo>
                  <a:lnTo>
                    <a:pt x="4986528" y="9144"/>
                  </a:lnTo>
                  <a:lnTo>
                    <a:pt x="4986528" y="0"/>
                  </a:lnTo>
                  <a:close/>
                </a:path>
                <a:path w="6109970" h="791210">
                  <a:moveTo>
                    <a:pt x="5061204" y="781812"/>
                  </a:moveTo>
                  <a:lnTo>
                    <a:pt x="5044440" y="781812"/>
                  </a:lnTo>
                  <a:lnTo>
                    <a:pt x="5044440" y="790956"/>
                  </a:lnTo>
                  <a:lnTo>
                    <a:pt x="5061204" y="790956"/>
                  </a:lnTo>
                  <a:lnTo>
                    <a:pt x="5061204" y="781812"/>
                  </a:lnTo>
                  <a:close/>
                </a:path>
                <a:path w="6109970" h="791210">
                  <a:moveTo>
                    <a:pt x="5061204" y="0"/>
                  </a:moveTo>
                  <a:lnTo>
                    <a:pt x="5044440" y="0"/>
                  </a:lnTo>
                  <a:lnTo>
                    <a:pt x="5044440" y="9144"/>
                  </a:lnTo>
                  <a:lnTo>
                    <a:pt x="5061204" y="9144"/>
                  </a:lnTo>
                  <a:lnTo>
                    <a:pt x="5061204" y="0"/>
                  </a:lnTo>
                  <a:close/>
                </a:path>
                <a:path w="6109970" h="791210">
                  <a:moveTo>
                    <a:pt x="5148072" y="781812"/>
                  </a:moveTo>
                  <a:lnTo>
                    <a:pt x="5119116" y="781812"/>
                  </a:lnTo>
                  <a:lnTo>
                    <a:pt x="5119116" y="790956"/>
                  </a:lnTo>
                  <a:lnTo>
                    <a:pt x="5148072" y="790956"/>
                  </a:lnTo>
                  <a:lnTo>
                    <a:pt x="5148072" y="781812"/>
                  </a:lnTo>
                  <a:close/>
                </a:path>
                <a:path w="6109970" h="791210">
                  <a:moveTo>
                    <a:pt x="5148072" y="0"/>
                  </a:moveTo>
                  <a:lnTo>
                    <a:pt x="5119116" y="0"/>
                  </a:lnTo>
                  <a:lnTo>
                    <a:pt x="5119116" y="9144"/>
                  </a:lnTo>
                  <a:lnTo>
                    <a:pt x="5148072" y="9144"/>
                  </a:lnTo>
                  <a:lnTo>
                    <a:pt x="5148072" y="0"/>
                  </a:lnTo>
                  <a:close/>
                </a:path>
                <a:path w="6109970" h="791210">
                  <a:moveTo>
                    <a:pt x="5222748" y="781812"/>
                  </a:moveTo>
                  <a:lnTo>
                    <a:pt x="5207508" y="781812"/>
                  </a:lnTo>
                  <a:lnTo>
                    <a:pt x="5207508" y="790956"/>
                  </a:lnTo>
                  <a:lnTo>
                    <a:pt x="5222748" y="790956"/>
                  </a:lnTo>
                  <a:lnTo>
                    <a:pt x="5222748" y="781812"/>
                  </a:lnTo>
                  <a:close/>
                </a:path>
                <a:path w="6109970" h="791210">
                  <a:moveTo>
                    <a:pt x="5222748" y="0"/>
                  </a:moveTo>
                  <a:lnTo>
                    <a:pt x="5207508" y="0"/>
                  </a:lnTo>
                  <a:lnTo>
                    <a:pt x="5207508" y="9144"/>
                  </a:lnTo>
                  <a:lnTo>
                    <a:pt x="5222748" y="9144"/>
                  </a:lnTo>
                  <a:lnTo>
                    <a:pt x="5222748" y="0"/>
                  </a:lnTo>
                  <a:close/>
                </a:path>
                <a:path w="6109970" h="791210">
                  <a:moveTo>
                    <a:pt x="5311140" y="781812"/>
                  </a:moveTo>
                  <a:lnTo>
                    <a:pt x="5282184" y="781812"/>
                  </a:lnTo>
                  <a:lnTo>
                    <a:pt x="5282184" y="790956"/>
                  </a:lnTo>
                  <a:lnTo>
                    <a:pt x="5311140" y="790956"/>
                  </a:lnTo>
                  <a:lnTo>
                    <a:pt x="5311140" y="781812"/>
                  </a:lnTo>
                  <a:close/>
                </a:path>
                <a:path w="6109970" h="791210">
                  <a:moveTo>
                    <a:pt x="5311140" y="0"/>
                  </a:moveTo>
                  <a:lnTo>
                    <a:pt x="5282184" y="0"/>
                  </a:lnTo>
                  <a:lnTo>
                    <a:pt x="5282184" y="9144"/>
                  </a:lnTo>
                  <a:lnTo>
                    <a:pt x="5311140" y="9144"/>
                  </a:lnTo>
                  <a:lnTo>
                    <a:pt x="5311140" y="0"/>
                  </a:lnTo>
                  <a:close/>
                </a:path>
                <a:path w="6109970" h="791210">
                  <a:moveTo>
                    <a:pt x="5385816" y="781812"/>
                  </a:moveTo>
                  <a:lnTo>
                    <a:pt x="5370576" y="781812"/>
                  </a:lnTo>
                  <a:lnTo>
                    <a:pt x="5370576" y="790956"/>
                  </a:lnTo>
                  <a:lnTo>
                    <a:pt x="5385816" y="790956"/>
                  </a:lnTo>
                  <a:lnTo>
                    <a:pt x="5385816" y="781812"/>
                  </a:lnTo>
                  <a:close/>
                </a:path>
                <a:path w="6109970" h="791210">
                  <a:moveTo>
                    <a:pt x="5474208" y="0"/>
                  </a:moveTo>
                  <a:lnTo>
                    <a:pt x="5370576" y="0"/>
                  </a:lnTo>
                  <a:lnTo>
                    <a:pt x="5370576" y="9144"/>
                  </a:lnTo>
                  <a:lnTo>
                    <a:pt x="5474208" y="9144"/>
                  </a:lnTo>
                  <a:lnTo>
                    <a:pt x="5474208" y="0"/>
                  </a:lnTo>
                  <a:close/>
                </a:path>
                <a:path w="6109970" h="791210">
                  <a:moveTo>
                    <a:pt x="5548884" y="781812"/>
                  </a:moveTo>
                  <a:lnTo>
                    <a:pt x="5532120" y="781812"/>
                  </a:lnTo>
                  <a:lnTo>
                    <a:pt x="5532120" y="790956"/>
                  </a:lnTo>
                  <a:lnTo>
                    <a:pt x="5548884" y="790956"/>
                  </a:lnTo>
                  <a:lnTo>
                    <a:pt x="5548884" y="781812"/>
                  </a:lnTo>
                  <a:close/>
                </a:path>
                <a:path w="6109970" h="791210">
                  <a:moveTo>
                    <a:pt x="5637276" y="781812"/>
                  </a:moveTo>
                  <a:lnTo>
                    <a:pt x="5606796" y="781812"/>
                  </a:lnTo>
                  <a:lnTo>
                    <a:pt x="5606796" y="790956"/>
                  </a:lnTo>
                  <a:lnTo>
                    <a:pt x="5637276" y="790956"/>
                  </a:lnTo>
                  <a:lnTo>
                    <a:pt x="5637276" y="781812"/>
                  </a:lnTo>
                  <a:close/>
                </a:path>
                <a:path w="6109970" h="791210">
                  <a:moveTo>
                    <a:pt x="5637276" y="0"/>
                  </a:moveTo>
                  <a:lnTo>
                    <a:pt x="5532120" y="0"/>
                  </a:lnTo>
                  <a:lnTo>
                    <a:pt x="5532120" y="9144"/>
                  </a:lnTo>
                  <a:lnTo>
                    <a:pt x="5637276" y="9144"/>
                  </a:lnTo>
                  <a:lnTo>
                    <a:pt x="5637276" y="0"/>
                  </a:lnTo>
                  <a:close/>
                </a:path>
                <a:path w="6109970" h="791210">
                  <a:moveTo>
                    <a:pt x="5711952" y="781812"/>
                  </a:moveTo>
                  <a:lnTo>
                    <a:pt x="5695188" y="781812"/>
                  </a:lnTo>
                  <a:lnTo>
                    <a:pt x="5695188" y="790956"/>
                  </a:lnTo>
                  <a:lnTo>
                    <a:pt x="5711952" y="790956"/>
                  </a:lnTo>
                  <a:lnTo>
                    <a:pt x="5711952" y="781812"/>
                  </a:lnTo>
                  <a:close/>
                </a:path>
                <a:path w="6109970" h="791210">
                  <a:moveTo>
                    <a:pt x="5798820" y="781812"/>
                  </a:moveTo>
                  <a:lnTo>
                    <a:pt x="5769864" y="781812"/>
                  </a:lnTo>
                  <a:lnTo>
                    <a:pt x="5769864" y="790956"/>
                  </a:lnTo>
                  <a:lnTo>
                    <a:pt x="5798820" y="790956"/>
                  </a:lnTo>
                  <a:lnTo>
                    <a:pt x="5798820" y="781812"/>
                  </a:lnTo>
                  <a:close/>
                </a:path>
                <a:path w="6109970" h="791210">
                  <a:moveTo>
                    <a:pt x="5873496" y="781812"/>
                  </a:moveTo>
                  <a:lnTo>
                    <a:pt x="5858256" y="781812"/>
                  </a:lnTo>
                  <a:lnTo>
                    <a:pt x="5858256" y="790956"/>
                  </a:lnTo>
                  <a:lnTo>
                    <a:pt x="5873496" y="790956"/>
                  </a:lnTo>
                  <a:lnTo>
                    <a:pt x="5873496" y="781812"/>
                  </a:lnTo>
                  <a:close/>
                </a:path>
                <a:path w="6109970" h="791210">
                  <a:moveTo>
                    <a:pt x="5961888" y="781812"/>
                  </a:moveTo>
                  <a:lnTo>
                    <a:pt x="5932932" y="781812"/>
                  </a:lnTo>
                  <a:lnTo>
                    <a:pt x="5932932" y="790956"/>
                  </a:lnTo>
                  <a:lnTo>
                    <a:pt x="5961888" y="790956"/>
                  </a:lnTo>
                  <a:lnTo>
                    <a:pt x="5961888" y="781812"/>
                  </a:lnTo>
                  <a:close/>
                </a:path>
                <a:path w="6109970" h="791210">
                  <a:moveTo>
                    <a:pt x="6036564" y="781812"/>
                  </a:moveTo>
                  <a:lnTo>
                    <a:pt x="6021324" y="781812"/>
                  </a:lnTo>
                  <a:lnTo>
                    <a:pt x="6021324" y="790956"/>
                  </a:lnTo>
                  <a:lnTo>
                    <a:pt x="6036564" y="790956"/>
                  </a:lnTo>
                  <a:lnTo>
                    <a:pt x="6036564" y="781812"/>
                  </a:lnTo>
                  <a:close/>
                </a:path>
                <a:path w="6109970" h="791210">
                  <a:moveTo>
                    <a:pt x="6109716" y="781812"/>
                  </a:moveTo>
                  <a:lnTo>
                    <a:pt x="6096000" y="781812"/>
                  </a:lnTo>
                  <a:lnTo>
                    <a:pt x="6096000" y="790956"/>
                  </a:lnTo>
                  <a:lnTo>
                    <a:pt x="6109716" y="790956"/>
                  </a:lnTo>
                  <a:lnTo>
                    <a:pt x="6109716" y="781812"/>
                  </a:lnTo>
                  <a:close/>
                </a:path>
              </a:pathLst>
            </a:custGeom>
            <a:solidFill>
              <a:srgbClr val="D8D8D8"/>
            </a:solidFill>
          </p:spPr>
          <p:txBody>
            <a:bodyPr wrap="square" lIns="0" tIns="0" rIns="0" bIns="0" rtlCol="0"/>
            <a:lstStyle/>
            <a:p>
              <a:endParaRPr sz="1539"/>
            </a:p>
          </p:txBody>
        </p:sp>
        <p:sp>
          <p:nvSpPr>
            <p:cNvPr id="7" name="object 7"/>
            <p:cNvSpPr/>
            <p:nvPr/>
          </p:nvSpPr>
          <p:spPr>
            <a:xfrm>
              <a:off x="534924" y="3639311"/>
              <a:ext cx="9599930" cy="1574800"/>
            </a:xfrm>
            <a:custGeom>
              <a:avLst/>
              <a:gdLst/>
              <a:ahLst/>
              <a:cxnLst/>
              <a:rect l="l" t="t" r="r" b="b"/>
              <a:pathLst>
                <a:path w="9599930" h="1574800">
                  <a:moveTo>
                    <a:pt x="3432048" y="1565148"/>
                  </a:moveTo>
                  <a:lnTo>
                    <a:pt x="0" y="1565148"/>
                  </a:lnTo>
                  <a:lnTo>
                    <a:pt x="0" y="1574292"/>
                  </a:lnTo>
                  <a:lnTo>
                    <a:pt x="3432048" y="1574292"/>
                  </a:lnTo>
                  <a:lnTo>
                    <a:pt x="3432048" y="1565148"/>
                  </a:lnTo>
                  <a:close/>
                </a:path>
                <a:path w="9599930" h="1574800">
                  <a:moveTo>
                    <a:pt x="3756660" y="1565148"/>
                  </a:moveTo>
                  <a:lnTo>
                    <a:pt x="3653028" y="1565148"/>
                  </a:lnTo>
                  <a:lnTo>
                    <a:pt x="3653028" y="1574292"/>
                  </a:lnTo>
                  <a:lnTo>
                    <a:pt x="3756660" y="1574292"/>
                  </a:lnTo>
                  <a:lnTo>
                    <a:pt x="3756660" y="1565148"/>
                  </a:lnTo>
                  <a:close/>
                </a:path>
                <a:path w="9599930" h="1574800">
                  <a:moveTo>
                    <a:pt x="4082796" y="781812"/>
                  </a:moveTo>
                  <a:lnTo>
                    <a:pt x="0" y="781812"/>
                  </a:lnTo>
                  <a:lnTo>
                    <a:pt x="0" y="790956"/>
                  </a:lnTo>
                  <a:lnTo>
                    <a:pt x="4082796" y="790956"/>
                  </a:lnTo>
                  <a:lnTo>
                    <a:pt x="4082796" y="781812"/>
                  </a:lnTo>
                  <a:close/>
                </a:path>
                <a:path w="9599930" h="1574800">
                  <a:moveTo>
                    <a:pt x="4245864" y="781812"/>
                  </a:moveTo>
                  <a:lnTo>
                    <a:pt x="4140708" y="781812"/>
                  </a:lnTo>
                  <a:lnTo>
                    <a:pt x="4140708" y="790956"/>
                  </a:lnTo>
                  <a:lnTo>
                    <a:pt x="4245864" y="790956"/>
                  </a:lnTo>
                  <a:lnTo>
                    <a:pt x="4245864" y="781812"/>
                  </a:lnTo>
                  <a:close/>
                </a:path>
                <a:path w="9599930" h="1574800">
                  <a:moveTo>
                    <a:pt x="4407408" y="781812"/>
                  </a:moveTo>
                  <a:lnTo>
                    <a:pt x="4303776" y="781812"/>
                  </a:lnTo>
                  <a:lnTo>
                    <a:pt x="4303776" y="790956"/>
                  </a:lnTo>
                  <a:lnTo>
                    <a:pt x="4407408" y="790956"/>
                  </a:lnTo>
                  <a:lnTo>
                    <a:pt x="4407408" y="781812"/>
                  </a:lnTo>
                  <a:close/>
                </a:path>
                <a:path w="9599930" h="1574800">
                  <a:moveTo>
                    <a:pt x="4570476" y="781812"/>
                  </a:moveTo>
                  <a:lnTo>
                    <a:pt x="4466844" y="781812"/>
                  </a:lnTo>
                  <a:lnTo>
                    <a:pt x="4466844" y="790956"/>
                  </a:lnTo>
                  <a:lnTo>
                    <a:pt x="4570476" y="790956"/>
                  </a:lnTo>
                  <a:lnTo>
                    <a:pt x="4570476" y="781812"/>
                  </a:lnTo>
                  <a:close/>
                </a:path>
                <a:path w="9599930" h="1574800">
                  <a:moveTo>
                    <a:pt x="4733544" y="781812"/>
                  </a:moveTo>
                  <a:lnTo>
                    <a:pt x="4629912" y="781812"/>
                  </a:lnTo>
                  <a:lnTo>
                    <a:pt x="4629912" y="790956"/>
                  </a:lnTo>
                  <a:lnTo>
                    <a:pt x="4733544" y="790956"/>
                  </a:lnTo>
                  <a:lnTo>
                    <a:pt x="4733544" y="781812"/>
                  </a:lnTo>
                  <a:close/>
                </a:path>
                <a:path w="9599930" h="1574800">
                  <a:moveTo>
                    <a:pt x="4896612" y="781812"/>
                  </a:moveTo>
                  <a:lnTo>
                    <a:pt x="4792980" y="781812"/>
                  </a:lnTo>
                  <a:lnTo>
                    <a:pt x="4792980" y="790956"/>
                  </a:lnTo>
                  <a:lnTo>
                    <a:pt x="4896612" y="790956"/>
                  </a:lnTo>
                  <a:lnTo>
                    <a:pt x="4896612" y="781812"/>
                  </a:lnTo>
                  <a:close/>
                </a:path>
                <a:path w="9599930" h="1574800">
                  <a:moveTo>
                    <a:pt x="5059680" y="781812"/>
                  </a:moveTo>
                  <a:lnTo>
                    <a:pt x="4954524" y="781812"/>
                  </a:lnTo>
                  <a:lnTo>
                    <a:pt x="4954524" y="790956"/>
                  </a:lnTo>
                  <a:lnTo>
                    <a:pt x="5059680" y="790956"/>
                  </a:lnTo>
                  <a:lnTo>
                    <a:pt x="5059680" y="781812"/>
                  </a:lnTo>
                  <a:close/>
                </a:path>
                <a:path w="9599930" h="1574800">
                  <a:moveTo>
                    <a:pt x="5221224" y="1565148"/>
                  </a:moveTo>
                  <a:lnTo>
                    <a:pt x="5117592" y="1565148"/>
                  </a:lnTo>
                  <a:lnTo>
                    <a:pt x="5117592" y="1574292"/>
                  </a:lnTo>
                  <a:lnTo>
                    <a:pt x="5221224" y="1574292"/>
                  </a:lnTo>
                  <a:lnTo>
                    <a:pt x="5221224" y="1565148"/>
                  </a:lnTo>
                  <a:close/>
                </a:path>
                <a:path w="9599930" h="1574800">
                  <a:moveTo>
                    <a:pt x="5221224" y="781812"/>
                  </a:moveTo>
                  <a:lnTo>
                    <a:pt x="5117592" y="781812"/>
                  </a:lnTo>
                  <a:lnTo>
                    <a:pt x="5117592" y="790956"/>
                  </a:lnTo>
                  <a:lnTo>
                    <a:pt x="5221224" y="790956"/>
                  </a:lnTo>
                  <a:lnTo>
                    <a:pt x="5221224" y="781812"/>
                  </a:lnTo>
                  <a:close/>
                </a:path>
                <a:path w="9599930" h="1574800">
                  <a:moveTo>
                    <a:pt x="5384292" y="781812"/>
                  </a:moveTo>
                  <a:lnTo>
                    <a:pt x="5280660" y="781812"/>
                  </a:lnTo>
                  <a:lnTo>
                    <a:pt x="5280660" y="790956"/>
                  </a:lnTo>
                  <a:lnTo>
                    <a:pt x="5384292" y="790956"/>
                  </a:lnTo>
                  <a:lnTo>
                    <a:pt x="5384292" y="781812"/>
                  </a:lnTo>
                  <a:close/>
                </a:path>
                <a:path w="9599930" h="1574800">
                  <a:moveTo>
                    <a:pt x="5547360" y="781812"/>
                  </a:moveTo>
                  <a:lnTo>
                    <a:pt x="5443728" y="781812"/>
                  </a:lnTo>
                  <a:lnTo>
                    <a:pt x="5443728" y="790956"/>
                  </a:lnTo>
                  <a:lnTo>
                    <a:pt x="5547360" y="790956"/>
                  </a:lnTo>
                  <a:lnTo>
                    <a:pt x="5547360" y="781812"/>
                  </a:lnTo>
                  <a:close/>
                </a:path>
                <a:path w="9599930" h="1574800">
                  <a:moveTo>
                    <a:pt x="5547360" y="0"/>
                  </a:moveTo>
                  <a:lnTo>
                    <a:pt x="0" y="0"/>
                  </a:lnTo>
                  <a:lnTo>
                    <a:pt x="0" y="9144"/>
                  </a:lnTo>
                  <a:lnTo>
                    <a:pt x="5547360" y="9144"/>
                  </a:lnTo>
                  <a:lnTo>
                    <a:pt x="5547360" y="0"/>
                  </a:lnTo>
                  <a:close/>
                </a:path>
                <a:path w="9599930" h="1574800">
                  <a:moveTo>
                    <a:pt x="5710428" y="781812"/>
                  </a:moveTo>
                  <a:lnTo>
                    <a:pt x="5605272" y="781812"/>
                  </a:lnTo>
                  <a:lnTo>
                    <a:pt x="5605272" y="790956"/>
                  </a:lnTo>
                  <a:lnTo>
                    <a:pt x="5710428" y="790956"/>
                  </a:lnTo>
                  <a:lnTo>
                    <a:pt x="5710428" y="781812"/>
                  </a:lnTo>
                  <a:close/>
                </a:path>
                <a:path w="9599930" h="1574800">
                  <a:moveTo>
                    <a:pt x="5710428" y="0"/>
                  </a:moveTo>
                  <a:lnTo>
                    <a:pt x="5605272" y="0"/>
                  </a:lnTo>
                  <a:lnTo>
                    <a:pt x="5605272" y="9144"/>
                  </a:lnTo>
                  <a:lnTo>
                    <a:pt x="5710428" y="9144"/>
                  </a:lnTo>
                  <a:lnTo>
                    <a:pt x="5710428" y="0"/>
                  </a:lnTo>
                  <a:close/>
                </a:path>
                <a:path w="9599930" h="1574800">
                  <a:moveTo>
                    <a:pt x="5785104" y="781812"/>
                  </a:moveTo>
                  <a:lnTo>
                    <a:pt x="5768340" y="781812"/>
                  </a:lnTo>
                  <a:lnTo>
                    <a:pt x="5768340" y="790956"/>
                  </a:lnTo>
                  <a:lnTo>
                    <a:pt x="5785104" y="790956"/>
                  </a:lnTo>
                  <a:lnTo>
                    <a:pt x="5785104" y="781812"/>
                  </a:lnTo>
                  <a:close/>
                </a:path>
                <a:path w="9599930" h="1574800">
                  <a:moveTo>
                    <a:pt x="5871972" y="781812"/>
                  </a:moveTo>
                  <a:lnTo>
                    <a:pt x="5843016" y="781812"/>
                  </a:lnTo>
                  <a:lnTo>
                    <a:pt x="5843016" y="790956"/>
                  </a:lnTo>
                  <a:lnTo>
                    <a:pt x="5871972" y="790956"/>
                  </a:lnTo>
                  <a:lnTo>
                    <a:pt x="5871972" y="781812"/>
                  </a:lnTo>
                  <a:close/>
                </a:path>
                <a:path w="9599930" h="1574800">
                  <a:moveTo>
                    <a:pt x="5871972" y="0"/>
                  </a:moveTo>
                  <a:lnTo>
                    <a:pt x="5768340" y="0"/>
                  </a:lnTo>
                  <a:lnTo>
                    <a:pt x="5768340" y="9144"/>
                  </a:lnTo>
                  <a:lnTo>
                    <a:pt x="5871972" y="9144"/>
                  </a:lnTo>
                  <a:lnTo>
                    <a:pt x="5871972" y="0"/>
                  </a:lnTo>
                  <a:close/>
                </a:path>
                <a:path w="9599930" h="1574800">
                  <a:moveTo>
                    <a:pt x="5946648" y="781812"/>
                  </a:moveTo>
                  <a:lnTo>
                    <a:pt x="5931408" y="781812"/>
                  </a:lnTo>
                  <a:lnTo>
                    <a:pt x="5931408" y="790956"/>
                  </a:lnTo>
                  <a:lnTo>
                    <a:pt x="5946648" y="790956"/>
                  </a:lnTo>
                  <a:lnTo>
                    <a:pt x="5946648" y="781812"/>
                  </a:lnTo>
                  <a:close/>
                </a:path>
                <a:path w="9599930" h="1574800">
                  <a:moveTo>
                    <a:pt x="6035040" y="781812"/>
                  </a:moveTo>
                  <a:lnTo>
                    <a:pt x="6006071" y="781812"/>
                  </a:lnTo>
                  <a:lnTo>
                    <a:pt x="6006071" y="790956"/>
                  </a:lnTo>
                  <a:lnTo>
                    <a:pt x="6035040" y="790956"/>
                  </a:lnTo>
                  <a:lnTo>
                    <a:pt x="6035040" y="781812"/>
                  </a:lnTo>
                  <a:close/>
                </a:path>
                <a:path w="9599930" h="1574800">
                  <a:moveTo>
                    <a:pt x="6035040" y="0"/>
                  </a:moveTo>
                  <a:lnTo>
                    <a:pt x="5931408" y="0"/>
                  </a:lnTo>
                  <a:lnTo>
                    <a:pt x="5931408" y="9144"/>
                  </a:lnTo>
                  <a:lnTo>
                    <a:pt x="6035040" y="9144"/>
                  </a:lnTo>
                  <a:lnTo>
                    <a:pt x="6035040" y="0"/>
                  </a:lnTo>
                  <a:close/>
                </a:path>
                <a:path w="9599930" h="1574800">
                  <a:moveTo>
                    <a:pt x="6109716" y="781812"/>
                  </a:moveTo>
                  <a:lnTo>
                    <a:pt x="6094476" y="781812"/>
                  </a:lnTo>
                  <a:lnTo>
                    <a:pt x="6094476" y="790956"/>
                  </a:lnTo>
                  <a:lnTo>
                    <a:pt x="6109716" y="790956"/>
                  </a:lnTo>
                  <a:lnTo>
                    <a:pt x="6109716" y="781812"/>
                  </a:lnTo>
                  <a:close/>
                </a:path>
                <a:path w="9599930" h="1574800">
                  <a:moveTo>
                    <a:pt x="6198108" y="781812"/>
                  </a:moveTo>
                  <a:lnTo>
                    <a:pt x="6169152" y="781812"/>
                  </a:lnTo>
                  <a:lnTo>
                    <a:pt x="6169152" y="790956"/>
                  </a:lnTo>
                  <a:lnTo>
                    <a:pt x="6198108" y="790956"/>
                  </a:lnTo>
                  <a:lnTo>
                    <a:pt x="6198108" y="781812"/>
                  </a:lnTo>
                  <a:close/>
                </a:path>
                <a:path w="9599930" h="1574800">
                  <a:moveTo>
                    <a:pt x="6198108" y="0"/>
                  </a:moveTo>
                  <a:lnTo>
                    <a:pt x="6094476" y="0"/>
                  </a:lnTo>
                  <a:lnTo>
                    <a:pt x="6094476" y="9144"/>
                  </a:lnTo>
                  <a:lnTo>
                    <a:pt x="6198108" y="9144"/>
                  </a:lnTo>
                  <a:lnTo>
                    <a:pt x="6198108" y="0"/>
                  </a:lnTo>
                  <a:close/>
                </a:path>
                <a:path w="9599930" h="1574800">
                  <a:moveTo>
                    <a:pt x="6272784" y="781812"/>
                  </a:moveTo>
                  <a:lnTo>
                    <a:pt x="6256020" y="781812"/>
                  </a:lnTo>
                  <a:lnTo>
                    <a:pt x="6256020" y="790956"/>
                  </a:lnTo>
                  <a:lnTo>
                    <a:pt x="6272784" y="790956"/>
                  </a:lnTo>
                  <a:lnTo>
                    <a:pt x="6272784" y="781812"/>
                  </a:lnTo>
                  <a:close/>
                </a:path>
                <a:path w="9599930" h="1574800">
                  <a:moveTo>
                    <a:pt x="6361176" y="1565148"/>
                  </a:moveTo>
                  <a:lnTo>
                    <a:pt x="6330696" y="1565148"/>
                  </a:lnTo>
                  <a:lnTo>
                    <a:pt x="6330696" y="1574292"/>
                  </a:lnTo>
                  <a:lnTo>
                    <a:pt x="6361176" y="1574292"/>
                  </a:lnTo>
                  <a:lnTo>
                    <a:pt x="6361176" y="1565148"/>
                  </a:lnTo>
                  <a:close/>
                </a:path>
                <a:path w="9599930" h="1574800">
                  <a:moveTo>
                    <a:pt x="6361176" y="781812"/>
                  </a:moveTo>
                  <a:lnTo>
                    <a:pt x="6330696" y="781812"/>
                  </a:lnTo>
                  <a:lnTo>
                    <a:pt x="6330696" y="790956"/>
                  </a:lnTo>
                  <a:lnTo>
                    <a:pt x="6361176" y="790956"/>
                  </a:lnTo>
                  <a:lnTo>
                    <a:pt x="6361176" y="781812"/>
                  </a:lnTo>
                  <a:close/>
                </a:path>
                <a:path w="9599930" h="1574800">
                  <a:moveTo>
                    <a:pt x="6361176" y="0"/>
                  </a:moveTo>
                  <a:lnTo>
                    <a:pt x="6256020" y="0"/>
                  </a:lnTo>
                  <a:lnTo>
                    <a:pt x="6256020" y="9144"/>
                  </a:lnTo>
                  <a:lnTo>
                    <a:pt x="6361176" y="9144"/>
                  </a:lnTo>
                  <a:lnTo>
                    <a:pt x="6361176" y="0"/>
                  </a:lnTo>
                  <a:close/>
                </a:path>
                <a:path w="9599930" h="1574800">
                  <a:moveTo>
                    <a:pt x="6435852" y="1565148"/>
                  </a:moveTo>
                  <a:lnTo>
                    <a:pt x="6419088" y="1565148"/>
                  </a:lnTo>
                  <a:lnTo>
                    <a:pt x="6419088" y="1574292"/>
                  </a:lnTo>
                  <a:lnTo>
                    <a:pt x="6435852" y="1574292"/>
                  </a:lnTo>
                  <a:lnTo>
                    <a:pt x="6435852" y="1565148"/>
                  </a:lnTo>
                  <a:close/>
                </a:path>
                <a:path w="9599930" h="1574800">
                  <a:moveTo>
                    <a:pt x="6435852" y="781812"/>
                  </a:moveTo>
                  <a:lnTo>
                    <a:pt x="6419088" y="781812"/>
                  </a:lnTo>
                  <a:lnTo>
                    <a:pt x="6419088" y="790956"/>
                  </a:lnTo>
                  <a:lnTo>
                    <a:pt x="6435852" y="790956"/>
                  </a:lnTo>
                  <a:lnTo>
                    <a:pt x="6435852" y="781812"/>
                  </a:lnTo>
                  <a:close/>
                </a:path>
                <a:path w="9599930" h="1574800">
                  <a:moveTo>
                    <a:pt x="6522720" y="781812"/>
                  </a:moveTo>
                  <a:lnTo>
                    <a:pt x="6493764" y="781812"/>
                  </a:lnTo>
                  <a:lnTo>
                    <a:pt x="6493764" y="790956"/>
                  </a:lnTo>
                  <a:lnTo>
                    <a:pt x="6522720" y="790956"/>
                  </a:lnTo>
                  <a:lnTo>
                    <a:pt x="6522720" y="781812"/>
                  </a:lnTo>
                  <a:close/>
                </a:path>
                <a:path w="9599930" h="1574800">
                  <a:moveTo>
                    <a:pt x="6522720" y="0"/>
                  </a:moveTo>
                  <a:lnTo>
                    <a:pt x="6419088" y="0"/>
                  </a:lnTo>
                  <a:lnTo>
                    <a:pt x="6419088" y="9144"/>
                  </a:lnTo>
                  <a:lnTo>
                    <a:pt x="6522720" y="9144"/>
                  </a:lnTo>
                  <a:lnTo>
                    <a:pt x="6522720" y="0"/>
                  </a:lnTo>
                  <a:close/>
                </a:path>
                <a:path w="9599930" h="1574800">
                  <a:moveTo>
                    <a:pt x="6597396" y="1565148"/>
                  </a:moveTo>
                  <a:lnTo>
                    <a:pt x="6582156" y="1565148"/>
                  </a:lnTo>
                  <a:lnTo>
                    <a:pt x="6582156" y="1574292"/>
                  </a:lnTo>
                  <a:lnTo>
                    <a:pt x="6597396" y="1574292"/>
                  </a:lnTo>
                  <a:lnTo>
                    <a:pt x="6597396" y="1565148"/>
                  </a:lnTo>
                  <a:close/>
                </a:path>
                <a:path w="9599930" h="1574800">
                  <a:moveTo>
                    <a:pt x="6597396" y="781812"/>
                  </a:moveTo>
                  <a:lnTo>
                    <a:pt x="6582156" y="781812"/>
                  </a:lnTo>
                  <a:lnTo>
                    <a:pt x="6582156" y="790956"/>
                  </a:lnTo>
                  <a:lnTo>
                    <a:pt x="6597396" y="790956"/>
                  </a:lnTo>
                  <a:lnTo>
                    <a:pt x="6597396" y="781812"/>
                  </a:lnTo>
                  <a:close/>
                </a:path>
                <a:path w="9599930" h="1574800">
                  <a:moveTo>
                    <a:pt x="6685788" y="781812"/>
                  </a:moveTo>
                  <a:lnTo>
                    <a:pt x="6656832" y="781812"/>
                  </a:lnTo>
                  <a:lnTo>
                    <a:pt x="6656832" y="790956"/>
                  </a:lnTo>
                  <a:lnTo>
                    <a:pt x="6685788" y="790956"/>
                  </a:lnTo>
                  <a:lnTo>
                    <a:pt x="6685788" y="781812"/>
                  </a:lnTo>
                  <a:close/>
                </a:path>
                <a:path w="9599930" h="1574800">
                  <a:moveTo>
                    <a:pt x="6685788" y="0"/>
                  </a:moveTo>
                  <a:lnTo>
                    <a:pt x="6582156" y="0"/>
                  </a:lnTo>
                  <a:lnTo>
                    <a:pt x="6582156" y="9144"/>
                  </a:lnTo>
                  <a:lnTo>
                    <a:pt x="6685788" y="9144"/>
                  </a:lnTo>
                  <a:lnTo>
                    <a:pt x="6685788" y="0"/>
                  </a:lnTo>
                  <a:close/>
                </a:path>
                <a:path w="9599930" h="1574800">
                  <a:moveTo>
                    <a:pt x="6760464" y="781812"/>
                  </a:moveTo>
                  <a:lnTo>
                    <a:pt x="6745224" y="781812"/>
                  </a:lnTo>
                  <a:lnTo>
                    <a:pt x="6745224" y="790956"/>
                  </a:lnTo>
                  <a:lnTo>
                    <a:pt x="6760464" y="790956"/>
                  </a:lnTo>
                  <a:lnTo>
                    <a:pt x="6760464" y="781812"/>
                  </a:lnTo>
                  <a:close/>
                </a:path>
                <a:path w="9599930" h="1574800">
                  <a:moveTo>
                    <a:pt x="6848856" y="781812"/>
                  </a:moveTo>
                  <a:lnTo>
                    <a:pt x="6819900" y="781812"/>
                  </a:lnTo>
                  <a:lnTo>
                    <a:pt x="6819900" y="790956"/>
                  </a:lnTo>
                  <a:lnTo>
                    <a:pt x="6848856" y="790956"/>
                  </a:lnTo>
                  <a:lnTo>
                    <a:pt x="6848856" y="781812"/>
                  </a:lnTo>
                  <a:close/>
                </a:path>
                <a:path w="9599930" h="1574800">
                  <a:moveTo>
                    <a:pt x="6848856" y="0"/>
                  </a:moveTo>
                  <a:lnTo>
                    <a:pt x="6745224" y="0"/>
                  </a:lnTo>
                  <a:lnTo>
                    <a:pt x="6745224" y="9144"/>
                  </a:lnTo>
                  <a:lnTo>
                    <a:pt x="6848856" y="9144"/>
                  </a:lnTo>
                  <a:lnTo>
                    <a:pt x="6848856" y="0"/>
                  </a:lnTo>
                  <a:close/>
                </a:path>
                <a:path w="9599930" h="1574800">
                  <a:moveTo>
                    <a:pt x="6923532" y="781812"/>
                  </a:moveTo>
                  <a:lnTo>
                    <a:pt x="6906768" y="781812"/>
                  </a:lnTo>
                  <a:lnTo>
                    <a:pt x="6906768" y="790956"/>
                  </a:lnTo>
                  <a:lnTo>
                    <a:pt x="6923532" y="790956"/>
                  </a:lnTo>
                  <a:lnTo>
                    <a:pt x="6923532" y="781812"/>
                  </a:lnTo>
                  <a:close/>
                </a:path>
                <a:path w="9599930" h="1574800">
                  <a:moveTo>
                    <a:pt x="7011924" y="781812"/>
                  </a:moveTo>
                  <a:lnTo>
                    <a:pt x="6981444" y="781812"/>
                  </a:lnTo>
                  <a:lnTo>
                    <a:pt x="6981444" y="790956"/>
                  </a:lnTo>
                  <a:lnTo>
                    <a:pt x="7011924" y="790956"/>
                  </a:lnTo>
                  <a:lnTo>
                    <a:pt x="7011924" y="781812"/>
                  </a:lnTo>
                  <a:close/>
                </a:path>
                <a:path w="9599930" h="1574800">
                  <a:moveTo>
                    <a:pt x="7011924" y="0"/>
                  </a:moveTo>
                  <a:lnTo>
                    <a:pt x="6906768" y="0"/>
                  </a:lnTo>
                  <a:lnTo>
                    <a:pt x="6906768" y="9144"/>
                  </a:lnTo>
                  <a:lnTo>
                    <a:pt x="7011924" y="9144"/>
                  </a:lnTo>
                  <a:lnTo>
                    <a:pt x="7011924" y="0"/>
                  </a:lnTo>
                  <a:close/>
                </a:path>
                <a:path w="9599930" h="1574800">
                  <a:moveTo>
                    <a:pt x="7086600" y="781812"/>
                  </a:moveTo>
                  <a:lnTo>
                    <a:pt x="7069836" y="781812"/>
                  </a:lnTo>
                  <a:lnTo>
                    <a:pt x="7069836" y="790956"/>
                  </a:lnTo>
                  <a:lnTo>
                    <a:pt x="7086600" y="790956"/>
                  </a:lnTo>
                  <a:lnTo>
                    <a:pt x="7086600" y="781812"/>
                  </a:lnTo>
                  <a:close/>
                </a:path>
                <a:path w="9599930" h="1574800">
                  <a:moveTo>
                    <a:pt x="7173468" y="781812"/>
                  </a:moveTo>
                  <a:lnTo>
                    <a:pt x="7144512" y="781812"/>
                  </a:lnTo>
                  <a:lnTo>
                    <a:pt x="7144512" y="790956"/>
                  </a:lnTo>
                  <a:lnTo>
                    <a:pt x="7173468" y="790956"/>
                  </a:lnTo>
                  <a:lnTo>
                    <a:pt x="7173468" y="781812"/>
                  </a:lnTo>
                  <a:close/>
                </a:path>
                <a:path w="9599930" h="1574800">
                  <a:moveTo>
                    <a:pt x="7173468" y="0"/>
                  </a:moveTo>
                  <a:lnTo>
                    <a:pt x="7069836" y="0"/>
                  </a:lnTo>
                  <a:lnTo>
                    <a:pt x="7069836" y="9144"/>
                  </a:lnTo>
                  <a:lnTo>
                    <a:pt x="7173468" y="9144"/>
                  </a:lnTo>
                  <a:lnTo>
                    <a:pt x="7173468" y="0"/>
                  </a:lnTo>
                  <a:close/>
                </a:path>
                <a:path w="9599930" h="1574800">
                  <a:moveTo>
                    <a:pt x="7248144" y="781812"/>
                  </a:moveTo>
                  <a:lnTo>
                    <a:pt x="7232904" y="781812"/>
                  </a:lnTo>
                  <a:lnTo>
                    <a:pt x="7232904" y="790956"/>
                  </a:lnTo>
                  <a:lnTo>
                    <a:pt x="7248144" y="790956"/>
                  </a:lnTo>
                  <a:lnTo>
                    <a:pt x="7248144" y="781812"/>
                  </a:lnTo>
                  <a:close/>
                </a:path>
                <a:path w="9599930" h="1574800">
                  <a:moveTo>
                    <a:pt x="7336536" y="1565148"/>
                  </a:moveTo>
                  <a:lnTo>
                    <a:pt x="7307580" y="1565148"/>
                  </a:lnTo>
                  <a:lnTo>
                    <a:pt x="7307580" y="1574292"/>
                  </a:lnTo>
                  <a:lnTo>
                    <a:pt x="7336536" y="1574292"/>
                  </a:lnTo>
                  <a:lnTo>
                    <a:pt x="7336536" y="1565148"/>
                  </a:lnTo>
                  <a:close/>
                </a:path>
                <a:path w="9599930" h="1574800">
                  <a:moveTo>
                    <a:pt x="7336536" y="781812"/>
                  </a:moveTo>
                  <a:lnTo>
                    <a:pt x="7307580" y="781812"/>
                  </a:lnTo>
                  <a:lnTo>
                    <a:pt x="7307580" y="790956"/>
                  </a:lnTo>
                  <a:lnTo>
                    <a:pt x="7336536" y="790956"/>
                  </a:lnTo>
                  <a:lnTo>
                    <a:pt x="7336536" y="781812"/>
                  </a:lnTo>
                  <a:close/>
                </a:path>
                <a:path w="9599930" h="1574800">
                  <a:moveTo>
                    <a:pt x="7336536" y="0"/>
                  </a:moveTo>
                  <a:lnTo>
                    <a:pt x="7232904" y="0"/>
                  </a:lnTo>
                  <a:lnTo>
                    <a:pt x="7232904" y="9144"/>
                  </a:lnTo>
                  <a:lnTo>
                    <a:pt x="7336536" y="9144"/>
                  </a:lnTo>
                  <a:lnTo>
                    <a:pt x="7336536" y="0"/>
                  </a:lnTo>
                  <a:close/>
                </a:path>
                <a:path w="9599930" h="1574800">
                  <a:moveTo>
                    <a:pt x="7411212" y="781812"/>
                  </a:moveTo>
                  <a:lnTo>
                    <a:pt x="7395972" y="781812"/>
                  </a:lnTo>
                  <a:lnTo>
                    <a:pt x="7395972" y="790956"/>
                  </a:lnTo>
                  <a:lnTo>
                    <a:pt x="7411212" y="790956"/>
                  </a:lnTo>
                  <a:lnTo>
                    <a:pt x="7411212" y="781812"/>
                  </a:lnTo>
                  <a:close/>
                </a:path>
                <a:path w="9599930" h="1574800">
                  <a:moveTo>
                    <a:pt x="7499604" y="781812"/>
                  </a:moveTo>
                  <a:lnTo>
                    <a:pt x="7470648" y="781812"/>
                  </a:lnTo>
                  <a:lnTo>
                    <a:pt x="7470648" y="790956"/>
                  </a:lnTo>
                  <a:lnTo>
                    <a:pt x="7499604" y="790956"/>
                  </a:lnTo>
                  <a:lnTo>
                    <a:pt x="7499604" y="781812"/>
                  </a:lnTo>
                  <a:close/>
                </a:path>
                <a:path w="9599930" h="1574800">
                  <a:moveTo>
                    <a:pt x="7499604" y="0"/>
                  </a:moveTo>
                  <a:lnTo>
                    <a:pt x="7395972" y="0"/>
                  </a:lnTo>
                  <a:lnTo>
                    <a:pt x="7395972" y="9144"/>
                  </a:lnTo>
                  <a:lnTo>
                    <a:pt x="7499604" y="9144"/>
                  </a:lnTo>
                  <a:lnTo>
                    <a:pt x="7499604" y="0"/>
                  </a:lnTo>
                  <a:close/>
                </a:path>
                <a:path w="9599930" h="1574800">
                  <a:moveTo>
                    <a:pt x="7662672" y="781812"/>
                  </a:moveTo>
                  <a:lnTo>
                    <a:pt x="7559040" y="781812"/>
                  </a:lnTo>
                  <a:lnTo>
                    <a:pt x="7559040" y="790956"/>
                  </a:lnTo>
                  <a:lnTo>
                    <a:pt x="7662672" y="790956"/>
                  </a:lnTo>
                  <a:lnTo>
                    <a:pt x="7662672" y="781812"/>
                  </a:lnTo>
                  <a:close/>
                </a:path>
                <a:path w="9599930" h="1574800">
                  <a:moveTo>
                    <a:pt x="7662672" y="0"/>
                  </a:moveTo>
                  <a:lnTo>
                    <a:pt x="7559040" y="0"/>
                  </a:lnTo>
                  <a:lnTo>
                    <a:pt x="7559040" y="9144"/>
                  </a:lnTo>
                  <a:lnTo>
                    <a:pt x="7662672" y="9144"/>
                  </a:lnTo>
                  <a:lnTo>
                    <a:pt x="7662672" y="0"/>
                  </a:lnTo>
                  <a:close/>
                </a:path>
                <a:path w="9599930" h="1574800">
                  <a:moveTo>
                    <a:pt x="7825740" y="781812"/>
                  </a:moveTo>
                  <a:lnTo>
                    <a:pt x="7720584" y="781812"/>
                  </a:lnTo>
                  <a:lnTo>
                    <a:pt x="7720584" y="790956"/>
                  </a:lnTo>
                  <a:lnTo>
                    <a:pt x="7825740" y="790956"/>
                  </a:lnTo>
                  <a:lnTo>
                    <a:pt x="7825740" y="781812"/>
                  </a:lnTo>
                  <a:close/>
                </a:path>
                <a:path w="9599930" h="1574800">
                  <a:moveTo>
                    <a:pt x="7987284" y="781812"/>
                  </a:moveTo>
                  <a:lnTo>
                    <a:pt x="7883652" y="781812"/>
                  </a:lnTo>
                  <a:lnTo>
                    <a:pt x="7883652" y="790956"/>
                  </a:lnTo>
                  <a:lnTo>
                    <a:pt x="7987284" y="790956"/>
                  </a:lnTo>
                  <a:lnTo>
                    <a:pt x="7987284" y="781812"/>
                  </a:lnTo>
                  <a:close/>
                </a:path>
                <a:path w="9599930" h="1574800">
                  <a:moveTo>
                    <a:pt x="8150352" y="781812"/>
                  </a:moveTo>
                  <a:lnTo>
                    <a:pt x="8046720" y="781812"/>
                  </a:lnTo>
                  <a:lnTo>
                    <a:pt x="8046720" y="790956"/>
                  </a:lnTo>
                  <a:lnTo>
                    <a:pt x="8150352" y="790956"/>
                  </a:lnTo>
                  <a:lnTo>
                    <a:pt x="8150352" y="781812"/>
                  </a:lnTo>
                  <a:close/>
                </a:path>
                <a:path w="9599930" h="1574800">
                  <a:moveTo>
                    <a:pt x="8313420" y="781812"/>
                  </a:moveTo>
                  <a:lnTo>
                    <a:pt x="8209788" y="781812"/>
                  </a:lnTo>
                  <a:lnTo>
                    <a:pt x="8209788" y="790956"/>
                  </a:lnTo>
                  <a:lnTo>
                    <a:pt x="8313420" y="790956"/>
                  </a:lnTo>
                  <a:lnTo>
                    <a:pt x="8313420" y="781812"/>
                  </a:lnTo>
                  <a:close/>
                </a:path>
                <a:path w="9599930" h="1574800">
                  <a:moveTo>
                    <a:pt x="8476488" y="781812"/>
                  </a:moveTo>
                  <a:lnTo>
                    <a:pt x="8371332" y="781812"/>
                  </a:lnTo>
                  <a:lnTo>
                    <a:pt x="8371332" y="790956"/>
                  </a:lnTo>
                  <a:lnTo>
                    <a:pt x="8476488" y="790956"/>
                  </a:lnTo>
                  <a:lnTo>
                    <a:pt x="8476488" y="781812"/>
                  </a:lnTo>
                  <a:close/>
                </a:path>
                <a:path w="9599930" h="1574800">
                  <a:moveTo>
                    <a:pt x="8638032" y="781812"/>
                  </a:moveTo>
                  <a:lnTo>
                    <a:pt x="8534400" y="781812"/>
                  </a:lnTo>
                  <a:lnTo>
                    <a:pt x="8534400" y="790956"/>
                  </a:lnTo>
                  <a:lnTo>
                    <a:pt x="8638032" y="790956"/>
                  </a:lnTo>
                  <a:lnTo>
                    <a:pt x="8638032" y="781812"/>
                  </a:lnTo>
                  <a:close/>
                </a:path>
                <a:path w="9599930" h="1574800">
                  <a:moveTo>
                    <a:pt x="8801100" y="781812"/>
                  </a:moveTo>
                  <a:lnTo>
                    <a:pt x="8697468" y="781812"/>
                  </a:lnTo>
                  <a:lnTo>
                    <a:pt x="8697468" y="790956"/>
                  </a:lnTo>
                  <a:lnTo>
                    <a:pt x="8801100" y="790956"/>
                  </a:lnTo>
                  <a:lnTo>
                    <a:pt x="8801100" y="781812"/>
                  </a:lnTo>
                  <a:close/>
                </a:path>
                <a:path w="9599930" h="1574800">
                  <a:moveTo>
                    <a:pt x="8964168" y="781812"/>
                  </a:moveTo>
                  <a:lnTo>
                    <a:pt x="8860536" y="781812"/>
                  </a:lnTo>
                  <a:lnTo>
                    <a:pt x="8860536" y="790956"/>
                  </a:lnTo>
                  <a:lnTo>
                    <a:pt x="8964168" y="790956"/>
                  </a:lnTo>
                  <a:lnTo>
                    <a:pt x="8964168" y="781812"/>
                  </a:lnTo>
                  <a:close/>
                </a:path>
                <a:path w="9599930" h="1574800">
                  <a:moveTo>
                    <a:pt x="9127236" y="1565148"/>
                  </a:moveTo>
                  <a:lnTo>
                    <a:pt x="9022080" y="1565148"/>
                  </a:lnTo>
                  <a:lnTo>
                    <a:pt x="9022080" y="1574292"/>
                  </a:lnTo>
                  <a:lnTo>
                    <a:pt x="9127236" y="1574292"/>
                  </a:lnTo>
                  <a:lnTo>
                    <a:pt x="9127236" y="1565148"/>
                  </a:lnTo>
                  <a:close/>
                </a:path>
                <a:path w="9599930" h="1574800">
                  <a:moveTo>
                    <a:pt x="9127236" y="781812"/>
                  </a:moveTo>
                  <a:lnTo>
                    <a:pt x="9022080" y="781812"/>
                  </a:lnTo>
                  <a:lnTo>
                    <a:pt x="9022080" y="790956"/>
                  </a:lnTo>
                  <a:lnTo>
                    <a:pt x="9127236" y="790956"/>
                  </a:lnTo>
                  <a:lnTo>
                    <a:pt x="9127236" y="781812"/>
                  </a:lnTo>
                  <a:close/>
                </a:path>
                <a:path w="9599930" h="1574800">
                  <a:moveTo>
                    <a:pt x="9288780" y="1565148"/>
                  </a:moveTo>
                  <a:lnTo>
                    <a:pt x="9185148" y="1565148"/>
                  </a:lnTo>
                  <a:lnTo>
                    <a:pt x="9185148" y="1574292"/>
                  </a:lnTo>
                  <a:lnTo>
                    <a:pt x="9288780" y="1574292"/>
                  </a:lnTo>
                  <a:lnTo>
                    <a:pt x="9288780" y="1565148"/>
                  </a:lnTo>
                  <a:close/>
                </a:path>
                <a:path w="9599930" h="1574800">
                  <a:moveTo>
                    <a:pt x="9288780" y="781812"/>
                  </a:moveTo>
                  <a:lnTo>
                    <a:pt x="9185148" y="781812"/>
                  </a:lnTo>
                  <a:lnTo>
                    <a:pt x="9185148" y="790956"/>
                  </a:lnTo>
                  <a:lnTo>
                    <a:pt x="9288780" y="790956"/>
                  </a:lnTo>
                  <a:lnTo>
                    <a:pt x="9288780" y="781812"/>
                  </a:lnTo>
                  <a:close/>
                </a:path>
                <a:path w="9599930" h="1574800">
                  <a:moveTo>
                    <a:pt x="9451848" y="1565148"/>
                  </a:moveTo>
                  <a:lnTo>
                    <a:pt x="9348216" y="1565148"/>
                  </a:lnTo>
                  <a:lnTo>
                    <a:pt x="9348216" y="1574292"/>
                  </a:lnTo>
                  <a:lnTo>
                    <a:pt x="9451848" y="1574292"/>
                  </a:lnTo>
                  <a:lnTo>
                    <a:pt x="9451848" y="1565148"/>
                  </a:lnTo>
                  <a:close/>
                </a:path>
                <a:path w="9599930" h="1574800">
                  <a:moveTo>
                    <a:pt x="9451848" y="781812"/>
                  </a:moveTo>
                  <a:lnTo>
                    <a:pt x="9348216" y="781812"/>
                  </a:lnTo>
                  <a:lnTo>
                    <a:pt x="9348216" y="790956"/>
                  </a:lnTo>
                  <a:lnTo>
                    <a:pt x="9451848" y="790956"/>
                  </a:lnTo>
                  <a:lnTo>
                    <a:pt x="9451848" y="781812"/>
                  </a:lnTo>
                  <a:close/>
                </a:path>
                <a:path w="9599930" h="1574800">
                  <a:moveTo>
                    <a:pt x="9599676" y="1565148"/>
                  </a:moveTo>
                  <a:lnTo>
                    <a:pt x="9511284" y="1565148"/>
                  </a:lnTo>
                  <a:lnTo>
                    <a:pt x="9511284" y="1574292"/>
                  </a:lnTo>
                  <a:lnTo>
                    <a:pt x="9599676" y="1574292"/>
                  </a:lnTo>
                  <a:lnTo>
                    <a:pt x="9599676" y="1565148"/>
                  </a:lnTo>
                  <a:close/>
                </a:path>
                <a:path w="9599930" h="1574800">
                  <a:moveTo>
                    <a:pt x="9599676" y="781812"/>
                  </a:moveTo>
                  <a:lnTo>
                    <a:pt x="9511284" y="781812"/>
                  </a:lnTo>
                  <a:lnTo>
                    <a:pt x="9511284" y="790956"/>
                  </a:lnTo>
                  <a:lnTo>
                    <a:pt x="9599676" y="790956"/>
                  </a:lnTo>
                  <a:lnTo>
                    <a:pt x="9599676" y="781812"/>
                  </a:lnTo>
                  <a:close/>
                </a:path>
              </a:pathLst>
            </a:custGeom>
            <a:solidFill>
              <a:srgbClr val="D8D8D8"/>
            </a:solidFill>
          </p:spPr>
          <p:txBody>
            <a:bodyPr wrap="square" lIns="0" tIns="0" rIns="0" bIns="0" rtlCol="0"/>
            <a:lstStyle/>
            <a:p>
              <a:endParaRPr sz="1539"/>
            </a:p>
          </p:txBody>
        </p:sp>
        <p:sp>
          <p:nvSpPr>
            <p:cNvPr id="8" name="object 8"/>
            <p:cNvSpPr/>
            <p:nvPr/>
          </p:nvSpPr>
          <p:spPr>
            <a:xfrm>
              <a:off x="534924" y="2074163"/>
              <a:ext cx="9599930" cy="1574800"/>
            </a:xfrm>
            <a:custGeom>
              <a:avLst/>
              <a:gdLst/>
              <a:ahLst/>
              <a:cxnLst/>
              <a:rect l="l" t="t" r="r" b="b"/>
              <a:pathLst>
                <a:path w="9599930" h="1574800">
                  <a:moveTo>
                    <a:pt x="5871972" y="783336"/>
                  </a:moveTo>
                  <a:lnTo>
                    <a:pt x="0" y="783336"/>
                  </a:lnTo>
                  <a:lnTo>
                    <a:pt x="0" y="792480"/>
                  </a:lnTo>
                  <a:lnTo>
                    <a:pt x="5871972" y="792480"/>
                  </a:lnTo>
                  <a:lnTo>
                    <a:pt x="5871972" y="783336"/>
                  </a:lnTo>
                  <a:close/>
                </a:path>
                <a:path w="9599930" h="1574800">
                  <a:moveTo>
                    <a:pt x="6035040" y="783336"/>
                  </a:moveTo>
                  <a:lnTo>
                    <a:pt x="5931408" y="783336"/>
                  </a:lnTo>
                  <a:lnTo>
                    <a:pt x="5931408" y="792480"/>
                  </a:lnTo>
                  <a:lnTo>
                    <a:pt x="6035040" y="792480"/>
                  </a:lnTo>
                  <a:lnTo>
                    <a:pt x="6035040" y="783336"/>
                  </a:lnTo>
                  <a:close/>
                </a:path>
                <a:path w="9599930" h="1574800">
                  <a:moveTo>
                    <a:pt x="6198108" y="783336"/>
                  </a:moveTo>
                  <a:lnTo>
                    <a:pt x="6094476" y="783336"/>
                  </a:lnTo>
                  <a:lnTo>
                    <a:pt x="6094476" y="792480"/>
                  </a:lnTo>
                  <a:lnTo>
                    <a:pt x="6198108" y="792480"/>
                  </a:lnTo>
                  <a:lnTo>
                    <a:pt x="6198108" y="783336"/>
                  </a:lnTo>
                  <a:close/>
                </a:path>
                <a:path w="9599930" h="1574800">
                  <a:moveTo>
                    <a:pt x="6361176" y="783336"/>
                  </a:moveTo>
                  <a:lnTo>
                    <a:pt x="6256020" y="783336"/>
                  </a:lnTo>
                  <a:lnTo>
                    <a:pt x="6256020" y="792480"/>
                  </a:lnTo>
                  <a:lnTo>
                    <a:pt x="6361176" y="792480"/>
                  </a:lnTo>
                  <a:lnTo>
                    <a:pt x="6361176" y="783336"/>
                  </a:lnTo>
                  <a:close/>
                </a:path>
                <a:path w="9599930" h="1574800">
                  <a:moveTo>
                    <a:pt x="6522720" y="783336"/>
                  </a:moveTo>
                  <a:lnTo>
                    <a:pt x="6419088" y="783336"/>
                  </a:lnTo>
                  <a:lnTo>
                    <a:pt x="6419088" y="792480"/>
                  </a:lnTo>
                  <a:lnTo>
                    <a:pt x="6522720" y="792480"/>
                  </a:lnTo>
                  <a:lnTo>
                    <a:pt x="6522720" y="783336"/>
                  </a:lnTo>
                  <a:close/>
                </a:path>
                <a:path w="9599930" h="1574800">
                  <a:moveTo>
                    <a:pt x="6685788" y="783336"/>
                  </a:moveTo>
                  <a:lnTo>
                    <a:pt x="6582156" y="783336"/>
                  </a:lnTo>
                  <a:lnTo>
                    <a:pt x="6582156" y="792480"/>
                  </a:lnTo>
                  <a:lnTo>
                    <a:pt x="6685788" y="792480"/>
                  </a:lnTo>
                  <a:lnTo>
                    <a:pt x="6685788" y="783336"/>
                  </a:lnTo>
                  <a:close/>
                </a:path>
                <a:path w="9599930" h="1574800">
                  <a:moveTo>
                    <a:pt x="6848856" y="783336"/>
                  </a:moveTo>
                  <a:lnTo>
                    <a:pt x="6745224" y="783336"/>
                  </a:lnTo>
                  <a:lnTo>
                    <a:pt x="6745224" y="792480"/>
                  </a:lnTo>
                  <a:lnTo>
                    <a:pt x="6848856" y="792480"/>
                  </a:lnTo>
                  <a:lnTo>
                    <a:pt x="6848856" y="783336"/>
                  </a:lnTo>
                  <a:close/>
                </a:path>
                <a:path w="9599930" h="1574800">
                  <a:moveTo>
                    <a:pt x="7011924" y="783336"/>
                  </a:moveTo>
                  <a:lnTo>
                    <a:pt x="6906768" y="783336"/>
                  </a:lnTo>
                  <a:lnTo>
                    <a:pt x="6906768" y="792480"/>
                  </a:lnTo>
                  <a:lnTo>
                    <a:pt x="7011924" y="792480"/>
                  </a:lnTo>
                  <a:lnTo>
                    <a:pt x="7011924" y="783336"/>
                  </a:lnTo>
                  <a:close/>
                </a:path>
                <a:path w="9599930" h="1574800">
                  <a:moveTo>
                    <a:pt x="7499604" y="1565148"/>
                  </a:moveTo>
                  <a:lnTo>
                    <a:pt x="7395972" y="1565148"/>
                  </a:lnTo>
                  <a:lnTo>
                    <a:pt x="7395972" y="1574292"/>
                  </a:lnTo>
                  <a:lnTo>
                    <a:pt x="7499604" y="1574292"/>
                  </a:lnTo>
                  <a:lnTo>
                    <a:pt x="7499604" y="1565148"/>
                  </a:lnTo>
                  <a:close/>
                </a:path>
                <a:path w="9599930" h="1574800">
                  <a:moveTo>
                    <a:pt x="9599676" y="1565148"/>
                  </a:moveTo>
                  <a:lnTo>
                    <a:pt x="7720584" y="1565148"/>
                  </a:lnTo>
                  <a:lnTo>
                    <a:pt x="7720584" y="1574292"/>
                  </a:lnTo>
                  <a:lnTo>
                    <a:pt x="9599676" y="1574292"/>
                  </a:lnTo>
                  <a:lnTo>
                    <a:pt x="9599676" y="1565148"/>
                  </a:lnTo>
                  <a:close/>
                </a:path>
                <a:path w="9599930" h="1574800">
                  <a:moveTo>
                    <a:pt x="9599676" y="783336"/>
                  </a:moveTo>
                  <a:lnTo>
                    <a:pt x="7069836" y="783336"/>
                  </a:lnTo>
                  <a:lnTo>
                    <a:pt x="7069836" y="792480"/>
                  </a:lnTo>
                  <a:lnTo>
                    <a:pt x="9599676" y="792480"/>
                  </a:lnTo>
                  <a:lnTo>
                    <a:pt x="9599676" y="783336"/>
                  </a:lnTo>
                  <a:close/>
                </a:path>
                <a:path w="9599930" h="1574800">
                  <a:moveTo>
                    <a:pt x="9599676" y="0"/>
                  </a:moveTo>
                  <a:lnTo>
                    <a:pt x="0" y="0"/>
                  </a:lnTo>
                  <a:lnTo>
                    <a:pt x="0" y="9144"/>
                  </a:lnTo>
                  <a:lnTo>
                    <a:pt x="9599676" y="9144"/>
                  </a:lnTo>
                  <a:lnTo>
                    <a:pt x="9599676" y="0"/>
                  </a:lnTo>
                  <a:close/>
                </a:path>
              </a:pathLst>
            </a:custGeom>
            <a:solidFill>
              <a:srgbClr val="D8D8D8"/>
            </a:solidFill>
          </p:spPr>
          <p:txBody>
            <a:bodyPr wrap="square" lIns="0" tIns="0" rIns="0" bIns="0" rtlCol="0"/>
            <a:lstStyle/>
            <a:p>
              <a:endParaRPr sz="1539"/>
            </a:p>
          </p:txBody>
        </p:sp>
        <p:sp>
          <p:nvSpPr>
            <p:cNvPr id="9" name="object 9"/>
            <p:cNvSpPr/>
            <p:nvPr/>
          </p:nvSpPr>
          <p:spPr>
            <a:xfrm>
              <a:off x="550164" y="2275331"/>
              <a:ext cx="9496425" cy="4497705"/>
            </a:xfrm>
            <a:custGeom>
              <a:avLst/>
              <a:gdLst/>
              <a:ahLst/>
              <a:cxnLst/>
              <a:rect l="l" t="t" r="r" b="b"/>
              <a:pathLst>
                <a:path w="9496425" h="4497705">
                  <a:moveTo>
                    <a:pt x="57912" y="4462284"/>
                  </a:moveTo>
                  <a:lnTo>
                    <a:pt x="0" y="4462284"/>
                  </a:lnTo>
                  <a:lnTo>
                    <a:pt x="0" y="4497336"/>
                  </a:lnTo>
                  <a:lnTo>
                    <a:pt x="57912" y="4497336"/>
                  </a:lnTo>
                  <a:lnTo>
                    <a:pt x="57912" y="4462284"/>
                  </a:lnTo>
                  <a:close/>
                </a:path>
                <a:path w="9496425" h="4497705">
                  <a:moveTo>
                    <a:pt x="220980" y="4451616"/>
                  </a:moveTo>
                  <a:lnTo>
                    <a:pt x="163068" y="4451616"/>
                  </a:lnTo>
                  <a:lnTo>
                    <a:pt x="163068" y="4497336"/>
                  </a:lnTo>
                  <a:lnTo>
                    <a:pt x="220980" y="4497336"/>
                  </a:lnTo>
                  <a:lnTo>
                    <a:pt x="220980" y="4451616"/>
                  </a:lnTo>
                  <a:close/>
                </a:path>
                <a:path w="9496425" h="4497705">
                  <a:moveTo>
                    <a:pt x="384048" y="4436376"/>
                  </a:moveTo>
                  <a:lnTo>
                    <a:pt x="324612" y="4436376"/>
                  </a:lnTo>
                  <a:lnTo>
                    <a:pt x="324612" y="4497336"/>
                  </a:lnTo>
                  <a:lnTo>
                    <a:pt x="384048" y="4497336"/>
                  </a:lnTo>
                  <a:lnTo>
                    <a:pt x="384048" y="4436376"/>
                  </a:lnTo>
                  <a:close/>
                </a:path>
                <a:path w="9496425" h="4497705">
                  <a:moveTo>
                    <a:pt x="547116" y="4443996"/>
                  </a:moveTo>
                  <a:lnTo>
                    <a:pt x="487680" y="4443996"/>
                  </a:lnTo>
                  <a:lnTo>
                    <a:pt x="487680" y="4497336"/>
                  </a:lnTo>
                  <a:lnTo>
                    <a:pt x="547116" y="4497336"/>
                  </a:lnTo>
                  <a:lnTo>
                    <a:pt x="547116" y="4443996"/>
                  </a:lnTo>
                  <a:close/>
                </a:path>
                <a:path w="9496425" h="4497705">
                  <a:moveTo>
                    <a:pt x="708660" y="4424184"/>
                  </a:moveTo>
                  <a:lnTo>
                    <a:pt x="650748" y="4424184"/>
                  </a:lnTo>
                  <a:lnTo>
                    <a:pt x="650748" y="4497336"/>
                  </a:lnTo>
                  <a:lnTo>
                    <a:pt x="708660" y="4497336"/>
                  </a:lnTo>
                  <a:lnTo>
                    <a:pt x="708660" y="4424184"/>
                  </a:lnTo>
                  <a:close/>
                </a:path>
                <a:path w="9496425" h="4497705">
                  <a:moveTo>
                    <a:pt x="871728" y="4401324"/>
                  </a:moveTo>
                  <a:lnTo>
                    <a:pt x="813816" y="4401324"/>
                  </a:lnTo>
                  <a:lnTo>
                    <a:pt x="813816" y="4497336"/>
                  </a:lnTo>
                  <a:lnTo>
                    <a:pt x="871728" y="4497336"/>
                  </a:lnTo>
                  <a:lnTo>
                    <a:pt x="871728" y="4401324"/>
                  </a:lnTo>
                  <a:close/>
                </a:path>
                <a:path w="9496425" h="4497705">
                  <a:moveTo>
                    <a:pt x="1034796" y="4381512"/>
                  </a:moveTo>
                  <a:lnTo>
                    <a:pt x="975360" y="4381512"/>
                  </a:lnTo>
                  <a:lnTo>
                    <a:pt x="975360" y="4497336"/>
                  </a:lnTo>
                  <a:lnTo>
                    <a:pt x="1034796" y="4497336"/>
                  </a:lnTo>
                  <a:lnTo>
                    <a:pt x="1034796" y="4381512"/>
                  </a:lnTo>
                  <a:close/>
                </a:path>
                <a:path w="9496425" h="4497705">
                  <a:moveTo>
                    <a:pt x="1197864" y="4337316"/>
                  </a:moveTo>
                  <a:lnTo>
                    <a:pt x="1138428" y="4337316"/>
                  </a:lnTo>
                  <a:lnTo>
                    <a:pt x="1138428" y="4497336"/>
                  </a:lnTo>
                  <a:lnTo>
                    <a:pt x="1197864" y="4497336"/>
                  </a:lnTo>
                  <a:lnTo>
                    <a:pt x="1197864" y="4337316"/>
                  </a:lnTo>
                  <a:close/>
                </a:path>
                <a:path w="9496425" h="4497705">
                  <a:moveTo>
                    <a:pt x="1359408" y="4312932"/>
                  </a:moveTo>
                  <a:lnTo>
                    <a:pt x="1301496" y="4312932"/>
                  </a:lnTo>
                  <a:lnTo>
                    <a:pt x="1301496" y="4497336"/>
                  </a:lnTo>
                  <a:lnTo>
                    <a:pt x="1359408" y="4497336"/>
                  </a:lnTo>
                  <a:lnTo>
                    <a:pt x="1359408" y="4312932"/>
                  </a:lnTo>
                  <a:close/>
                </a:path>
                <a:path w="9496425" h="4497705">
                  <a:moveTo>
                    <a:pt x="1522476" y="4287024"/>
                  </a:moveTo>
                  <a:lnTo>
                    <a:pt x="1464564" y="4287024"/>
                  </a:lnTo>
                  <a:lnTo>
                    <a:pt x="1464564" y="4497336"/>
                  </a:lnTo>
                  <a:lnTo>
                    <a:pt x="1522476" y="4497336"/>
                  </a:lnTo>
                  <a:lnTo>
                    <a:pt x="1522476" y="4287024"/>
                  </a:lnTo>
                  <a:close/>
                </a:path>
                <a:path w="9496425" h="4497705">
                  <a:moveTo>
                    <a:pt x="1685544" y="4267212"/>
                  </a:moveTo>
                  <a:lnTo>
                    <a:pt x="1626108" y="4267212"/>
                  </a:lnTo>
                  <a:lnTo>
                    <a:pt x="1626108" y="4497336"/>
                  </a:lnTo>
                  <a:lnTo>
                    <a:pt x="1685544" y="4497336"/>
                  </a:lnTo>
                  <a:lnTo>
                    <a:pt x="1685544" y="4267212"/>
                  </a:lnTo>
                  <a:close/>
                </a:path>
                <a:path w="9496425" h="4497705">
                  <a:moveTo>
                    <a:pt x="1848612" y="4245876"/>
                  </a:moveTo>
                  <a:lnTo>
                    <a:pt x="1789176" y="4245876"/>
                  </a:lnTo>
                  <a:lnTo>
                    <a:pt x="1789176" y="4497336"/>
                  </a:lnTo>
                  <a:lnTo>
                    <a:pt x="1848612" y="4497336"/>
                  </a:lnTo>
                  <a:lnTo>
                    <a:pt x="1848612" y="4245876"/>
                  </a:lnTo>
                  <a:close/>
                </a:path>
                <a:path w="9496425" h="4497705">
                  <a:moveTo>
                    <a:pt x="2011680" y="4181868"/>
                  </a:moveTo>
                  <a:lnTo>
                    <a:pt x="1952244" y="4181868"/>
                  </a:lnTo>
                  <a:lnTo>
                    <a:pt x="1952244" y="4497336"/>
                  </a:lnTo>
                  <a:lnTo>
                    <a:pt x="2011680" y="4497336"/>
                  </a:lnTo>
                  <a:lnTo>
                    <a:pt x="2011680" y="4181868"/>
                  </a:lnTo>
                  <a:close/>
                </a:path>
                <a:path w="9496425" h="4497705">
                  <a:moveTo>
                    <a:pt x="2173224" y="4101096"/>
                  </a:moveTo>
                  <a:lnTo>
                    <a:pt x="2115312" y="4101096"/>
                  </a:lnTo>
                  <a:lnTo>
                    <a:pt x="2115312" y="4497336"/>
                  </a:lnTo>
                  <a:lnTo>
                    <a:pt x="2173224" y="4497336"/>
                  </a:lnTo>
                  <a:lnTo>
                    <a:pt x="2173224" y="4101096"/>
                  </a:lnTo>
                  <a:close/>
                </a:path>
                <a:path w="9496425" h="4497705">
                  <a:moveTo>
                    <a:pt x="2336292" y="4014216"/>
                  </a:moveTo>
                  <a:lnTo>
                    <a:pt x="2278380" y="4014216"/>
                  </a:lnTo>
                  <a:lnTo>
                    <a:pt x="2278380" y="4497336"/>
                  </a:lnTo>
                  <a:lnTo>
                    <a:pt x="2336292" y="4497336"/>
                  </a:lnTo>
                  <a:lnTo>
                    <a:pt x="2336292" y="4014216"/>
                  </a:lnTo>
                  <a:close/>
                </a:path>
                <a:path w="9496425" h="4497705">
                  <a:moveTo>
                    <a:pt x="2499360" y="3887724"/>
                  </a:moveTo>
                  <a:lnTo>
                    <a:pt x="2439924" y="3887724"/>
                  </a:lnTo>
                  <a:lnTo>
                    <a:pt x="2439924" y="4497336"/>
                  </a:lnTo>
                  <a:lnTo>
                    <a:pt x="2499360" y="4497336"/>
                  </a:lnTo>
                  <a:lnTo>
                    <a:pt x="2499360" y="3887724"/>
                  </a:lnTo>
                  <a:close/>
                </a:path>
                <a:path w="9496425" h="4497705">
                  <a:moveTo>
                    <a:pt x="2662428" y="3788664"/>
                  </a:moveTo>
                  <a:lnTo>
                    <a:pt x="2602992" y="3788664"/>
                  </a:lnTo>
                  <a:lnTo>
                    <a:pt x="2602992" y="4497336"/>
                  </a:lnTo>
                  <a:lnTo>
                    <a:pt x="2662428" y="4497336"/>
                  </a:lnTo>
                  <a:lnTo>
                    <a:pt x="2662428" y="3788664"/>
                  </a:lnTo>
                  <a:close/>
                </a:path>
                <a:path w="9496425" h="4497705">
                  <a:moveTo>
                    <a:pt x="2823972" y="3645408"/>
                  </a:moveTo>
                  <a:lnTo>
                    <a:pt x="2766060" y="3645408"/>
                  </a:lnTo>
                  <a:lnTo>
                    <a:pt x="2766060" y="4497336"/>
                  </a:lnTo>
                  <a:lnTo>
                    <a:pt x="2823972" y="4497336"/>
                  </a:lnTo>
                  <a:lnTo>
                    <a:pt x="2823972" y="3645408"/>
                  </a:lnTo>
                  <a:close/>
                </a:path>
                <a:path w="9496425" h="4497705">
                  <a:moveTo>
                    <a:pt x="2987040" y="3422904"/>
                  </a:moveTo>
                  <a:lnTo>
                    <a:pt x="2929128" y="3422904"/>
                  </a:lnTo>
                  <a:lnTo>
                    <a:pt x="2929128" y="4497336"/>
                  </a:lnTo>
                  <a:lnTo>
                    <a:pt x="2987040" y="4497336"/>
                  </a:lnTo>
                  <a:lnTo>
                    <a:pt x="2987040" y="3422904"/>
                  </a:lnTo>
                  <a:close/>
                </a:path>
                <a:path w="9496425" h="4497705">
                  <a:moveTo>
                    <a:pt x="3150108" y="3089148"/>
                  </a:moveTo>
                  <a:lnTo>
                    <a:pt x="3090672" y="3089148"/>
                  </a:lnTo>
                  <a:lnTo>
                    <a:pt x="3090672" y="4497336"/>
                  </a:lnTo>
                  <a:lnTo>
                    <a:pt x="3150108" y="4497336"/>
                  </a:lnTo>
                  <a:lnTo>
                    <a:pt x="3150108" y="3089148"/>
                  </a:lnTo>
                  <a:close/>
                </a:path>
                <a:path w="9496425" h="4497705">
                  <a:moveTo>
                    <a:pt x="3313176" y="3026664"/>
                  </a:moveTo>
                  <a:lnTo>
                    <a:pt x="3253740" y="3026664"/>
                  </a:lnTo>
                  <a:lnTo>
                    <a:pt x="3253740" y="4497336"/>
                  </a:lnTo>
                  <a:lnTo>
                    <a:pt x="3313176" y="4497336"/>
                  </a:lnTo>
                  <a:lnTo>
                    <a:pt x="3313176" y="3026664"/>
                  </a:lnTo>
                  <a:close/>
                </a:path>
                <a:path w="9496425" h="4497705">
                  <a:moveTo>
                    <a:pt x="3474720" y="2926080"/>
                  </a:moveTo>
                  <a:lnTo>
                    <a:pt x="3416808" y="2926080"/>
                  </a:lnTo>
                  <a:lnTo>
                    <a:pt x="3416808" y="4497336"/>
                  </a:lnTo>
                  <a:lnTo>
                    <a:pt x="3474720" y="4497336"/>
                  </a:lnTo>
                  <a:lnTo>
                    <a:pt x="3474720" y="2926080"/>
                  </a:lnTo>
                  <a:close/>
                </a:path>
                <a:path w="9496425" h="4497705">
                  <a:moveTo>
                    <a:pt x="3637788" y="2819400"/>
                  </a:moveTo>
                  <a:lnTo>
                    <a:pt x="3579876" y="2819400"/>
                  </a:lnTo>
                  <a:lnTo>
                    <a:pt x="3579876" y="4497336"/>
                  </a:lnTo>
                  <a:lnTo>
                    <a:pt x="3637788" y="4497336"/>
                  </a:lnTo>
                  <a:lnTo>
                    <a:pt x="3637788" y="2819400"/>
                  </a:lnTo>
                  <a:close/>
                </a:path>
                <a:path w="9496425" h="4497705">
                  <a:moveTo>
                    <a:pt x="3800856" y="2628900"/>
                  </a:moveTo>
                  <a:lnTo>
                    <a:pt x="3741420" y="2628900"/>
                  </a:lnTo>
                  <a:lnTo>
                    <a:pt x="3741420" y="4497336"/>
                  </a:lnTo>
                  <a:lnTo>
                    <a:pt x="3800856" y="4497336"/>
                  </a:lnTo>
                  <a:lnTo>
                    <a:pt x="3800856" y="2628900"/>
                  </a:lnTo>
                  <a:close/>
                </a:path>
                <a:path w="9496425" h="4497705">
                  <a:moveTo>
                    <a:pt x="3963924" y="2368296"/>
                  </a:moveTo>
                  <a:lnTo>
                    <a:pt x="3904488" y="2368296"/>
                  </a:lnTo>
                  <a:lnTo>
                    <a:pt x="3904488" y="4497336"/>
                  </a:lnTo>
                  <a:lnTo>
                    <a:pt x="3963924" y="4497336"/>
                  </a:lnTo>
                  <a:lnTo>
                    <a:pt x="3963924" y="2368296"/>
                  </a:lnTo>
                  <a:close/>
                </a:path>
                <a:path w="9496425" h="4497705">
                  <a:moveTo>
                    <a:pt x="4125468" y="2130552"/>
                  </a:moveTo>
                  <a:lnTo>
                    <a:pt x="4067556" y="2130552"/>
                  </a:lnTo>
                  <a:lnTo>
                    <a:pt x="4067556" y="4497336"/>
                  </a:lnTo>
                  <a:lnTo>
                    <a:pt x="4125468" y="4497336"/>
                  </a:lnTo>
                  <a:lnTo>
                    <a:pt x="4125468" y="2130552"/>
                  </a:lnTo>
                  <a:close/>
                </a:path>
                <a:path w="9496425" h="4497705">
                  <a:moveTo>
                    <a:pt x="4288536" y="2029968"/>
                  </a:moveTo>
                  <a:lnTo>
                    <a:pt x="4230624" y="2029968"/>
                  </a:lnTo>
                  <a:lnTo>
                    <a:pt x="4230624" y="4497336"/>
                  </a:lnTo>
                  <a:lnTo>
                    <a:pt x="4288536" y="4497336"/>
                  </a:lnTo>
                  <a:lnTo>
                    <a:pt x="4288536" y="2029968"/>
                  </a:lnTo>
                  <a:close/>
                </a:path>
                <a:path w="9496425" h="4497705">
                  <a:moveTo>
                    <a:pt x="4451604" y="2013204"/>
                  </a:moveTo>
                  <a:lnTo>
                    <a:pt x="4392168" y="2013204"/>
                  </a:lnTo>
                  <a:lnTo>
                    <a:pt x="4392168" y="4497336"/>
                  </a:lnTo>
                  <a:lnTo>
                    <a:pt x="4451604" y="4497336"/>
                  </a:lnTo>
                  <a:lnTo>
                    <a:pt x="4451604" y="2013204"/>
                  </a:lnTo>
                  <a:close/>
                </a:path>
                <a:path w="9496425" h="4497705">
                  <a:moveTo>
                    <a:pt x="4614672" y="2013204"/>
                  </a:moveTo>
                  <a:lnTo>
                    <a:pt x="4555236" y="2013204"/>
                  </a:lnTo>
                  <a:lnTo>
                    <a:pt x="4555236" y="4497336"/>
                  </a:lnTo>
                  <a:lnTo>
                    <a:pt x="4614672" y="4497336"/>
                  </a:lnTo>
                  <a:lnTo>
                    <a:pt x="4614672" y="2013204"/>
                  </a:lnTo>
                  <a:close/>
                </a:path>
                <a:path w="9496425" h="4497705">
                  <a:moveTo>
                    <a:pt x="4777740" y="2037588"/>
                  </a:moveTo>
                  <a:lnTo>
                    <a:pt x="4718304" y="2037588"/>
                  </a:lnTo>
                  <a:lnTo>
                    <a:pt x="4718304" y="4497336"/>
                  </a:lnTo>
                  <a:lnTo>
                    <a:pt x="4777740" y="4497336"/>
                  </a:lnTo>
                  <a:lnTo>
                    <a:pt x="4777740" y="2037588"/>
                  </a:lnTo>
                  <a:close/>
                </a:path>
                <a:path w="9496425" h="4497705">
                  <a:moveTo>
                    <a:pt x="4939284" y="1962924"/>
                  </a:moveTo>
                  <a:lnTo>
                    <a:pt x="4881372" y="1962924"/>
                  </a:lnTo>
                  <a:lnTo>
                    <a:pt x="4881372" y="4497336"/>
                  </a:lnTo>
                  <a:lnTo>
                    <a:pt x="4939284" y="4497336"/>
                  </a:lnTo>
                  <a:lnTo>
                    <a:pt x="4939284" y="1962924"/>
                  </a:lnTo>
                  <a:close/>
                </a:path>
                <a:path w="9496425" h="4497705">
                  <a:moveTo>
                    <a:pt x="5102352" y="1894332"/>
                  </a:moveTo>
                  <a:lnTo>
                    <a:pt x="5044440" y="1894332"/>
                  </a:lnTo>
                  <a:lnTo>
                    <a:pt x="5044440" y="4497336"/>
                  </a:lnTo>
                  <a:lnTo>
                    <a:pt x="5102352" y="4497336"/>
                  </a:lnTo>
                  <a:lnTo>
                    <a:pt x="5102352" y="1894332"/>
                  </a:lnTo>
                  <a:close/>
                </a:path>
                <a:path w="9496425" h="4497705">
                  <a:moveTo>
                    <a:pt x="5265420" y="1700784"/>
                  </a:moveTo>
                  <a:lnTo>
                    <a:pt x="5205984" y="1700784"/>
                  </a:lnTo>
                  <a:lnTo>
                    <a:pt x="5205984" y="4497336"/>
                  </a:lnTo>
                  <a:lnTo>
                    <a:pt x="5265420" y="4497336"/>
                  </a:lnTo>
                  <a:lnTo>
                    <a:pt x="5265420" y="1700784"/>
                  </a:lnTo>
                  <a:close/>
                </a:path>
                <a:path w="9496425" h="4497705">
                  <a:moveTo>
                    <a:pt x="5428488" y="1394460"/>
                  </a:moveTo>
                  <a:lnTo>
                    <a:pt x="5369052" y="1394460"/>
                  </a:lnTo>
                  <a:lnTo>
                    <a:pt x="5369052" y="4497336"/>
                  </a:lnTo>
                  <a:lnTo>
                    <a:pt x="5428488" y="4497336"/>
                  </a:lnTo>
                  <a:lnTo>
                    <a:pt x="5428488" y="1394460"/>
                  </a:lnTo>
                  <a:close/>
                </a:path>
                <a:path w="9496425" h="4497705">
                  <a:moveTo>
                    <a:pt x="5590032" y="1028700"/>
                  </a:moveTo>
                  <a:lnTo>
                    <a:pt x="5532120" y="1028700"/>
                  </a:lnTo>
                  <a:lnTo>
                    <a:pt x="5532120" y="4497336"/>
                  </a:lnTo>
                  <a:lnTo>
                    <a:pt x="5590032" y="4497336"/>
                  </a:lnTo>
                  <a:lnTo>
                    <a:pt x="5590032" y="1028700"/>
                  </a:lnTo>
                  <a:close/>
                </a:path>
                <a:path w="9496425" h="4497705">
                  <a:moveTo>
                    <a:pt x="5753100" y="598932"/>
                  </a:moveTo>
                  <a:lnTo>
                    <a:pt x="5695188" y="598932"/>
                  </a:lnTo>
                  <a:lnTo>
                    <a:pt x="5695188" y="4497336"/>
                  </a:lnTo>
                  <a:lnTo>
                    <a:pt x="5753100" y="4497336"/>
                  </a:lnTo>
                  <a:lnTo>
                    <a:pt x="5753100" y="598932"/>
                  </a:lnTo>
                  <a:close/>
                </a:path>
                <a:path w="9496425" h="4497705">
                  <a:moveTo>
                    <a:pt x="5916168" y="243840"/>
                  </a:moveTo>
                  <a:lnTo>
                    <a:pt x="5856732" y="243840"/>
                  </a:lnTo>
                  <a:lnTo>
                    <a:pt x="5856732" y="4497336"/>
                  </a:lnTo>
                  <a:lnTo>
                    <a:pt x="5916168" y="4497336"/>
                  </a:lnTo>
                  <a:lnTo>
                    <a:pt x="5916168" y="243840"/>
                  </a:lnTo>
                  <a:close/>
                </a:path>
                <a:path w="9496425" h="4497705">
                  <a:moveTo>
                    <a:pt x="6079236" y="39624"/>
                  </a:moveTo>
                  <a:lnTo>
                    <a:pt x="6019800" y="39624"/>
                  </a:lnTo>
                  <a:lnTo>
                    <a:pt x="6019800" y="4497336"/>
                  </a:lnTo>
                  <a:lnTo>
                    <a:pt x="6079236" y="4497336"/>
                  </a:lnTo>
                  <a:lnTo>
                    <a:pt x="6079236" y="39624"/>
                  </a:lnTo>
                  <a:close/>
                </a:path>
                <a:path w="9496425" h="4497705">
                  <a:moveTo>
                    <a:pt x="6240780" y="0"/>
                  </a:moveTo>
                  <a:lnTo>
                    <a:pt x="6182868" y="0"/>
                  </a:lnTo>
                  <a:lnTo>
                    <a:pt x="6182868" y="4497336"/>
                  </a:lnTo>
                  <a:lnTo>
                    <a:pt x="6240780" y="4497336"/>
                  </a:lnTo>
                  <a:lnTo>
                    <a:pt x="6240780" y="0"/>
                  </a:lnTo>
                  <a:close/>
                </a:path>
                <a:path w="9496425" h="4497705">
                  <a:moveTo>
                    <a:pt x="6403848" y="181356"/>
                  </a:moveTo>
                  <a:lnTo>
                    <a:pt x="6345936" y="181356"/>
                  </a:lnTo>
                  <a:lnTo>
                    <a:pt x="6345936" y="4497336"/>
                  </a:lnTo>
                  <a:lnTo>
                    <a:pt x="6403848" y="4497336"/>
                  </a:lnTo>
                  <a:lnTo>
                    <a:pt x="6403848" y="181356"/>
                  </a:lnTo>
                  <a:close/>
                </a:path>
                <a:path w="9496425" h="4497705">
                  <a:moveTo>
                    <a:pt x="6566916" y="201168"/>
                  </a:moveTo>
                  <a:lnTo>
                    <a:pt x="6507480" y="201168"/>
                  </a:lnTo>
                  <a:lnTo>
                    <a:pt x="6507480" y="4497336"/>
                  </a:lnTo>
                  <a:lnTo>
                    <a:pt x="6566916" y="4497336"/>
                  </a:lnTo>
                  <a:lnTo>
                    <a:pt x="6566916" y="201168"/>
                  </a:lnTo>
                  <a:close/>
                </a:path>
                <a:path w="9496425" h="4497705">
                  <a:moveTo>
                    <a:pt x="6729984" y="3048"/>
                  </a:moveTo>
                  <a:lnTo>
                    <a:pt x="6670548" y="3048"/>
                  </a:lnTo>
                  <a:lnTo>
                    <a:pt x="6670548" y="4497336"/>
                  </a:lnTo>
                  <a:lnTo>
                    <a:pt x="6729984" y="4497336"/>
                  </a:lnTo>
                  <a:lnTo>
                    <a:pt x="6729984" y="3048"/>
                  </a:lnTo>
                  <a:close/>
                </a:path>
                <a:path w="9496425" h="4497705">
                  <a:moveTo>
                    <a:pt x="6891528" y="185928"/>
                  </a:moveTo>
                  <a:lnTo>
                    <a:pt x="6833616" y="185928"/>
                  </a:lnTo>
                  <a:lnTo>
                    <a:pt x="6833616" y="4497336"/>
                  </a:lnTo>
                  <a:lnTo>
                    <a:pt x="6891528" y="4497336"/>
                  </a:lnTo>
                  <a:lnTo>
                    <a:pt x="6891528" y="185928"/>
                  </a:lnTo>
                  <a:close/>
                </a:path>
                <a:path w="9496425" h="4497705">
                  <a:moveTo>
                    <a:pt x="7054596" y="507492"/>
                  </a:moveTo>
                  <a:lnTo>
                    <a:pt x="6996684" y="507492"/>
                  </a:lnTo>
                  <a:lnTo>
                    <a:pt x="6996684" y="4497336"/>
                  </a:lnTo>
                  <a:lnTo>
                    <a:pt x="7054596" y="4497336"/>
                  </a:lnTo>
                  <a:lnTo>
                    <a:pt x="7054596" y="507492"/>
                  </a:lnTo>
                  <a:close/>
                </a:path>
                <a:path w="9496425" h="4497705">
                  <a:moveTo>
                    <a:pt x="7217664" y="816864"/>
                  </a:moveTo>
                  <a:lnTo>
                    <a:pt x="7158228" y="816864"/>
                  </a:lnTo>
                  <a:lnTo>
                    <a:pt x="7158228" y="4497336"/>
                  </a:lnTo>
                  <a:lnTo>
                    <a:pt x="7217664" y="4497336"/>
                  </a:lnTo>
                  <a:lnTo>
                    <a:pt x="7217664" y="816864"/>
                  </a:lnTo>
                  <a:close/>
                </a:path>
                <a:path w="9496425" h="4497705">
                  <a:moveTo>
                    <a:pt x="7380732" y="821436"/>
                  </a:moveTo>
                  <a:lnTo>
                    <a:pt x="7321296" y="821436"/>
                  </a:lnTo>
                  <a:lnTo>
                    <a:pt x="7321296" y="4497336"/>
                  </a:lnTo>
                  <a:lnTo>
                    <a:pt x="7380732" y="4497336"/>
                  </a:lnTo>
                  <a:lnTo>
                    <a:pt x="7380732" y="821436"/>
                  </a:lnTo>
                  <a:close/>
                </a:path>
                <a:path w="9496425" h="4497705">
                  <a:moveTo>
                    <a:pt x="7543800" y="1024128"/>
                  </a:moveTo>
                  <a:lnTo>
                    <a:pt x="7484364" y="1024128"/>
                  </a:lnTo>
                  <a:lnTo>
                    <a:pt x="7484364" y="4497336"/>
                  </a:lnTo>
                  <a:lnTo>
                    <a:pt x="7543800" y="4497336"/>
                  </a:lnTo>
                  <a:lnTo>
                    <a:pt x="7543800" y="1024128"/>
                  </a:lnTo>
                  <a:close/>
                </a:path>
                <a:path w="9496425" h="4497705">
                  <a:moveTo>
                    <a:pt x="7705344" y="1211580"/>
                  </a:moveTo>
                  <a:lnTo>
                    <a:pt x="7647432" y="1211580"/>
                  </a:lnTo>
                  <a:lnTo>
                    <a:pt x="7647432" y="4497336"/>
                  </a:lnTo>
                  <a:lnTo>
                    <a:pt x="7705344" y="4497336"/>
                  </a:lnTo>
                  <a:lnTo>
                    <a:pt x="7705344" y="1211580"/>
                  </a:lnTo>
                  <a:close/>
                </a:path>
                <a:path w="9496425" h="4497705">
                  <a:moveTo>
                    <a:pt x="7868412" y="1501140"/>
                  </a:moveTo>
                  <a:lnTo>
                    <a:pt x="7810500" y="1501140"/>
                  </a:lnTo>
                  <a:lnTo>
                    <a:pt x="7810500" y="4497336"/>
                  </a:lnTo>
                  <a:lnTo>
                    <a:pt x="7868412" y="4497336"/>
                  </a:lnTo>
                  <a:lnTo>
                    <a:pt x="7868412" y="1501140"/>
                  </a:lnTo>
                  <a:close/>
                </a:path>
                <a:path w="9496425" h="4497705">
                  <a:moveTo>
                    <a:pt x="8031480" y="1568196"/>
                  </a:moveTo>
                  <a:lnTo>
                    <a:pt x="7972044" y="1568196"/>
                  </a:lnTo>
                  <a:lnTo>
                    <a:pt x="7972044" y="4497336"/>
                  </a:lnTo>
                  <a:lnTo>
                    <a:pt x="8031480" y="4497336"/>
                  </a:lnTo>
                  <a:lnTo>
                    <a:pt x="8031480" y="1568196"/>
                  </a:lnTo>
                  <a:close/>
                </a:path>
                <a:path w="9496425" h="4497705">
                  <a:moveTo>
                    <a:pt x="8194548" y="1714500"/>
                  </a:moveTo>
                  <a:lnTo>
                    <a:pt x="8135112" y="1714500"/>
                  </a:lnTo>
                  <a:lnTo>
                    <a:pt x="8135112" y="4497336"/>
                  </a:lnTo>
                  <a:lnTo>
                    <a:pt x="8194548" y="4497336"/>
                  </a:lnTo>
                  <a:lnTo>
                    <a:pt x="8194548" y="1714500"/>
                  </a:lnTo>
                  <a:close/>
                </a:path>
                <a:path w="9496425" h="4497705">
                  <a:moveTo>
                    <a:pt x="8356092" y="1719072"/>
                  </a:moveTo>
                  <a:lnTo>
                    <a:pt x="8298180" y="1719072"/>
                  </a:lnTo>
                  <a:lnTo>
                    <a:pt x="8298180" y="4497336"/>
                  </a:lnTo>
                  <a:lnTo>
                    <a:pt x="8356092" y="4497336"/>
                  </a:lnTo>
                  <a:lnTo>
                    <a:pt x="8356092" y="1719072"/>
                  </a:lnTo>
                  <a:close/>
                </a:path>
                <a:path w="9496425" h="4497705">
                  <a:moveTo>
                    <a:pt x="8519160" y="1776984"/>
                  </a:moveTo>
                  <a:lnTo>
                    <a:pt x="8461248" y="1776984"/>
                  </a:lnTo>
                  <a:lnTo>
                    <a:pt x="8461248" y="4497336"/>
                  </a:lnTo>
                  <a:lnTo>
                    <a:pt x="8519160" y="4497336"/>
                  </a:lnTo>
                  <a:lnTo>
                    <a:pt x="8519160" y="1776984"/>
                  </a:lnTo>
                  <a:close/>
                </a:path>
                <a:path w="9496425" h="4497705">
                  <a:moveTo>
                    <a:pt x="8682228" y="1795272"/>
                  </a:moveTo>
                  <a:lnTo>
                    <a:pt x="8622792" y="1795272"/>
                  </a:lnTo>
                  <a:lnTo>
                    <a:pt x="8622792" y="4497336"/>
                  </a:lnTo>
                  <a:lnTo>
                    <a:pt x="8682228" y="4497336"/>
                  </a:lnTo>
                  <a:lnTo>
                    <a:pt x="8682228" y="1795272"/>
                  </a:lnTo>
                  <a:close/>
                </a:path>
                <a:path w="9496425" h="4497705">
                  <a:moveTo>
                    <a:pt x="8845296" y="2125980"/>
                  </a:moveTo>
                  <a:lnTo>
                    <a:pt x="8785860" y="2125980"/>
                  </a:lnTo>
                  <a:lnTo>
                    <a:pt x="8785860" y="4497336"/>
                  </a:lnTo>
                  <a:lnTo>
                    <a:pt x="8845296" y="4497336"/>
                  </a:lnTo>
                  <a:lnTo>
                    <a:pt x="8845296" y="2125980"/>
                  </a:lnTo>
                  <a:close/>
                </a:path>
                <a:path w="9496425" h="4497705">
                  <a:moveTo>
                    <a:pt x="9006840" y="2046732"/>
                  </a:moveTo>
                  <a:lnTo>
                    <a:pt x="8948928" y="2046732"/>
                  </a:lnTo>
                  <a:lnTo>
                    <a:pt x="8948928" y="4497336"/>
                  </a:lnTo>
                  <a:lnTo>
                    <a:pt x="9006840" y="4497336"/>
                  </a:lnTo>
                  <a:lnTo>
                    <a:pt x="9006840" y="2046732"/>
                  </a:lnTo>
                  <a:close/>
                </a:path>
                <a:path w="9496425" h="4497705">
                  <a:moveTo>
                    <a:pt x="9169908" y="2071116"/>
                  </a:moveTo>
                  <a:lnTo>
                    <a:pt x="9111996" y="2071116"/>
                  </a:lnTo>
                  <a:lnTo>
                    <a:pt x="9111996" y="4497336"/>
                  </a:lnTo>
                  <a:lnTo>
                    <a:pt x="9169908" y="4497336"/>
                  </a:lnTo>
                  <a:lnTo>
                    <a:pt x="9169908" y="2071116"/>
                  </a:lnTo>
                  <a:close/>
                </a:path>
                <a:path w="9496425" h="4497705">
                  <a:moveTo>
                    <a:pt x="9332976" y="2042160"/>
                  </a:moveTo>
                  <a:lnTo>
                    <a:pt x="9273540" y="2042160"/>
                  </a:lnTo>
                  <a:lnTo>
                    <a:pt x="9273540" y="4497336"/>
                  </a:lnTo>
                  <a:lnTo>
                    <a:pt x="9332976" y="4497336"/>
                  </a:lnTo>
                  <a:lnTo>
                    <a:pt x="9332976" y="2042160"/>
                  </a:lnTo>
                  <a:close/>
                </a:path>
                <a:path w="9496425" h="4497705">
                  <a:moveTo>
                    <a:pt x="9496044" y="1770888"/>
                  </a:moveTo>
                  <a:lnTo>
                    <a:pt x="9436608" y="1770888"/>
                  </a:lnTo>
                  <a:lnTo>
                    <a:pt x="9436608" y="4497336"/>
                  </a:lnTo>
                  <a:lnTo>
                    <a:pt x="9496044" y="4497336"/>
                  </a:lnTo>
                  <a:lnTo>
                    <a:pt x="9496044" y="1770888"/>
                  </a:lnTo>
                  <a:close/>
                </a:path>
              </a:pathLst>
            </a:custGeom>
            <a:solidFill>
              <a:srgbClr val="0099FF"/>
            </a:solidFill>
          </p:spPr>
          <p:txBody>
            <a:bodyPr wrap="square" lIns="0" tIns="0" rIns="0" bIns="0" rtlCol="0"/>
            <a:lstStyle/>
            <a:p>
              <a:endParaRPr sz="1539"/>
            </a:p>
          </p:txBody>
        </p:sp>
        <p:sp>
          <p:nvSpPr>
            <p:cNvPr id="10" name="object 10"/>
            <p:cNvSpPr/>
            <p:nvPr/>
          </p:nvSpPr>
          <p:spPr>
            <a:xfrm>
              <a:off x="624840" y="3794759"/>
              <a:ext cx="9496425" cy="2978150"/>
            </a:xfrm>
            <a:custGeom>
              <a:avLst/>
              <a:gdLst/>
              <a:ahLst/>
              <a:cxnLst/>
              <a:rect l="l" t="t" r="r" b="b"/>
              <a:pathLst>
                <a:path w="9496425" h="2978150">
                  <a:moveTo>
                    <a:pt x="57912" y="2973336"/>
                  </a:moveTo>
                  <a:lnTo>
                    <a:pt x="0" y="2973336"/>
                  </a:lnTo>
                  <a:lnTo>
                    <a:pt x="0" y="2977908"/>
                  </a:lnTo>
                  <a:lnTo>
                    <a:pt x="57912" y="2977908"/>
                  </a:lnTo>
                  <a:lnTo>
                    <a:pt x="57912" y="2973336"/>
                  </a:lnTo>
                  <a:close/>
                </a:path>
                <a:path w="9496425" h="2978150">
                  <a:moveTo>
                    <a:pt x="220980" y="2971812"/>
                  </a:moveTo>
                  <a:lnTo>
                    <a:pt x="163068" y="2971812"/>
                  </a:lnTo>
                  <a:lnTo>
                    <a:pt x="163068" y="2977908"/>
                  </a:lnTo>
                  <a:lnTo>
                    <a:pt x="220980" y="2977908"/>
                  </a:lnTo>
                  <a:lnTo>
                    <a:pt x="220980" y="2971812"/>
                  </a:lnTo>
                  <a:close/>
                </a:path>
                <a:path w="9496425" h="2978150">
                  <a:moveTo>
                    <a:pt x="384048" y="2970288"/>
                  </a:moveTo>
                  <a:lnTo>
                    <a:pt x="324612" y="2970288"/>
                  </a:lnTo>
                  <a:lnTo>
                    <a:pt x="324612" y="2977908"/>
                  </a:lnTo>
                  <a:lnTo>
                    <a:pt x="384048" y="2977908"/>
                  </a:lnTo>
                  <a:lnTo>
                    <a:pt x="384048" y="2970288"/>
                  </a:lnTo>
                  <a:close/>
                </a:path>
                <a:path w="9496425" h="2978150">
                  <a:moveTo>
                    <a:pt x="547116" y="2970288"/>
                  </a:moveTo>
                  <a:lnTo>
                    <a:pt x="487680" y="2970288"/>
                  </a:lnTo>
                  <a:lnTo>
                    <a:pt x="487680" y="2977908"/>
                  </a:lnTo>
                  <a:lnTo>
                    <a:pt x="547116" y="2977908"/>
                  </a:lnTo>
                  <a:lnTo>
                    <a:pt x="547116" y="2970288"/>
                  </a:lnTo>
                  <a:close/>
                </a:path>
                <a:path w="9496425" h="2978150">
                  <a:moveTo>
                    <a:pt x="708660" y="2964192"/>
                  </a:moveTo>
                  <a:lnTo>
                    <a:pt x="650748" y="2964192"/>
                  </a:lnTo>
                  <a:lnTo>
                    <a:pt x="650748" y="2977908"/>
                  </a:lnTo>
                  <a:lnTo>
                    <a:pt x="708660" y="2977908"/>
                  </a:lnTo>
                  <a:lnTo>
                    <a:pt x="708660" y="2964192"/>
                  </a:lnTo>
                  <a:close/>
                </a:path>
                <a:path w="9496425" h="2978150">
                  <a:moveTo>
                    <a:pt x="871728" y="2962668"/>
                  </a:moveTo>
                  <a:lnTo>
                    <a:pt x="813816" y="2962668"/>
                  </a:lnTo>
                  <a:lnTo>
                    <a:pt x="813816" y="2977908"/>
                  </a:lnTo>
                  <a:lnTo>
                    <a:pt x="871728" y="2977908"/>
                  </a:lnTo>
                  <a:lnTo>
                    <a:pt x="871728" y="2962668"/>
                  </a:lnTo>
                  <a:close/>
                </a:path>
                <a:path w="9496425" h="2978150">
                  <a:moveTo>
                    <a:pt x="1034796" y="2956572"/>
                  </a:moveTo>
                  <a:lnTo>
                    <a:pt x="975360" y="2956572"/>
                  </a:lnTo>
                  <a:lnTo>
                    <a:pt x="975360" y="2977908"/>
                  </a:lnTo>
                  <a:lnTo>
                    <a:pt x="1034796" y="2977908"/>
                  </a:lnTo>
                  <a:lnTo>
                    <a:pt x="1034796" y="2956572"/>
                  </a:lnTo>
                  <a:close/>
                </a:path>
                <a:path w="9496425" h="2978150">
                  <a:moveTo>
                    <a:pt x="1197864" y="2947428"/>
                  </a:moveTo>
                  <a:lnTo>
                    <a:pt x="1138428" y="2947428"/>
                  </a:lnTo>
                  <a:lnTo>
                    <a:pt x="1138428" y="2977908"/>
                  </a:lnTo>
                  <a:lnTo>
                    <a:pt x="1197864" y="2977908"/>
                  </a:lnTo>
                  <a:lnTo>
                    <a:pt x="1197864" y="2947428"/>
                  </a:lnTo>
                  <a:close/>
                </a:path>
                <a:path w="9496425" h="2978150">
                  <a:moveTo>
                    <a:pt x="1359408" y="2941332"/>
                  </a:moveTo>
                  <a:lnTo>
                    <a:pt x="1301496" y="2941332"/>
                  </a:lnTo>
                  <a:lnTo>
                    <a:pt x="1301496" y="2977908"/>
                  </a:lnTo>
                  <a:lnTo>
                    <a:pt x="1359408" y="2977908"/>
                  </a:lnTo>
                  <a:lnTo>
                    <a:pt x="1359408" y="2941332"/>
                  </a:lnTo>
                  <a:close/>
                </a:path>
                <a:path w="9496425" h="2978150">
                  <a:moveTo>
                    <a:pt x="1522476" y="2926092"/>
                  </a:moveTo>
                  <a:lnTo>
                    <a:pt x="1464564" y="2926092"/>
                  </a:lnTo>
                  <a:lnTo>
                    <a:pt x="1464564" y="2977908"/>
                  </a:lnTo>
                  <a:lnTo>
                    <a:pt x="1522476" y="2977908"/>
                  </a:lnTo>
                  <a:lnTo>
                    <a:pt x="1522476" y="2926092"/>
                  </a:lnTo>
                  <a:close/>
                </a:path>
                <a:path w="9496425" h="2978150">
                  <a:moveTo>
                    <a:pt x="1685544" y="2919996"/>
                  </a:moveTo>
                  <a:lnTo>
                    <a:pt x="1626108" y="2919996"/>
                  </a:lnTo>
                  <a:lnTo>
                    <a:pt x="1626108" y="2977908"/>
                  </a:lnTo>
                  <a:lnTo>
                    <a:pt x="1685544" y="2977908"/>
                  </a:lnTo>
                  <a:lnTo>
                    <a:pt x="1685544" y="2919996"/>
                  </a:lnTo>
                  <a:close/>
                </a:path>
                <a:path w="9496425" h="2978150">
                  <a:moveTo>
                    <a:pt x="1848612" y="2912376"/>
                  </a:moveTo>
                  <a:lnTo>
                    <a:pt x="1789176" y="2912376"/>
                  </a:lnTo>
                  <a:lnTo>
                    <a:pt x="1789176" y="2977908"/>
                  </a:lnTo>
                  <a:lnTo>
                    <a:pt x="1848612" y="2977908"/>
                  </a:lnTo>
                  <a:lnTo>
                    <a:pt x="1848612" y="2912376"/>
                  </a:lnTo>
                  <a:close/>
                </a:path>
                <a:path w="9496425" h="2978150">
                  <a:moveTo>
                    <a:pt x="2010156" y="2886468"/>
                  </a:moveTo>
                  <a:lnTo>
                    <a:pt x="1952244" y="2886468"/>
                  </a:lnTo>
                  <a:lnTo>
                    <a:pt x="1952244" y="2977908"/>
                  </a:lnTo>
                  <a:lnTo>
                    <a:pt x="2010156" y="2977908"/>
                  </a:lnTo>
                  <a:lnTo>
                    <a:pt x="2010156" y="2886468"/>
                  </a:lnTo>
                  <a:close/>
                </a:path>
                <a:path w="9496425" h="2978150">
                  <a:moveTo>
                    <a:pt x="2173224" y="2865132"/>
                  </a:moveTo>
                  <a:lnTo>
                    <a:pt x="2115312" y="2865132"/>
                  </a:lnTo>
                  <a:lnTo>
                    <a:pt x="2115312" y="2977908"/>
                  </a:lnTo>
                  <a:lnTo>
                    <a:pt x="2173224" y="2977908"/>
                  </a:lnTo>
                  <a:lnTo>
                    <a:pt x="2173224" y="2865132"/>
                  </a:lnTo>
                  <a:close/>
                </a:path>
                <a:path w="9496425" h="2978150">
                  <a:moveTo>
                    <a:pt x="2336292" y="2854464"/>
                  </a:moveTo>
                  <a:lnTo>
                    <a:pt x="2276856" y="2854464"/>
                  </a:lnTo>
                  <a:lnTo>
                    <a:pt x="2276856" y="2977908"/>
                  </a:lnTo>
                  <a:lnTo>
                    <a:pt x="2336292" y="2977908"/>
                  </a:lnTo>
                  <a:lnTo>
                    <a:pt x="2336292" y="2854464"/>
                  </a:lnTo>
                  <a:close/>
                </a:path>
                <a:path w="9496425" h="2978150">
                  <a:moveTo>
                    <a:pt x="2499360" y="2795028"/>
                  </a:moveTo>
                  <a:lnTo>
                    <a:pt x="2439924" y="2795028"/>
                  </a:lnTo>
                  <a:lnTo>
                    <a:pt x="2439924" y="2977908"/>
                  </a:lnTo>
                  <a:lnTo>
                    <a:pt x="2499360" y="2977908"/>
                  </a:lnTo>
                  <a:lnTo>
                    <a:pt x="2499360" y="2795028"/>
                  </a:lnTo>
                  <a:close/>
                </a:path>
                <a:path w="9496425" h="2978150">
                  <a:moveTo>
                    <a:pt x="2662415" y="2753880"/>
                  </a:moveTo>
                  <a:lnTo>
                    <a:pt x="2602992" y="2753880"/>
                  </a:lnTo>
                  <a:lnTo>
                    <a:pt x="2602992" y="2977908"/>
                  </a:lnTo>
                  <a:lnTo>
                    <a:pt x="2662415" y="2977908"/>
                  </a:lnTo>
                  <a:lnTo>
                    <a:pt x="2662415" y="2753880"/>
                  </a:lnTo>
                  <a:close/>
                </a:path>
                <a:path w="9496425" h="2978150">
                  <a:moveTo>
                    <a:pt x="2823972" y="2708160"/>
                  </a:moveTo>
                  <a:lnTo>
                    <a:pt x="2766060" y="2708160"/>
                  </a:lnTo>
                  <a:lnTo>
                    <a:pt x="2766060" y="2977908"/>
                  </a:lnTo>
                  <a:lnTo>
                    <a:pt x="2823972" y="2977908"/>
                  </a:lnTo>
                  <a:lnTo>
                    <a:pt x="2823972" y="2708160"/>
                  </a:lnTo>
                  <a:close/>
                </a:path>
                <a:path w="9496425" h="2978150">
                  <a:moveTo>
                    <a:pt x="2987040" y="2589288"/>
                  </a:moveTo>
                  <a:lnTo>
                    <a:pt x="2929128" y="2589288"/>
                  </a:lnTo>
                  <a:lnTo>
                    <a:pt x="2929128" y="2977908"/>
                  </a:lnTo>
                  <a:lnTo>
                    <a:pt x="2987040" y="2977908"/>
                  </a:lnTo>
                  <a:lnTo>
                    <a:pt x="2987040" y="2589288"/>
                  </a:lnTo>
                  <a:close/>
                </a:path>
                <a:path w="9496425" h="2978150">
                  <a:moveTo>
                    <a:pt x="3150108" y="2446020"/>
                  </a:moveTo>
                  <a:lnTo>
                    <a:pt x="3090672" y="2446020"/>
                  </a:lnTo>
                  <a:lnTo>
                    <a:pt x="3090672" y="2977908"/>
                  </a:lnTo>
                  <a:lnTo>
                    <a:pt x="3150108" y="2977908"/>
                  </a:lnTo>
                  <a:lnTo>
                    <a:pt x="3150108" y="2446020"/>
                  </a:lnTo>
                  <a:close/>
                </a:path>
                <a:path w="9496425" h="2978150">
                  <a:moveTo>
                    <a:pt x="3313176" y="2394204"/>
                  </a:moveTo>
                  <a:lnTo>
                    <a:pt x="3253740" y="2394204"/>
                  </a:lnTo>
                  <a:lnTo>
                    <a:pt x="3253740" y="2977908"/>
                  </a:lnTo>
                  <a:lnTo>
                    <a:pt x="3313176" y="2977908"/>
                  </a:lnTo>
                  <a:lnTo>
                    <a:pt x="3313176" y="2394204"/>
                  </a:lnTo>
                  <a:close/>
                </a:path>
                <a:path w="9496425" h="2978150">
                  <a:moveTo>
                    <a:pt x="3474720" y="2342388"/>
                  </a:moveTo>
                  <a:lnTo>
                    <a:pt x="3416808" y="2342388"/>
                  </a:lnTo>
                  <a:lnTo>
                    <a:pt x="3416808" y="2977908"/>
                  </a:lnTo>
                  <a:lnTo>
                    <a:pt x="3474720" y="2977908"/>
                  </a:lnTo>
                  <a:lnTo>
                    <a:pt x="3474720" y="2342388"/>
                  </a:lnTo>
                  <a:close/>
                </a:path>
                <a:path w="9496425" h="2978150">
                  <a:moveTo>
                    <a:pt x="3637788" y="2267712"/>
                  </a:moveTo>
                  <a:lnTo>
                    <a:pt x="3579876" y="2267712"/>
                  </a:lnTo>
                  <a:lnTo>
                    <a:pt x="3579876" y="2977908"/>
                  </a:lnTo>
                  <a:lnTo>
                    <a:pt x="3637788" y="2977908"/>
                  </a:lnTo>
                  <a:lnTo>
                    <a:pt x="3637788" y="2267712"/>
                  </a:lnTo>
                  <a:close/>
                </a:path>
                <a:path w="9496425" h="2978150">
                  <a:moveTo>
                    <a:pt x="3800856" y="2162556"/>
                  </a:moveTo>
                  <a:lnTo>
                    <a:pt x="3741420" y="2162556"/>
                  </a:lnTo>
                  <a:lnTo>
                    <a:pt x="3741420" y="2977908"/>
                  </a:lnTo>
                  <a:lnTo>
                    <a:pt x="3800856" y="2977908"/>
                  </a:lnTo>
                  <a:lnTo>
                    <a:pt x="3800856" y="2162556"/>
                  </a:lnTo>
                  <a:close/>
                </a:path>
                <a:path w="9496425" h="2978150">
                  <a:moveTo>
                    <a:pt x="3963924" y="2023872"/>
                  </a:moveTo>
                  <a:lnTo>
                    <a:pt x="3904488" y="2023872"/>
                  </a:lnTo>
                  <a:lnTo>
                    <a:pt x="3904488" y="2977908"/>
                  </a:lnTo>
                  <a:lnTo>
                    <a:pt x="3963924" y="2977908"/>
                  </a:lnTo>
                  <a:lnTo>
                    <a:pt x="3963924" y="2023872"/>
                  </a:lnTo>
                  <a:close/>
                </a:path>
                <a:path w="9496425" h="2978150">
                  <a:moveTo>
                    <a:pt x="4125468" y="1886712"/>
                  </a:moveTo>
                  <a:lnTo>
                    <a:pt x="4067556" y="1886712"/>
                  </a:lnTo>
                  <a:lnTo>
                    <a:pt x="4067556" y="2977908"/>
                  </a:lnTo>
                  <a:lnTo>
                    <a:pt x="4125468" y="2977908"/>
                  </a:lnTo>
                  <a:lnTo>
                    <a:pt x="4125468" y="1886712"/>
                  </a:lnTo>
                  <a:close/>
                </a:path>
                <a:path w="9496425" h="2978150">
                  <a:moveTo>
                    <a:pt x="4288536" y="1830324"/>
                  </a:moveTo>
                  <a:lnTo>
                    <a:pt x="4230624" y="1830324"/>
                  </a:lnTo>
                  <a:lnTo>
                    <a:pt x="4230624" y="2977908"/>
                  </a:lnTo>
                  <a:lnTo>
                    <a:pt x="4288536" y="2977908"/>
                  </a:lnTo>
                  <a:lnTo>
                    <a:pt x="4288536" y="1830324"/>
                  </a:lnTo>
                  <a:close/>
                </a:path>
                <a:path w="9496425" h="2978150">
                  <a:moveTo>
                    <a:pt x="4451604" y="1793748"/>
                  </a:moveTo>
                  <a:lnTo>
                    <a:pt x="4392168" y="1793748"/>
                  </a:lnTo>
                  <a:lnTo>
                    <a:pt x="4392168" y="2977908"/>
                  </a:lnTo>
                  <a:lnTo>
                    <a:pt x="4451604" y="2977908"/>
                  </a:lnTo>
                  <a:lnTo>
                    <a:pt x="4451604" y="1793748"/>
                  </a:lnTo>
                  <a:close/>
                </a:path>
                <a:path w="9496425" h="2978150">
                  <a:moveTo>
                    <a:pt x="4614672" y="1743456"/>
                  </a:moveTo>
                  <a:lnTo>
                    <a:pt x="4555236" y="1743456"/>
                  </a:lnTo>
                  <a:lnTo>
                    <a:pt x="4555236" y="2977908"/>
                  </a:lnTo>
                  <a:lnTo>
                    <a:pt x="4614672" y="2977908"/>
                  </a:lnTo>
                  <a:lnTo>
                    <a:pt x="4614672" y="1743456"/>
                  </a:lnTo>
                  <a:close/>
                </a:path>
                <a:path w="9496425" h="2978150">
                  <a:moveTo>
                    <a:pt x="4777740" y="1722120"/>
                  </a:moveTo>
                  <a:lnTo>
                    <a:pt x="4718304" y="1722120"/>
                  </a:lnTo>
                  <a:lnTo>
                    <a:pt x="4718304" y="2977908"/>
                  </a:lnTo>
                  <a:lnTo>
                    <a:pt x="4777740" y="2977908"/>
                  </a:lnTo>
                  <a:lnTo>
                    <a:pt x="4777740" y="1722120"/>
                  </a:lnTo>
                  <a:close/>
                </a:path>
                <a:path w="9496425" h="2978150">
                  <a:moveTo>
                    <a:pt x="4939284" y="1604772"/>
                  </a:moveTo>
                  <a:lnTo>
                    <a:pt x="4881372" y="1604772"/>
                  </a:lnTo>
                  <a:lnTo>
                    <a:pt x="4881372" y="2977908"/>
                  </a:lnTo>
                  <a:lnTo>
                    <a:pt x="4939284" y="2977908"/>
                  </a:lnTo>
                  <a:lnTo>
                    <a:pt x="4939284" y="1604772"/>
                  </a:lnTo>
                  <a:close/>
                </a:path>
                <a:path w="9496425" h="2978150">
                  <a:moveTo>
                    <a:pt x="5102352" y="1522476"/>
                  </a:moveTo>
                  <a:lnTo>
                    <a:pt x="5042916" y="1522476"/>
                  </a:lnTo>
                  <a:lnTo>
                    <a:pt x="5042916" y="2977908"/>
                  </a:lnTo>
                  <a:lnTo>
                    <a:pt x="5102352" y="2977908"/>
                  </a:lnTo>
                  <a:lnTo>
                    <a:pt x="5102352" y="1522476"/>
                  </a:lnTo>
                  <a:close/>
                </a:path>
                <a:path w="9496425" h="2978150">
                  <a:moveTo>
                    <a:pt x="5265420" y="1350264"/>
                  </a:moveTo>
                  <a:lnTo>
                    <a:pt x="5205984" y="1350264"/>
                  </a:lnTo>
                  <a:lnTo>
                    <a:pt x="5205984" y="2977908"/>
                  </a:lnTo>
                  <a:lnTo>
                    <a:pt x="5265420" y="2977908"/>
                  </a:lnTo>
                  <a:lnTo>
                    <a:pt x="5265420" y="1350264"/>
                  </a:lnTo>
                  <a:close/>
                </a:path>
                <a:path w="9496425" h="2978150">
                  <a:moveTo>
                    <a:pt x="5428488" y="1184148"/>
                  </a:moveTo>
                  <a:lnTo>
                    <a:pt x="5369052" y="1184148"/>
                  </a:lnTo>
                  <a:lnTo>
                    <a:pt x="5369052" y="2977908"/>
                  </a:lnTo>
                  <a:lnTo>
                    <a:pt x="5428488" y="2977908"/>
                  </a:lnTo>
                  <a:lnTo>
                    <a:pt x="5428488" y="1184148"/>
                  </a:lnTo>
                  <a:close/>
                </a:path>
                <a:path w="9496425" h="2978150">
                  <a:moveTo>
                    <a:pt x="5590032" y="854964"/>
                  </a:moveTo>
                  <a:lnTo>
                    <a:pt x="5532120" y="854964"/>
                  </a:lnTo>
                  <a:lnTo>
                    <a:pt x="5532120" y="2977908"/>
                  </a:lnTo>
                  <a:lnTo>
                    <a:pt x="5590032" y="2977908"/>
                  </a:lnTo>
                  <a:lnTo>
                    <a:pt x="5590032" y="854964"/>
                  </a:lnTo>
                  <a:close/>
                </a:path>
                <a:path w="9496425" h="2978150">
                  <a:moveTo>
                    <a:pt x="5753100" y="513588"/>
                  </a:moveTo>
                  <a:lnTo>
                    <a:pt x="5695188" y="513588"/>
                  </a:lnTo>
                  <a:lnTo>
                    <a:pt x="5695188" y="2977908"/>
                  </a:lnTo>
                  <a:lnTo>
                    <a:pt x="5753100" y="2977908"/>
                  </a:lnTo>
                  <a:lnTo>
                    <a:pt x="5753100" y="513588"/>
                  </a:lnTo>
                  <a:close/>
                </a:path>
                <a:path w="9496425" h="2978150">
                  <a:moveTo>
                    <a:pt x="5916155" y="289560"/>
                  </a:moveTo>
                  <a:lnTo>
                    <a:pt x="5856732" y="289560"/>
                  </a:lnTo>
                  <a:lnTo>
                    <a:pt x="5856732" y="2977908"/>
                  </a:lnTo>
                  <a:lnTo>
                    <a:pt x="5916155" y="2977908"/>
                  </a:lnTo>
                  <a:lnTo>
                    <a:pt x="5916155" y="289560"/>
                  </a:lnTo>
                  <a:close/>
                </a:path>
                <a:path w="9496425" h="2978150">
                  <a:moveTo>
                    <a:pt x="6079236" y="97536"/>
                  </a:moveTo>
                  <a:lnTo>
                    <a:pt x="6019800" y="97536"/>
                  </a:lnTo>
                  <a:lnTo>
                    <a:pt x="6019800" y="2977908"/>
                  </a:lnTo>
                  <a:lnTo>
                    <a:pt x="6079236" y="2977908"/>
                  </a:lnTo>
                  <a:lnTo>
                    <a:pt x="6079236" y="97536"/>
                  </a:lnTo>
                  <a:close/>
                </a:path>
                <a:path w="9496425" h="2978150">
                  <a:moveTo>
                    <a:pt x="6240780" y="70104"/>
                  </a:moveTo>
                  <a:lnTo>
                    <a:pt x="6182868" y="70104"/>
                  </a:lnTo>
                  <a:lnTo>
                    <a:pt x="6182868" y="2977908"/>
                  </a:lnTo>
                  <a:lnTo>
                    <a:pt x="6240780" y="2977908"/>
                  </a:lnTo>
                  <a:lnTo>
                    <a:pt x="6240780" y="70104"/>
                  </a:lnTo>
                  <a:close/>
                </a:path>
                <a:path w="9496425" h="2978150">
                  <a:moveTo>
                    <a:pt x="6403848" y="201168"/>
                  </a:moveTo>
                  <a:lnTo>
                    <a:pt x="6345936" y="201168"/>
                  </a:lnTo>
                  <a:lnTo>
                    <a:pt x="6345936" y="2977908"/>
                  </a:lnTo>
                  <a:lnTo>
                    <a:pt x="6403848" y="2977908"/>
                  </a:lnTo>
                  <a:lnTo>
                    <a:pt x="6403848" y="201168"/>
                  </a:lnTo>
                  <a:close/>
                </a:path>
                <a:path w="9496425" h="2978150">
                  <a:moveTo>
                    <a:pt x="6566916" y="74676"/>
                  </a:moveTo>
                  <a:lnTo>
                    <a:pt x="6507480" y="74676"/>
                  </a:lnTo>
                  <a:lnTo>
                    <a:pt x="6507480" y="2977908"/>
                  </a:lnTo>
                  <a:lnTo>
                    <a:pt x="6566916" y="2977908"/>
                  </a:lnTo>
                  <a:lnTo>
                    <a:pt x="6566916" y="74676"/>
                  </a:lnTo>
                  <a:close/>
                </a:path>
                <a:path w="9496425" h="2978150">
                  <a:moveTo>
                    <a:pt x="6729984" y="18288"/>
                  </a:moveTo>
                  <a:lnTo>
                    <a:pt x="6670548" y="18288"/>
                  </a:lnTo>
                  <a:lnTo>
                    <a:pt x="6670548" y="2977908"/>
                  </a:lnTo>
                  <a:lnTo>
                    <a:pt x="6729984" y="2977908"/>
                  </a:lnTo>
                  <a:lnTo>
                    <a:pt x="6729984" y="18288"/>
                  </a:lnTo>
                  <a:close/>
                </a:path>
                <a:path w="9496425" h="2978150">
                  <a:moveTo>
                    <a:pt x="6891528" y="0"/>
                  </a:moveTo>
                  <a:lnTo>
                    <a:pt x="6833616" y="0"/>
                  </a:lnTo>
                  <a:lnTo>
                    <a:pt x="6833616" y="2977908"/>
                  </a:lnTo>
                  <a:lnTo>
                    <a:pt x="6891528" y="2977908"/>
                  </a:lnTo>
                  <a:lnTo>
                    <a:pt x="6891528" y="0"/>
                  </a:lnTo>
                  <a:close/>
                </a:path>
                <a:path w="9496425" h="2978150">
                  <a:moveTo>
                    <a:pt x="7054596" y="248412"/>
                  </a:moveTo>
                  <a:lnTo>
                    <a:pt x="6996684" y="248412"/>
                  </a:lnTo>
                  <a:lnTo>
                    <a:pt x="6996684" y="2977908"/>
                  </a:lnTo>
                  <a:lnTo>
                    <a:pt x="7054596" y="2977908"/>
                  </a:lnTo>
                  <a:lnTo>
                    <a:pt x="7054596" y="248412"/>
                  </a:lnTo>
                  <a:close/>
                </a:path>
                <a:path w="9496425" h="2978150">
                  <a:moveTo>
                    <a:pt x="7217664" y="493776"/>
                  </a:moveTo>
                  <a:lnTo>
                    <a:pt x="7158228" y="493776"/>
                  </a:lnTo>
                  <a:lnTo>
                    <a:pt x="7158228" y="2977908"/>
                  </a:lnTo>
                  <a:lnTo>
                    <a:pt x="7217664" y="2977908"/>
                  </a:lnTo>
                  <a:lnTo>
                    <a:pt x="7217664" y="493776"/>
                  </a:lnTo>
                  <a:close/>
                </a:path>
                <a:path w="9496425" h="2978150">
                  <a:moveTo>
                    <a:pt x="7380732" y="536448"/>
                  </a:moveTo>
                  <a:lnTo>
                    <a:pt x="7321296" y="536448"/>
                  </a:lnTo>
                  <a:lnTo>
                    <a:pt x="7321296" y="2977908"/>
                  </a:lnTo>
                  <a:lnTo>
                    <a:pt x="7380732" y="2977908"/>
                  </a:lnTo>
                  <a:lnTo>
                    <a:pt x="7380732" y="536448"/>
                  </a:lnTo>
                  <a:close/>
                </a:path>
                <a:path w="9496425" h="2978150">
                  <a:moveTo>
                    <a:pt x="7543800" y="644652"/>
                  </a:moveTo>
                  <a:lnTo>
                    <a:pt x="7484364" y="644652"/>
                  </a:lnTo>
                  <a:lnTo>
                    <a:pt x="7484364" y="2977908"/>
                  </a:lnTo>
                  <a:lnTo>
                    <a:pt x="7543800" y="2977908"/>
                  </a:lnTo>
                  <a:lnTo>
                    <a:pt x="7543800" y="644652"/>
                  </a:lnTo>
                  <a:close/>
                </a:path>
                <a:path w="9496425" h="2978150">
                  <a:moveTo>
                    <a:pt x="7705344" y="813816"/>
                  </a:moveTo>
                  <a:lnTo>
                    <a:pt x="7647432" y="813816"/>
                  </a:lnTo>
                  <a:lnTo>
                    <a:pt x="7647432" y="2977908"/>
                  </a:lnTo>
                  <a:lnTo>
                    <a:pt x="7705344" y="2977908"/>
                  </a:lnTo>
                  <a:lnTo>
                    <a:pt x="7705344" y="813816"/>
                  </a:lnTo>
                  <a:close/>
                </a:path>
                <a:path w="9496425" h="2978150">
                  <a:moveTo>
                    <a:pt x="7868412" y="1091184"/>
                  </a:moveTo>
                  <a:lnTo>
                    <a:pt x="7808976" y="1091184"/>
                  </a:lnTo>
                  <a:lnTo>
                    <a:pt x="7808976" y="2977908"/>
                  </a:lnTo>
                  <a:lnTo>
                    <a:pt x="7868412" y="2977908"/>
                  </a:lnTo>
                  <a:lnTo>
                    <a:pt x="7868412" y="1091184"/>
                  </a:lnTo>
                  <a:close/>
                </a:path>
                <a:path w="9496425" h="2978150">
                  <a:moveTo>
                    <a:pt x="8031480" y="1150620"/>
                  </a:moveTo>
                  <a:lnTo>
                    <a:pt x="7972044" y="1150620"/>
                  </a:lnTo>
                  <a:lnTo>
                    <a:pt x="7972044" y="2977908"/>
                  </a:lnTo>
                  <a:lnTo>
                    <a:pt x="8031480" y="2977908"/>
                  </a:lnTo>
                  <a:lnTo>
                    <a:pt x="8031480" y="1150620"/>
                  </a:lnTo>
                  <a:close/>
                </a:path>
                <a:path w="9496425" h="2978150">
                  <a:moveTo>
                    <a:pt x="8194548" y="1057656"/>
                  </a:moveTo>
                  <a:lnTo>
                    <a:pt x="8135112" y="1057656"/>
                  </a:lnTo>
                  <a:lnTo>
                    <a:pt x="8135112" y="2977908"/>
                  </a:lnTo>
                  <a:lnTo>
                    <a:pt x="8194548" y="2977908"/>
                  </a:lnTo>
                  <a:lnTo>
                    <a:pt x="8194548" y="1057656"/>
                  </a:lnTo>
                  <a:close/>
                </a:path>
                <a:path w="9496425" h="2978150">
                  <a:moveTo>
                    <a:pt x="8356092" y="1153668"/>
                  </a:moveTo>
                  <a:lnTo>
                    <a:pt x="8298180" y="1153668"/>
                  </a:lnTo>
                  <a:lnTo>
                    <a:pt x="8298180" y="2977908"/>
                  </a:lnTo>
                  <a:lnTo>
                    <a:pt x="8356092" y="2977908"/>
                  </a:lnTo>
                  <a:lnTo>
                    <a:pt x="8356092" y="1153668"/>
                  </a:lnTo>
                  <a:close/>
                </a:path>
                <a:path w="9496425" h="2978150">
                  <a:moveTo>
                    <a:pt x="8519160" y="1231392"/>
                  </a:moveTo>
                  <a:lnTo>
                    <a:pt x="8461248" y="1231392"/>
                  </a:lnTo>
                  <a:lnTo>
                    <a:pt x="8461248" y="2977908"/>
                  </a:lnTo>
                  <a:lnTo>
                    <a:pt x="8519160" y="2977908"/>
                  </a:lnTo>
                  <a:lnTo>
                    <a:pt x="8519160" y="1231392"/>
                  </a:lnTo>
                  <a:close/>
                </a:path>
                <a:path w="9496425" h="2978150">
                  <a:moveTo>
                    <a:pt x="8682228" y="1252728"/>
                  </a:moveTo>
                  <a:lnTo>
                    <a:pt x="8622792" y="1252728"/>
                  </a:lnTo>
                  <a:lnTo>
                    <a:pt x="8622792" y="2977908"/>
                  </a:lnTo>
                  <a:lnTo>
                    <a:pt x="8682228" y="2977908"/>
                  </a:lnTo>
                  <a:lnTo>
                    <a:pt x="8682228" y="1252728"/>
                  </a:lnTo>
                  <a:close/>
                </a:path>
                <a:path w="9496425" h="2978150">
                  <a:moveTo>
                    <a:pt x="8845296" y="1504188"/>
                  </a:moveTo>
                  <a:lnTo>
                    <a:pt x="8785860" y="1504188"/>
                  </a:lnTo>
                  <a:lnTo>
                    <a:pt x="8785860" y="2977908"/>
                  </a:lnTo>
                  <a:lnTo>
                    <a:pt x="8845296" y="2977908"/>
                  </a:lnTo>
                  <a:lnTo>
                    <a:pt x="8845296" y="1504188"/>
                  </a:lnTo>
                  <a:close/>
                </a:path>
                <a:path w="9496425" h="2978150">
                  <a:moveTo>
                    <a:pt x="9006840" y="1648968"/>
                  </a:moveTo>
                  <a:lnTo>
                    <a:pt x="8948928" y="1648968"/>
                  </a:lnTo>
                  <a:lnTo>
                    <a:pt x="8948928" y="2977908"/>
                  </a:lnTo>
                  <a:lnTo>
                    <a:pt x="9006840" y="2977908"/>
                  </a:lnTo>
                  <a:lnTo>
                    <a:pt x="9006840" y="1648968"/>
                  </a:lnTo>
                  <a:close/>
                </a:path>
                <a:path w="9496425" h="2978150">
                  <a:moveTo>
                    <a:pt x="9169908" y="1606296"/>
                  </a:moveTo>
                  <a:lnTo>
                    <a:pt x="9111996" y="1606296"/>
                  </a:lnTo>
                  <a:lnTo>
                    <a:pt x="9111996" y="2977908"/>
                  </a:lnTo>
                  <a:lnTo>
                    <a:pt x="9169908" y="2977908"/>
                  </a:lnTo>
                  <a:lnTo>
                    <a:pt x="9169908" y="1606296"/>
                  </a:lnTo>
                  <a:close/>
                </a:path>
                <a:path w="9496425" h="2978150">
                  <a:moveTo>
                    <a:pt x="9332976" y="1549908"/>
                  </a:moveTo>
                  <a:lnTo>
                    <a:pt x="9273540" y="1549908"/>
                  </a:lnTo>
                  <a:lnTo>
                    <a:pt x="9273540" y="2977908"/>
                  </a:lnTo>
                  <a:lnTo>
                    <a:pt x="9332976" y="2977908"/>
                  </a:lnTo>
                  <a:lnTo>
                    <a:pt x="9332976" y="1549908"/>
                  </a:lnTo>
                  <a:close/>
                </a:path>
                <a:path w="9496425" h="2978150">
                  <a:moveTo>
                    <a:pt x="9496044" y="1418844"/>
                  </a:moveTo>
                  <a:lnTo>
                    <a:pt x="9436608" y="1418844"/>
                  </a:lnTo>
                  <a:lnTo>
                    <a:pt x="9436608" y="2977908"/>
                  </a:lnTo>
                  <a:lnTo>
                    <a:pt x="9496044" y="2977908"/>
                  </a:lnTo>
                  <a:lnTo>
                    <a:pt x="9496044" y="1418844"/>
                  </a:lnTo>
                  <a:close/>
                </a:path>
              </a:pathLst>
            </a:custGeom>
            <a:solidFill>
              <a:srgbClr val="FF4F4F"/>
            </a:solidFill>
          </p:spPr>
          <p:txBody>
            <a:bodyPr wrap="square" lIns="0" tIns="0" rIns="0" bIns="0" rtlCol="0"/>
            <a:lstStyle/>
            <a:p>
              <a:endParaRPr sz="1539"/>
            </a:p>
          </p:txBody>
        </p:sp>
        <p:sp>
          <p:nvSpPr>
            <p:cNvPr id="11" name="object 11"/>
            <p:cNvSpPr/>
            <p:nvPr/>
          </p:nvSpPr>
          <p:spPr>
            <a:xfrm>
              <a:off x="530352" y="2074163"/>
              <a:ext cx="9608820" cy="4703445"/>
            </a:xfrm>
            <a:custGeom>
              <a:avLst/>
              <a:gdLst/>
              <a:ahLst/>
              <a:cxnLst/>
              <a:rect l="l" t="t" r="r" b="b"/>
              <a:pathLst>
                <a:path w="9608820" h="4703445">
                  <a:moveTo>
                    <a:pt x="9608820" y="4572"/>
                  </a:moveTo>
                  <a:lnTo>
                    <a:pt x="9604248" y="4572"/>
                  </a:lnTo>
                  <a:lnTo>
                    <a:pt x="9604248" y="0"/>
                  </a:lnTo>
                  <a:lnTo>
                    <a:pt x="9561576" y="0"/>
                  </a:lnTo>
                  <a:lnTo>
                    <a:pt x="9561576" y="9144"/>
                  </a:lnTo>
                  <a:lnTo>
                    <a:pt x="9599676" y="9144"/>
                  </a:lnTo>
                  <a:lnTo>
                    <a:pt x="9599676" y="783336"/>
                  </a:lnTo>
                  <a:lnTo>
                    <a:pt x="9561576" y="783336"/>
                  </a:lnTo>
                  <a:lnTo>
                    <a:pt x="9561576" y="792480"/>
                  </a:lnTo>
                  <a:lnTo>
                    <a:pt x="9599676" y="792480"/>
                  </a:lnTo>
                  <a:lnTo>
                    <a:pt x="9599676" y="1565148"/>
                  </a:lnTo>
                  <a:lnTo>
                    <a:pt x="9561576" y="1565148"/>
                  </a:lnTo>
                  <a:lnTo>
                    <a:pt x="9561576" y="1574292"/>
                  </a:lnTo>
                  <a:lnTo>
                    <a:pt x="9599676" y="1574292"/>
                  </a:lnTo>
                  <a:lnTo>
                    <a:pt x="9599676" y="2346960"/>
                  </a:lnTo>
                  <a:lnTo>
                    <a:pt x="9561576" y="2346960"/>
                  </a:lnTo>
                  <a:lnTo>
                    <a:pt x="9561576" y="2356104"/>
                  </a:lnTo>
                  <a:lnTo>
                    <a:pt x="9599676" y="2356104"/>
                  </a:lnTo>
                  <a:lnTo>
                    <a:pt x="9599676" y="3130296"/>
                  </a:lnTo>
                  <a:lnTo>
                    <a:pt x="9561576" y="3130296"/>
                  </a:lnTo>
                  <a:lnTo>
                    <a:pt x="9561576" y="3139440"/>
                  </a:lnTo>
                  <a:lnTo>
                    <a:pt x="9599676" y="3139440"/>
                  </a:lnTo>
                  <a:lnTo>
                    <a:pt x="9599676" y="3912108"/>
                  </a:lnTo>
                  <a:lnTo>
                    <a:pt x="9561576" y="3912108"/>
                  </a:lnTo>
                  <a:lnTo>
                    <a:pt x="9561576" y="3921252"/>
                  </a:lnTo>
                  <a:lnTo>
                    <a:pt x="9599676" y="3921252"/>
                  </a:lnTo>
                  <a:lnTo>
                    <a:pt x="9599676" y="4693932"/>
                  </a:lnTo>
                  <a:lnTo>
                    <a:pt x="9561576" y="4693932"/>
                  </a:lnTo>
                  <a:lnTo>
                    <a:pt x="8958072" y="4693932"/>
                  </a:lnTo>
                  <a:lnTo>
                    <a:pt x="8958072" y="4655832"/>
                  </a:lnTo>
                  <a:lnTo>
                    <a:pt x="8948928" y="4655832"/>
                  </a:lnTo>
                  <a:lnTo>
                    <a:pt x="8948928" y="4693932"/>
                  </a:lnTo>
                  <a:lnTo>
                    <a:pt x="8144256" y="4693932"/>
                  </a:lnTo>
                  <a:lnTo>
                    <a:pt x="8144256" y="4655832"/>
                  </a:lnTo>
                  <a:lnTo>
                    <a:pt x="8135112" y="4655832"/>
                  </a:lnTo>
                  <a:lnTo>
                    <a:pt x="8135112" y="4693932"/>
                  </a:lnTo>
                  <a:lnTo>
                    <a:pt x="7331964" y="4693932"/>
                  </a:lnTo>
                  <a:lnTo>
                    <a:pt x="7331964" y="4655832"/>
                  </a:lnTo>
                  <a:lnTo>
                    <a:pt x="7322820" y="4655832"/>
                  </a:lnTo>
                  <a:lnTo>
                    <a:pt x="7322820" y="4693932"/>
                  </a:lnTo>
                  <a:lnTo>
                    <a:pt x="6518148" y="4693932"/>
                  </a:lnTo>
                  <a:lnTo>
                    <a:pt x="6518148" y="4655832"/>
                  </a:lnTo>
                  <a:lnTo>
                    <a:pt x="6509004" y="4655832"/>
                  </a:lnTo>
                  <a:lnTo>
                    <a:pt x="6509004" y="4693932"/>
                  </a:lnTo>
                  <a:lnTo>
                    <a:pt x="5704332" y="4693932"/>
                  </a:lnTo>
                  <a:lnTo>
                    <a:pt x="5704332" y="4655832"/>
                  </a:lnTo>
                  <a:lnTo>
                    <a:pt x="5695188" y="4655832"/>
                  </a:lnTo>
                  <a:lnTo>
                    <a:pt x="5695188" y="4693932"/>
                  </a:lnTo>
                  <a:lnTo>
                    <a:pt x="4890516" y="4693932"/>
                  </a:lnTo>
                  <a:lnTo>
                    <a:pt x="4890516" y="4655832"/>
                  </a:lnTo>
                  <a:lnTo>
                    <a:pt x="4881372" y="4655832"/>
                  </a:lnTo>
                  <a:lnTo>
                    <a:pt x="4881372" y="4693932"/>
                  </a:lnTo>
                  <a:lnTo>
                    <a:pt x="4076700" y="4693932"/>
                  </a:lnTo>
                  <a:lnTo>
                    <a:pt x="4076700" y="4655832"/>
                  </a:lnTo>
                  <a:lnTo>
                    <a:pt x="4067556" y="4655832"/>
                  </a:lnTo>
                  <a:lnTo>
                    <a:pt x="4067556" y="4693932"/>
                  </a:lnTo>
                  <a:lnTo>
                    <a:pt x="3262884" y="4693932"/>
                  </a:lnTo>
                  <a:lnTo>
                    <a:pt x="3262884" y="4655832"/>
                  </a:lnTo>
                  <a:lnTo>
                    <a:pt x="3253740" y="4655832"/>
                  </a:lnTo>
                  <a:lnTo>
                    <a:pt x="3253740" y="4693932"/>
                  </a:lnTo>
                  <a:lnTo>
                    <a:pt x="2450592" y="4693932"/>
                  </a:lnTo>
                  <a:lnTo>
                    <a:pt x="2450592" y="4655832"/>
                  </a:lnTo>
                  <a:lnTo>
                    <a:pt x="2441448" y="4655832"/>
                  </a:lnTo>
                  <a:lnTo>
                    <a:pt x="2441448" y="4693932"/>
                  </a:lnTo>
                  <a:lnTo>
                    <a:pt x="1636776" y="4693932"/>
                  </a:lnTo>
                  <a:lnTo>
                    <a:pt x="1636776" y="4655832"/>
                  </a:lnTo>
                  <a:lnTo>
                    <a:pt x="1627632" y="4655832"/>
                  </a:lnTo>
                  <a:lnTo>
                    <a:pt x="1627632" y="4693932"/>
                  </a:lnTo>
                  <a:lnTo>
                    <a:pt x="822960" y="4693932"/>
                  </a:lnTo>
                  <a:lnTo>
                    <a:pt x="822960" y="4655832"/>
                  </a:lnTo>
                  <a:lnTo>
                    <a:pt x="813816" y="4655832"/>
                  </a:lnTo>
                  <a:lnTo>
                    <a:pt x="813816" y="4693932"/>
                  </a:lnTo>
                  <a:lnTo>
                    <a:pt x="48768" y="4693932"/>
                  </a:lnTo>
                  <a:lnTo>
                    <a:pt x="9144" y="4693932"/>
                  </a:lnTo>
                  <a:lnTo>
                    <a:pt x="9144" y="4655832"/>
                  </a:lnTo>
                  <a:lnTo>
                    <a:pt x="9144" y="3921252"/>
                  </a:lnTo>
                  <a:lnTo>
                    <a:pt x="48768" y="3921252"/>
                  </a:lnTo>
                  <a:lnTo>
                    <a:pt x="48768" y="3912108"/>
                  </a:lnTo>
                  <a:lnTo>
                    <a:pt x="9144" y="3912108"/>
                  </a:lnTo>
                  <a:lnTo>
                    <a:pt x="9144" y="3139440"/>
                  </a:lnTo>
                  <a:lnTo>
                    <a:pt x="48768" y="3139440"/>
                  </a:lnTo>
                  <a:lnTo>
                    <a:pt x="48768" y="3130296"/>
                  </a:lnTo>
                  <a:lnTo>
                    <a:pt x="9144" y="3130296"/>
                  </a:lnTo>
                  <a:lnTo>
                    <a:pt x="9144" y="2356104"/>
                  </a:lnTo>
                  <a:lnTo>
                    <a:pt x="48768" y="2356104"/>
                  </a:lnTo>
                  <a:lnTo>
                    <a:pt x="48768" y="2346960"/>
                  </a:lnTo>
                  <a:lnTo>
                    <a:pt x="9144" y="2346960"/>
                  </a:lnTo>
                  <a:lnTo>
                    <a:pt x="9144" y="1574292"/>
                  </a:lnTo>
                  <a:lnTo>
                    <a:pt x="48768" y="1574292"/>
                  </a:lnTo>
                  <a:lnTo>
                    <a:pt x="48768" y="1565148"/>
                  </a:lnTo>
                  <a:lnTo>
                    <a:pt x="9144" y="1565148"/>
                  </a:lnTo>
                  <a:lnTo>
                    <a:pt x="9144" y="792480"/>
                  </a:lnTo>
                  <a:lnTo>
                    <a:pt x="48768" y="792480"/>
                  </a:lnTo>
                  <a:lnTo>
                    <a:pt x="48768" y="783336"/>
                  </a:lnTo>
                  <a:lnTo>
                    <a:pt x="9144" y="783336"/>
                  </a:lnTo>
                  <a:lnTo>
                    <a:pt x="9144" y="9144"/>
                  </a:lnTo>
                  <a:lnTo>
                    <a:pt x="48768" y="9144"/>
                  </a:lnTo>
                  <a:lnTo>
                    <a:pt x="48768" y="0"/>
                  </a:lnTo>
                  <a:lnTo>
                    <a:pt x="4572" y="0"/>
                  </a:lnTo>
                  <a:lnTo>
                    <a:pt x="4572" y="4572"/>
                  </a:lnTo>
                  <a:lnTo>
                    <a:pt x="0" y="4572"/>
                  </a:lnTo>
                  <a:lnTo>
                    <a:pt x="0" y="4655832"/>
                  </a:lnTo>
                  <a:lnTo>
                    <a:pt x="0" y="4698504"/>
                  </a:lnTo>
                  <a:lnTo>
                    <a:pt x="4572" y="4698504"/>
                  </a:lnTo>
                  <a:lnTo>
                    <a:pt x="4572" y="4703076"/>
                  </a:lnTo>
                  <a:lnTo>
                    <a:pt x="48768" y="4703076"/>
                  </a:lnTo>
                  <a:lnTo>
                    <a:pt x="9561576" y="4703076"/>
                  </a:lnTo>
                  <a:lnTo>
                    <a:pt x="9604248" y="4703076"/>
                  </a:lnTo>
                  <a:lnTo>
                    <a:pt x="9604248" y="4698504"/>
                  </a:lnTo>
                  <a:lnTo>
                    <a:pt x="9608820" y="4698504"/>
                  </a:lnTo>
                  <a:lnTo>
                    <a:pt x="9608820" y="4572"/>
                  </a:lnTo>
                  <a:close/>
                </a:path>
              </a:pathLst>
            </a:custGeom>
            <a:solidFill>
              <a:srgbClr val="000000"/>
            </a:solidFill>
          </p:spPr>
          <p:txBody>
            <a:bodyPr wrap="square" lIns="0" tIns="0" rIns="0" bIns="0" rtlCol="0"/>
            <a:lstStyle/>
            <a:p>
              <a:endParaRPr sz="1539"/>
            </a:p>
          </p:txBody>
        </p:sp>
        <p:pic>
          <p:nvPicPr>
            <p:cNvPr id="12" name="object 12"/>
            <p:cNvPicPr/>
            <p:nvPr/>
          </p:nvPicPr>
          <p:blipFill>
            <a:blip r:embed="rId2" cstate="print"/>
            <a:stretch>
              <a:fillRect/>
            </a:stretch>
          </p:blipFill>
          <p:spPr>
            <a:xfrm>
              <a:off x="577595" y="2113788"/>
              <a:ext cx="9514332" cy="4366265"/>
            </a:xfrm>
            <a:prstGeom prst="rect">
              <a:avLst/>
            </a:prstGeom>
          </p:spPr>
        </p:pic>
        <p:sp>
          <p:nvSpPr>
            <p:cNvPr id="13" name="object 13"/>
            <p:cNvSpPr/>
            <p:nvPr/>
          </p:nvSpPr>
          <p:spPr>
            <a:xfrm>
              <a:off x="653795" y="2218944"/>
              <a:ext cx="4916805" cy="342900"/>
            </a:xfrm>
            <a:custGeom>
              <a:avLst/>
              <a:gdLst/>
              <a:ahLst/>
              <a:cxnLst/>
              <a:rect l="l" t="t" r="r" b="b"/>
              <a:pathLst>
                <a:path w="4916805" h="342900">
                  <a:moveTo>
                    <a:pt x="4916424" y="0"/>
                  </a:moveTo>
                  <a:lnTo>
                    <a:pt x="0" y="0"/>
                  </a:lnTo>
                  <a:lnTo>
                    <a:pt x="0" y="342900"/>
                  </a:lnTo>
                  <a:lnTo>
                    <a:pt x="4916424" y="342900"/>
                  </a:lnTo>
                  <a:lnTo>
                    <a:pt x="4916424" y="0"/>
                  </a:lnTo>
                  <a:close/>
                </a:path>
              </a:pathLst>
            </a:custGeom>
            <a:solidFill>
              <a:srgbClr val="FFFFFF"/>
            </a:solidFill>
          </p:spPr>
          <p:txBody>
            <a:bodyPr wrap="square" lIns="0" tIns="0" rIns="0" bIns="0" rtlCol="0"/>
            <a:lstStyle/>
            <a:p>
              <a:endParaRPr sz="1539"/>
            </a:p>
          </p:txBody>
        </p:sp>
        <p:sp>
          <p:nvSpPr>
            <p:cNvPr id="14" name="object 14"/>
            <p:cNvSpPr/>
            <p:nvPr/>
          </p:nvSpPr>
          <p:spPr>
            <a:xfrm>
              <a:off x="649223" y="2214372"/>
              <a:ext cx="4925695" cy="352425"/>
            </a:xfrm>
            <a:custGeom>
              <a:avLst/>
              <a:gdLst/>
              <a:ahLst/>
              <a:cxnLst/>
              <a:rect l="l" t="t" r="r" b="b"/>
              <a:pathLst>
                <a:path w="4925695" h="352425">
                  <a:moveTo>
                    <a:pt x="4920996" y="0"/>
                  </a:moveTo>
                  <a:lnTo>
                    <a:pt x="4571" y="0"/>
                  </a:lnTo>
                  <a:lnTo>
                    <a:pt x="1524" y="1524"/>
                  </a:lnTo>
                  <a:lnTo>
                    <a:pt x="0" y="4572"/>
                  </a:lnTo>
                  <a:lnTo>
                    <a:pt x="0" y="347472"/>
                  </a:lnTo>
                  <a:lnTo>
                    <a:pt x="1524" y="350520"/>
                  </a:lnTo>
                  <a:lnTo>
                    <a:pt x="4571" y="352043"/>
                  </a:lnTo>
                  <a:lnTo>
                    <a:pt x="4920996" y="352043"/>
                  </a:lnTo>
                  <a:lnTo>
                    <a:pt x="4924044" y="350520"/>
                  </a:lnTo>
                  <a:lnTo>
                    <a:pt x="4925568" y="347472"/>
                  </a:lnTo>
                  <a:lnTo>
                    <a:pt x="9144" y="347472"/>
                  </a:lnTo>
                  <a:lnTo>
                    <a:pt x="4571" y="342900"/>
                  </a:lnTo>
                  <a:lnTo>
                    <a:pt x="9144" y="342900"/>
                  </a:lnTo>
                  <a:lnTo>
                    <a:pt x="9144" y="9143"/>
                  </a:lnTo>
                  <a:lnTo>
                    <a:pt x="4571" y="9143"/>
                  </a:lnTo>
                  <a:lnTo>
                    <a:pt x="9144" y="4572"/>
                  </a:lnTo>
                  <a:lnTo>
                    <a:pt x="4925568" y="4572"/>
                  </a:lnTo>
                  <a:lnTo>
                    <a:pt x="4924044" y="1524"/>
                  </a:lnTo>
                  <a:lnTo>
                    <a:pt x="4920996" y="0"/>
                  </a:lnTo>
                  <a:close/>
                </a:path>
                <a:path w="4925695" h="352425">
                  <a:moveTo>
                    <a:pt x="9144" y="342900"/>
                  </a:moveTo>
                  <a:lnTo>
                    <a:pt x="4571" y="342900"/>
                  </a:lnTo>
                  <a:lnTo>
                    <a:pt x="9144" y="347472"/>
                  </a:lnTo>
                  <a:lnTo>
                    <a:pt x="9144" y="342900"/>
                  </a:lnTo>
                  <a:close/>
                </a:path>
                <a:path w="4925695" h="352425">
                  <a:moveTo>
                    <a:pt x="4916424" y="342900"/>
                  </a:moveTo>
                  <a:lnTo>
                    <a:pt x="9144" y="342900"/>
                  </a:lnTo>
                  <a:lnTo>
                    <a:pt x="9144" y="347472"/>
                  </a:lnTo>
                  <a:lnTo>
                    <a:pt x="4916424" y="347472"/>
                  </a:lnTo>
                  <a:lnTo>
                    <a:pt x="4916424" y="342900"/>
                  </a:lnTo>
                  <a:close/>
                </a:path>
                <a:path w="4925695" h="352425">
                  <a:moveTo>
                    <a:pt x="4916424" y="4572"/>
                  </a:moveTo>
                  <a:lnTo>
                    <a:pt x="4916424" y="347472"/>
                  </a:lnTo>
                  <a:lnTo>
                    <a:pt x="4920996" y="342900"/>
                  </a:lnTo>
                  <a:lnTo>
                    <a:pt x="4925568" y="342900"/>
                  </a:lnTo>
                  <a:lnTo>
                    <a:pt x="4925568" y="9143"/>
                  </a:lnTo>
                  <a:lnTo>
                    <a:pt x="4920996" y="9143"/>
                  </a:lnTo>
                  <a:lnTo>
                    <a:pt x="4916424" y="4572"/>
                  </a:lnTo>
                  <a:close/>
                </a:path>
                <a:path w="4925695" h="352425">
                  <a:moveTo>
                    <a:pt x="4925568" y="342900"/>
                  </a:moveTo>
                  <a:lnTo>
                    <a:pt x="4920996" y="342900"/>
                  </a:lnTo>
                  <a:lnTo>
                    <a:pt x="4916424" y="347472"/>
                  </a:lnTo>
                  <a:lnTo>
                    <a:pt x="4925568" y="347472"/>
                  </a:lnTo>
                  <a:lnTo>
                    <a:pt x="4925568" y="342900"/>
                  </a:lnTo>
                  <a:close/>
                </a:path>
                <a:path w="4925695" h="352425">
                  <a:moveTo>
                    <a:pt x="9144" y="4572"/>
                  </a:moveTo>
                  <a:lnTo>
                    <a:pt x="4571" y="9143"/>
                  </a:lnTo>
                  <a:lnTo>
                    <a:pt x="9144" y="9143"/>
                  </a:lnTo>
                  <a:lnTo>
                    <a:pt x="9144" y="4572"/>
                  </a:lnTo>
                  <a:close/>
                </a:path>
                <a:path w="4925695" h="352425">
                  <a:moveTo>
                    <a:pt x="4916424" y="4572"/>
                  </a:moveTo>
                  <a:lnTo>
                    <a:pt x="9144" y="4572"/>
                  </a:lnTo>
                  <a:lnTo>
                    <a:pt x="9144" y="9143"/>
                  </a:lnTo>
                  <a:lnTo>
                    <a:pt x="4916424" y="9143"/>
                  </a:lnTo>
                  <a:lnTo>
                    <a:pt x="4916424" y="4572"/>
                  </a:lnTo>
                  <a:close/>
                </a:path>
                <a:path w="4925695" h="352425">
                  <a:moveTo>
                    <a:pt x="4925568" y="4572"/>
                  </a:moveTo>
                  <a:lnTo>
                    <a:pt x="4916424" y="4572"/>
                  </a:lnTo>
                  <a:lnTo>
                    <a:pt x="4920996" y="9143"/>
                  </a:lnTo>
                  <a:lnTo>
                    <a:pt x="4925568" y="9143"/>
                  </a:lnTo>
                  <a:lnTo>
                    <a:pt x="4925568" y="4572"/>
                  </a:lnTo>
                  <a:close/>
                </a:path>
              </a:pathLst>
            </a:custGeom>
            <a:solidFill>
              <a:srgbClr val="000000"/>
            </a:solidFill>
          </p:spPr>
          <p:txBody>
            <a:bodyPr wrap="square" lIns="0" tIns="0" rIns="0" bIns="0" rtlCol="0"/>
            <a:lstStyle/>
            <a:p>
              <a:endParaRPr sz="1539"/>
            </a:p>
          </p:txBody>
        </p:sp>
        <p:sp>
          <p:nvSpPr>
            <p:cNvPr id="15" name="object 15"/>
            <p:cNvSpPr/>
            <p:nvPr/>
          </p:nvSpPr>
          <p:spPr>
            <a:xfrm>
              <a:off x="940307" y="2334768"/>
              <a:ext cx="262255" cy="111760"/>
            </a:xfrm>
            <a:custGeom>
              <a:avLst/>
              <a:gdLst/>
              <a:ahLst/>
              <a:cxnLst/>
              <a:rect l="l" t="t" r="r" b="b"/>
              <a:pathLst>
                <a:path w="262255" h="111760">
                  <a:moveTo>
                    <a:pt x="262128" y="0"/>
                  </a:moveTo>
                  <a:lnTo>
                    <a:pt x="0" y="0"/>
                  </a:lnTo>
                  <a:lnTo>
                    <a:pt x="0" y="111251"/>
                  </a:lnTo>
                  <a:lnTo>
                    <a:pt x="262128" y="111251"/>
                  </a:lnTo>
                  <a:lnTo>
                    <a:pt x="262128" y="0"/>
                  </a:lnTo>
                  <a:close/>
                </a:path>
              </a:pathLst>
            </a:custGeom>
            <a:solidFill>
              <a:srgbClr val="0099FF"/>
            </a:solidFill>
          </p:spPr>
          <p:txBody>
            <a:bodyPr wrap="square" lIns="0" tIns="0" rIns="0" bIns="0" rtlCol="0"/>
            <a:lstStyle/>
            <a:p>
              <a:endParaRPr sz="1539"/>
            </a:p>
          </p:txBody>
        </p:sp>
      </p:grpSp>
      <p:sp>
        <p:nvSpPr>
          <p:cNvPr id="16" name="object 16"/>
          <p:cNvSpPr txBox="1"/>
          <p:nvPr/>
        </p:nvSpPr>
        <p:spPr>
          <a:xfrm>
            <a:off x="8773895" y="5891260"/>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10%</a:t>
            </a:r>
            <a:endParaRPr sz="812">
              <a:latin typeface="メイリオ"/>
              <a:cs typeface="メイリオ"/>
            </a:endParaRPr>
          </a:p>
        </p:txBody>
      </p:sp>
      <p:sp>
        <p:nvSpPr>
          <p:cNvPr id="17" name="object 17"/>
          <p:cNvSpPr txBox="1"/>
          <p:nvPr/>
        </p:nvSpPr>
        <p:spPr>
          <a:xfrm>
            <a:off x="8773895" y="5221420"/>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20%</a:t>
            </a:r>
            <a:endParaRPr sz="812">
              <a:latin typeface="メイリオ"/>
              <a:cs typeface="メイリオ"/>
            </a:endParaRPr>
          </a:p>
        </p:txBody>
      </p:sp>
      <p:sp>
        <p:nvSpPr>
          <p:cNvPr id="18" name="object 18"/>
          <p:cNvSpPr txBox="1"/>
          <p:nvPr/>
        </p:nvSpPr>
        <p:spPr>
          <a:xfrm>
            <a:off x="8773895" y="4552887"/>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30%</a:t>
            </a:r>
            <a:endParaRPr sz="812">
              <a:latin typeface="メイリオ"/>
              <a:cs typeface="メイリオ"/>
            </a:endParaRPr>
          </a:p>
        </p:txBody>
      </p:sp>
      <p:sp>
        <p:nvSpPr>
          <p:cNvPr id="19" name="object 19"/>
          <p:cNvSpPr txBox="1"/>
          <p:nvPr/>
        </p:nvSpPr>
        <p:spPr>
          <a:xfrm>
            <a:off x="8773895" y="3884353"/>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40%</a:t>
            </a:r>
            <a:endParaRPr sz="812">
              <a:latin typeface="メイリオ"/>
              <a:cs typeface="メイリオ"/>
            </a:endParaRPr>
          </a:p>
        </p:txBody>
      </p:sp>
      <p:sp>
        <p:nvSpPr>
          <p:cNvPr id="20" name="object 20"/>
          <p:cNvSpPr txBox="1"/>
          <p:nvPr/>
        </p:nvSpPr>
        <p:spPr>
          <a:xfrm>
            <a:off x="8773895" y="3214518"/>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50%</a:t>
            </a:r>
            <a:endParaRPr sz="812">
              <a:latin typeface="メイリオ"/>
              <a:cs typeface="メイリオ"/>
            </a:endParaRPr>
          </a:p>
        </p:txBody>
      </p:sp>
      <p:sp>
        <p:nvSpPr>
          <p:cNvPr id="21" name="object 21"/>
          <p:cNvSpPr txBox="1"/>
          <p:nvPr/>
        </p:nvSpPr>
        <p:spPr>
          <a:xfrm>
            <a:off x="8773895" y="2545985"/>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60%</a:t>
            </a:r>
            <a:endParaRPr sz="812">
              <a:latin typeface="メイリオ"/>
              <a:cs typeface="メイリオ"/>
            </a:endParaRPr>
          </a:p>
        </p:txBody>
      </p:sp>
      <p:sp>
        <p:nvSpPr>
          <p:cNvPr id="22" name="object 22"/>
          <p:cNvSpPr txBox="1"/>
          <p:nvPr/>
        </p:nvSpPr>
        <p:spPr>
          <a:xfrm>
            <a:off x="8773895" y="1876149"/>
            <a:ext cx="285614"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70%</a:t>
            </a:r>
            <a:endParaRPr sz="812">
              <a:latin typeface="メイリオ"/>
              <a:cs typeface="メイリオ"/>
            </a:endParaRPr>
          </a:p>
        </p:txBody>
      </p:sp>
      <p:sp>
        <p:nvSpPr>
          <p:cNvPr id="23" name="object 23"/>
          <p:cNvSpPr txBox="1"/>
          <p:nvPr/>
        </p:nvSpPr>
        <p:spPr>
          <a:xfrm>
            <a:off x="393127" y="6081525"/>
            <a:ext cx="270410" cy="138130"/>
          </a:xfrm>
          <a:prstGeom prst="rect">
            <a:avLst/>
          </a:prstGeom>
        </p:spPr>
        <p:txBody>
          <a:bodyPr vert="horz" wrap="square" lIns="0" tIns="13032" rIns="0" bIns="0" rtlCol="0">
            <a:spAutoFit/>
          </a:bodyPr>
          <a:lstStyle/>
          <a:p>
            <a:pPr marL="10860">
              <a:spcBef>
                <a:spcPts val="103"/>
              </a:spcBef>
            </a:pPr>
            <a:r>
              <a:rPr sz="812" b="1" dirty="0">
                <a:latin typeface="メイリオ"/>
                <a:cs typeface="メイリオ"/>
              </a:rPr>
              <a:t>昭</a:t>
            </a:r>
            <a:r>
              <a:rPr sz="812" b="1" spc="-21" dirty="0">
                <a:latin typeface="メイリオ"/>
                <a:cs typeface="メイリオ"/>
              </a:rPr>
              <a:t>30</a:t>
            </a:r>
            <a:endParaRPr sz="812">
              <a:latin typeface="メイリオ"/>
              <a:cs typeface="メイリオ"/>
            </a:endParaRPr>
          </a:p>
        </p:txBody>
      </p:sp>
      <p:sp>
        <p:nvSpPr>
          <p:cNvPr id="24" name="object 24"/>
          <p:cNvSpPr txBox="1"/>
          <p:nvPr/>
        </p:nvSpPr>
        <p:spPr>
          <a:xfrm>
            <a:off x="724136" y="6058067"/>
            <a:ext cx="4339056" cy="138130"/>
          </a:xfrm>
          <a:prstGeom prst="rect">
            <a:avLst/>
          </a:prstGeom>
        </p:spPr>
        <p:txBody>
          <a:bodyPr vert="horz" wrap="square" lIns="0" tIns="13032" rIns="0" bIns="0" rtlCol="0">
            <a:spAutoFit/>
          </a:bodyPr>
          <a:lstStyle/>
          <a:p>
            <a:pPr marL="10860">
              <a:spcBef>
                <a:spcPts val="103"/>
              </a:spcBef>
              <a:tabLst>
                <a:tab pos="289413" algn="l"/>
                <a:tab pos="566880" algn="l"/>
                <a:tab pos="845976" algn="l"/>
                <a:tab pos="1123443" algn="l"/>
                <a:tab pos="1402539" algn="l"/>
                <a:tab pos="1680006" algn="l"/>
                <a:tab pos="1958560" algn="l"/>
                <a:tab pos="2237656" algn="l"/>
                <a:tab pos="2515123" algn="l"/>
                <a:tab pos="2794219" algn="l"/>
                <a:tab pos="3071686" algn="l"/>
                <a:tab pos="3350782" algn="l"/>
                <a:tab pos="3628249" algn="l"/>
                <a:tab pos="3906802" algn="l"/>
                <a:tab pos="4184812" algn="l"/>
              </a:tabLst>
            </a:pPr>
            <a:r>
              <a:rPr sz="812" b="1" spc="-21" dirty="0">
                <a:latin typeface="メイリオ"/>
                <a:cs typeface="メイリオ"/>
              </a:rPr>
              <a:t>32</a:t>
            </a:r>
            <a:r>
              <a:rPr sz="812" b="1" dirty="0">
                <a:latin typeface="メイリオ"/>
                <a:cs typeface="メイリオ"/>
              </a:rPr>
              <a:t>	</a:t>
            </a:r>
            <a:r>
              <a:rPr sz="812" b="1" spc="-21" dirty="0">
                <a:latin typeface="メイリオ"/>
                <a:cs typeface="メイリオ"/>
              </a:rPr>
              <a:t>34</a:t>
            </a:r>
            <a:r>
              <a:rPr sz="812" b="1" dirty="0">
                <a:latin typeface="メイリオ"/>
                <a:cs typeface="メイリオ"/>
              </a:rPr>
              <a:t>	</a:t>
            </a:r>
            <a:r>
              <a:rPr sz="812" b="1" spc="-21" dirty="0">
                <a:latin typeface="メイリオ"/>
                <a:cs typeface="メイリオ"/>
              </a:rPr>
              <a:t>36</a:t>
            </a:r>
            <a:r>
              <a:rPr sz="812" b="1" dirty="0">
                <a:latin typeface="メイリオ"/>
                <a:cs typeface="メイリオ"/>
              </a:rPr>
              <a:t>	</a:t>
            </a:r>
            <a:r>
              <a:rPr sz="812" b="1" spc="-21" dirty="0">
                <a:latin typeface="メイリオ"/>
                <a:cs typeface="メイリオ"/>
              </a:rPr>
              <a:t>38</a:t>
            </a:r>
            <a:r>
              <a:rPr sz="812" b="1" dirty="0">
                <a:latin typeface="メイリオ"/>
                <a:cs typeface="メイリオ"/>
              </a:rPr>
              <a:t>	</a:t>
            </a:r>
            <a:r>
              <a:rPr sz="812" b="1" spc="-21" dirty="0">
                <a:latin typeface="メイリオ"/>
                <a:cs typeface="メイリオ"/>
              </a:rPr>
              <a:t>40</a:t>
            </a:r>
            <a:r>
              <a:rPr sz="812" b="1" dirty="0">
                <a:latin typeface="メイリオ"/>
                <a:cs typeface="メイリオ"/>
              </a:rPr>
              <a:t>	</a:t>
            </a:r>
            <a:r>
              <a:rPr sz="812" b="1" spc="-21" dirty="0">
                <a:latin typeface="メイリオ"/>
                <a:cs typeface="メイリオ"/>
              </a:rPr>
              <a:t>42</a:t>
            </a:r>
            <a:r>
              <a:rPr sz="812" b="1" dirty="0">
                <a:latin typeface="メイリオ"/>
                <a:cs typeface="メイリオ"/>
              </a:rPr>
              <a:t>	</a:t>
            </a:r>
            <a:r>
              <a:rPr sz="812" b="1" spc="-21" dirty="0">
                <a:latin typeface="メイリオ"/>
                <a:cs typeface="メイリオ"/>
              </a:rPr>
              <a:t>44</a:t>
            </a:r>
            <a:r>
              <a:rPr sz="812" b="1" dirty="0">
                <a:latin typeface="メイリオ"/>
                <a:cs typeface="メイリオ"/>
              </a:rPr>
              <a:t>	</a:t>
            </a:r>
            <a:r>
              <a:rPr sz="812" b="1" spc="-21" dirty="0">
                <a:latin typeface="メイリオ"/>
                <a:cs typeface="メイリオ"/>
              </a:rPr>
              <a:t>46</a:t>
            </a:r>
            <a:r>
              <a:rPr sz="812" b="1" dirty="0">
                <a:latin typeface="メイリオ"/>
                <a:cs typeface="メイリオ"/>
              </a:rPr>
              <a:t>	</a:t>
            </a:r>
            <a:r>
              <a:rPr sz="812" b="1" spc="-21" dirty="0">
                <a:latin typeface="メイリオ"/>
                <a:cs typeface="メイリオ"/>
              </a:rPr>
              <a:t>48</a:t>
            </a:r>
            <a:r>
              <a:rPr sz="812" b="1" dirty="0">
                <a:latin typeface="メイリオ"/>
                <a:cs typeface="メイリオ"/>
              </a:rPr>
              <a:t>	</a:t>
            </a:r>
            <a:r>
              <a:rPr sz="812" b="1" spc="-21" dirty="0">
                <a:latin typeface="メイリオ"/>
                <a:cs typeface="メイリオ"/>
              </a:rPr>
              <a:t>50</a:t>
            </a:r>
            <a:r>
              <a:rPr sz="812" b="1" dirty="0">
                <a:latin typeface="メイリオ"/>
                <a:cs typeface="メイリオ"/>
              </a:rPr>
              <a:t>	</a:t>
            </a:r>
            <a:r>
              <a:rPr sz="812" b="1" spc="-21" dirty="0">
                <a:latin typeface="メイリオ"/>
                <a:cs typeface="メイリオ"/>
              </a:rPr>
              <a:t>52</a:t>
            </a:r>
            <a:r>
              <a:rPr sz="812" b="1" dirty="0">
                <a:latin typeface="メイリオ"/>
                <a:cs typeface="メイリオ"/>
              </a:rPr>
              <a:t>	</a:t>
            </a:r>
            <a:r>
              <a:rPr sz="812" b="1" spc="-21" dirty="0">
                <a:latin typeface="メイリオ"/>
                <a:cs typeface="メイリオ"/>
              </a:rPr>
              <a:t>54</a:t>
            </a:r>
            <a:r>
              <a:rPr sz="812" b="1" dirty="0">
                <a:latin typeface="メイリオ"/>
                <a:cs typeface="メイリオ"/>
              </a:rPr>
              <a:t>	</a:t>
            </a:r>
            <a:r>
              <a:rPr sz="812" b="1" spc="-21" dirty="0">
                <a:latin typeface="メイリオ"/>
                <a:cs typeface="メイリオ"/>
              </a:rPr>
              <a:t>56</a:t>
            </a:r>
            <a:r>
              <a:rPr sz="812" b="1" dirty="0">
                <a:latin typeface="メイリオ"/>
                <a:cs typeface="メイリオ"/>
              </a:rPr>
              <a:t>	</a:t>
            </a:r>
            <a:r>
              <a:rPr sz="812" b="1" spc="-21" dirty="0">
                <a:latin typeface="メイリオ"/>
                <a:cs typeface="メイリオ"/>
              </a:rPr>
              <a:t>58</a:t>
            </a:r>
            <a:r>
              <a:rPr sz="812" b="1" dirty="0">
                <a:latin typeface="メイリオ"/>
                <a:cs typeface="メイリオ"/>
              </a:rPr>
              <a:t>	</a:t>
            </a:r>
            <a:r>
              <a:rPr sz="812" b="1" spc="-21" dirty="0">
                <a:latin typeface="メイリオ"/>
                <a:cs typeface="メイリオ"/>
              </a:rPr>
              <a:t>60</a:t>
            </a:r>
            <a:r>
              <a:rPr sz="812" b="1" dirty="0">
                <a:latin typeface="メイリオ"/>
                <a:cs typeface="メイリオ"/>
              </a:rPr>
              <a:t>	</a:t>
            </a:r>
            <a:r>
              <a:rPr sz="812" b="1" spc="-21" dirty="0">
                <a:latin typeface="メイリオ"/>
                <a:cs typeface="メイリオ"/>
              </a:rPr>
              <a:t>62</a:t>
            </a:r>
            <a:endParaRPr sz="812">
              <a:latin typeface="メイリオ"/>
              <a:cs typeface="メイリオ"/>
            </a:endParaRPr>
          </a:p>
        </p:txBody>
      </p:sp>
      <p:sp>
        <p:nvSpPr>
          <p:cNvPr id="25" name="object 25"/>
          <p:cNvSpPr txBox="1"/>
          <p:nvPr/>
        </p:nvSpPr>
        <p:spPr>
          <a:xfrm>
            <a:off x="5195356" y="6081525"/>
            <a:ext cx="127603" cy="138130"/>
          </a:xfrm>
          <a:prstGeom prst="rect">
            <a:avLst/>
          </a:prstGeom>
        </p:spPr>
        <p:txBody>
          <a:bodyPr vert="horz" wrap="square" lIns="0" tIns="13032" rIns="0" bIns="0" rtlCol="0">
            <a:spAutoFit/>
          </a:bodyPr>
          <a:lstStyle/>
          <a:p>
            <a:pPr marL="10860">
              <a:spcBef>
                <a:spcPts val="103"/>
              </a:spcBef>
            </a:pPr>
            <a:r>
              <a:rPr sz="812" b="1" spc="-43" dirty="0">
                <a:latin typeface="メイリオ"/>
                <a:cs typeface="メイリオ"/>
              </a:rPr>
              <a:t>元</a:t>
            </a:r>
            <a:endParaRPr sz="812">
              <a:latin typeface="メイリオ"/>
              <a:cs typeface="メイリオ"/>
            </a:endParaRPr>
          </a:p>
        </p:txBody>
      </p:sp>
      <p:sp>
        <p:nvSpPr>
          <p:cNvPr id="26" name="object 26"/>
          <p:cNvSpPr txBox="1"/>
          <p:nvPr/>
        </p:nvSpPr>
        <p:spPr>
          <a:xfrm>
            <a:off x="5491179" y="6058067"/>
            <a:ext cx="370864" cy="138130"/>
          </a:xfrm>
          <a:prstGeom prst="rect">
            <a:avLst/>
          </a:prstGeom>
        </p:spPr>
        <p:txBody>
          <a:bodyPr vert="horz" wrap="square" lIns="0" tIns="13032" rIns="0" bIns="0" rtlCol="0">
            <a:spAutoFit/>
          </a:bodyPr>
          <a:lstStyle/>
          <a:p>
            <a:pPr marL="10860">
              <a:spcBef>
                <a:spcPts val="103"/>
              </a:spcBef>
              <a:tabLst>
                <a:tab pos="288327" algn="l"/>
              </a:tabLst>
            </a:pPr>
            <a:r>
              <a:rPr sz="812" b="1" spc="-43" dirty="0">
                <a:latin typeface="メイリオ"/>
                <a:cs typeface="メイリオ"/>
              </a:rPr>
              <a:t>3</a:t>
            </a:r>
            <a:r>
              <a:rPr sz="812" b="1" dirty="0">
                <a:latin typeface="メイリオ"/>
                <a:cs typeface="メイリオ"/>
              </a:rPr>
              <a:t>	</a:t>
            </a:r>
            <a:r>
              <a:rPr sz="812" b="1" spc="-43" dirty="0">
                <a:latin typeface="メイリオ"/>
                <a:cs typeface="メイリオ"/>
              </a:rPr>
              <a:t>5</a:t>
            </a:r>
            <a:endParaRPr sz="812">
              <a:latin typeface="メイリオ"/>
              <a:cs typeface="メイリオ"/>
            </a:endParaRPr>
          </a:p>
        </p:txBody>
      </p:sp>
      <p:sp>
        <p:nvSpPr>
          <p:cNvPr id="27" name="object 27"/>
          <p:cNvSpPr txBox="1"/>
          <p:nvPr/>
        </p:nvSpPr>
        <p:spPr>
          <a:xfrm>
            <a:off x="6047637" y="6058067"/>
            <a:ext cx="2355503" cy="138130"/>
          </a:xfrm>
          <a:prstGeom prst="rect">
            <a:avLst/>
          </a:prstGeom>
        </p:spPr>
        <p:txBody>
          <a:bodyPr vert="horz" wrap="square" lIns="0" tIns="13032" rIns="0" bIns="0" rtlCol="0">
            <a:spAutoFit/>
          </a:bodyPr>
          <a:lstStyle/>
          <a:p>
            <a:pPr marL="10860">
              <a:spcBef>
                <a:spcPts val="103"/>
              </a:spcBef>
              <a:tabLst>
                <a:tab pos="288327" algn="l"/>
                <a:tab pos="530500" algn="l"/>
                <a:tab pos="809596" algn="l"/>
                <a:tab pos="1087063" algn="l"/>
                <a:tab pos="1365616" algn="l"/>
                <a:tab pos="1644711" algn="l"/>
                <a:tab pos="1922179" algn="l"/>
                <a:tab pos="2201275" algn="l"/>
              </a:tabLst>
            </a:pPr>
            <a:r>
              <a:rPr sz="812" b="1" spc="-43" dirty="0">
                <a:latin typeface="メイリオ"/>
                <a:cs typeface="メイリオ"/>
              </a:rPr>
              <a:t>7</a:t>
            </a:r>
            <a:r>
              <a:rPr sz="812" b="1" dirty="0">
                <a:latin typeface="メイリオ"/>
                <a:cs typeface="メイリオ"/>
              </a:rPr>
              <a:t>	</a:t>
            </a:r>
            <a:r>
              <a:rPr sz="812" b="1" spc="-43" dirty="0">
                <a:latin typeface="メイリオ"/>
                <a:cs typeface="メイリオ"/>
              </a:rPr>
              <a:t>9</a:t>
            </a:r>
            <a:r>
              <a:rPr sz="812" b="1" dirty="0">
                <a:latin typeface="メイリオ"/>
                <a:cs typeface="メイリオ"/>
              </a:rPr>
              <a:t>	</a:t>
            </a:r>
            <a:r>
              <a:rPr sz="812" b="1" spc="-30" dirty="0">
                <a:latin typeface="メイリオ"/>
                <a:cs typeface="メイリオ"/>
              </a:rPr>
              <a:t>11</a:t>
            </a:r>
            <a:r>
              <a:rPr sz="812" b="1" dirty="0">
                <a:latin typeface="メイリオ"/>
                <a:cs typeface="メイリオ"/>
              </a:rPr>
              <a:t>	</a:t>
            </a:r>
            <a:r>
              <a:rPr sz="812" b="1" spc="-21" dirty="0">
                <a:latin typeface="メイリオ"/>
                <a:cs typeface="メイリオ"/>
              </a:rPr>
              <a:t>13</a:t>
            </a:r>
            <a:r>
              <a:rPr sz="812" b="1" dirty="0">
                <a:latin typeface="メイリオ"/>
                <a:cs typeface="メイリオ"/>
              </a:rPr>
              <a:t>	</a:t>
            </a:r>
            <a:r>
              <a:rPr sz="812" b="1" spc="-21" dirty="0">
                <a:latin typeface="メイリオ"/>
                <a:cs typeface="メイリオ"/>
              </a:rPr>
              <a:t>15</a:t>
            </a:r>
            <a:r>
              <a:rPr sz="812" b="1" dirty="0">
                <a:latin typeface="メイリオ"/>
                <a:cs typeface="メイリオ"/>
              </a:rPr>
              <a:t>	</a:t>
            </a:r>
            <a:r>
              <a:rPr sz="812" b="1" spc="-21" dirty="0">
                <a:latin typeface="メイリオ"/>
                <a:cs typeface="メイリオ"/>
              </a:rPr>
              <a:t>17</a:t>
            </a:r>
            <a:r>
              <a:rPr sz="812" b="1" dirty="0">
                <a:latin typeface="メイリオ"/>
                <a:cs typeface="メイリオ"/>
              </a:rPr>
              <a:t>	</a:t>
            </a:r>
            <a:r>
              <a:rPr sz="812" b="1" spc="-21" dirty="0">
                <a:latin typeface="メイリオ"/>
                <a:cs typeface="メイリオ"/>
              </a:rPr>
              <a:t>19</a:t>
            </a:r>
            <a:r>
              <a:rPr sz="812" b="1" dirty="0">
                <a:latin typeface="メイリオ"/>
                <a:cs typeface="メイリオ"/>
              </a:rPr>
              <a:t>	</a:t>
            </a:r>
            <a:r>
              <a:rPr sz="812" b="1" spc="-21" dirty="0">
                <a:latin typeface="メイリオ"/>
                <a:cs typeface="メイリオ"/>
              </a:rPr>
              <a:t>21</a:t>
            </a:r>
            <a:r>
              <a:rPr sz="812" b="1" dirty="0">
                <a:latin typeface="メイリオ"/>
                <a:cs typeface="メイリオ"/>
              </a:rPr>
              <a:t>	</a:t>
            </a:r>
            <a:r>
              <a:rPr sz="812" b="1" spc="-21" dirty="0">
                <a:latin typeface="メイリオ"/>
                <a:cs typeface="メイリオ"/>
              </a:rPr>
              <a:t>23</a:t>
            </a:r>
            <a:endParaRPr sz="812">
              <a:latin typeface="メイリオ"/>
              <a:cs typeface="メイリオ"/>
            </a:endParaRPr>
          </a:p>
        </p:txBody>
      </p:sp>
      <p:sp>
        <p:nvSpPr>
          <p:cNvPr id="28" name="object 28"/>
          <p:cNvSpPr txBox="1"/>
          <p:nvPr/>
        </p:nvSpPr>
        <p:spPr>
          <a:xfrm>
            <a:off x="8494146" y="6077614"/>
            <a:ext cx="614125" cy="166064"/>
          </a:xfrm>
          <a:prstGeom prst="rect">
            <a:avLst/>
          </a:prstGeom>
        </p:spPr>
        <p:txBody>
          <a:bodyPr vert="horz" wrap="square" lIns="0" tIns="14661" rIns="0" bIns="0" rtlCol="0">
            <a:spAutoFit/>
          </a:bodyPr>
          <a:lstStyle/>
          <a:p>
            <a:pPr marL="32579">
              <a:spcBef>
                <a:spcPts val="115"/>
              </a:spcBef>
            </a:pPr>
            <a:r>
              <a:rPr sz="1219" b="1" baseline="23391" dirty="0">
                <a:latin typeface="メイリオ"/>
                <a:cs typeface="メイリオ"/>
              </a:rPr>
              <a:t>25</a:t>
            </a:r>
            <a:r>
              <a:rPr sz="1219" b="1" spc="462" baseline="23391" dirty="0">
                <a:latin typeface="メイリオ"/>
                <a:cs typeface="メイリオ"/>
              </a:rPr>
              <a:t> </a:t>
            </a:r>
            <a:r>
              <a:rPr sz="983" dirty="0">
                <a:latin typeface="Arial"/>
                <a:cs typeface="Arial"/>
              </a:rPr>
              <a:t>(</a:t>
            </a:r>
            <a:r>
              <a:rPr sz="983" dirty="0">
                <a:latin typeface="ＭＳ Ｐゴシック"/>
                <a:cs typeface="ＭＳ Ｐゴシック"/>
              </a:rPr>
              <a:t>年度</a:t>
            </a:r>
            <a:r>
              <a:rPr sz="983" spc="-43" dirty="0">
                <a:latin typeface="Arial"/>
                <a:cs typeface="Arial"/>
              </a:rPr>
              <a:t>)</a:t>
            </a:r>
            <a:endParaRPr sz="983">
              <a:latin typeface="Arial"/>
              <a:cs typeface="Arial"/>
            </a:endParaRPr>
          </a:p>
        </p:txBody>
      </p:sp>
      <p:sp>
        <p:nvSpPr>
          <p:cNvPr id="29" name="object 29"/>
          <p:cNvSpPr txBox="1"/>
          <p:nvPr/>
        </p:nvSpPr>
        <p:spPr>
          <a:xfrm>
            <a:off x="225015" y="5891260"/>
            <a:ext cx="93395" cy="138130"/>
          </a:xfrm>
          <a:prstGeom prst="rect">
            <a:avLst/>
          </a:prstGeom>
        </p:spPr>
        <p:txBody>
          <a:bodyPr vert="horz" wrap="square" lIns="0" tIns="13032" rIns="0" bIns="0" rtlCol="0">
            <a:spAutoFit/>
          </a:bodyPr>
          <a:lstStyle/>
          <a:p>
            <a:pPr marL="10860">
              <a:spcBef>
                <a:spcPts val="103"/>
              </a:spcBef>
            </a:pPr>
            <a:r>
              <a:rPr sz="812" b="1" spc="-43" dirty="0">
                <a:latin typeface="メイリオ"/>
                <a:cs typeface="メイリオ"/>
              </a:rPr>
              <a:t>0</a:t>
            </a:r>
            <a:endParaRPr sz="812">
              <a:latin typeface="メイリオ"/>
              <a:cs typeface="メイリオ"/>
            </a:endParaRPr>
          </a:p>
        </p:txBody>
      </p:sp>
      <p:sp>
        <p:nvSpPr>
          <p:cNvPr id="30" name="object 30"/>
          <p:cNvSpPr txBox="1"/>
          <p:nvPr/>
        </p:nvSpPr>
        <p:spPr>
          <a:xfrm>
            <a:off x="153340" y="5221420"/>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15</a:t>
            </a:r>
            <a:endParaRPr sz="812">
              <a:latin typeface="メイリオ"/>
              <a:cs typeface="メイリオ"/>
            </a:endParaRPr>
          </a:p>
        </p:txBody>
      </p:sp>
      <p:sp>
        <p:nvSpPr>
          <p:cNvPr id="31" name="object 31"/>
          <p:cNvSpPr txBox="1"/>
          <p:nvPr/>
        </p:nvSpPr>
        <p:spPr>
          <a:xfrm>
            <a:off x="153340" y="4552887"/>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30</a:t>
            </a:r>
            <a:endParaRPr sz="812">
              <a:latin typeface="メイリオ"/>
              <a:cs typeface="メイリオ"/>
            </a:endParaRPr>
          </a:p>
        </p:txBody>
      </p:sp>
      <p:sp>
        <p:nvSpPr>
          <p:cNvPr id="32" name="object 32"/>
          <p:cNvSpPr txBox="1"/>
          <p:nvPr/>
        </p:nvSpPr>
        <p:spPr>
          <a:xfrm>
            <a:off x="153340" y="3884353"/>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45</a:t>
            </a:r>
            <a:endParaRPr sz="812">
              <a:latin typeface="メイリオ"/>
              <a:cs typeface="メイリオ"/>
            </a:endParaRPr>
          </a:p>
        </p:txBody>
      </p:sp>
      <p:sp>
        <p:nvSpPr>
          <p:cNvPr id="33" name="object 33"/>
          <p:cNvSpPr txBox="1"/>
          <p:nvPr/>
        </p:nvSpPr>
        <p:spPr>
          <a:xfrm>
            <a:off x="153340" y="3214518"/>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60</a:t>
            </a:r>
            <a:endParaRPr sz="812">
              <a:latin typeface="メイリオ"/>
              <a:cs typeface="メイリオ"/>
            </a:endParaRPr>
          </a:p>
        </p:txBody>
      </p:sp>
      <p:sp>
        <p:nvSpPr>
          <p:cNvPr id="34" name="object 34"/>
          <p:cNvSpPr txBox="1"/>
          <p:nvPr/>
        </p:nvSpPr>
        <p:spPr>
          <a:xfrm>
            <a:off x="153340" y="2545985"/>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75</a:t>
            </a:r>
            <a:endParaRPr sz="812">
              <a:latin typeface="メイリオ"/>
              <a:cs typeface="メイリオ"/>
            </a:endParaRPr>
          </a:p>
        </p:txBody>
      </p:sp>
      <p:sp>
        <p:nvSpPr>
          <p:cNvPr id="35" name="object 35"/>
          <p:cNvSpPr txBox="1"/>
          <p:nvPr/>
        </p:nvSpPr>
        <p:spPr>
          <a:xfrm>
            <a:off x="153340" y="1876149"/>
            <a:ext cx="165070" cy="138130"/>
          </a:xfrm>
          <a:prstGeom prst="rect">
            <a:avLst/>
          </a:prstGeom>
        </p:spPr>
        <p:txBody>
          <a:bodyPr vert="horz" wrap="square" lIns="0" tIns="13032" rIns="0" bIns="0" rtlCol="0">
            <a:spAutoFit/>
          </a:bodyPr>
          <a:lstStyle/>
          <a:p>
            <a:pPr marL="10860">
              <a:spcBef>
                <a:spcPts val="103"/>
              </a:spcBef>
            </a:pPr>
            <a:r>
              <a:rPr sz="812" b="1" spc="-21" dirty="0">
                <a:latin typeface="メイリオ"/>
                <a:cs typeface="メイリオ"/>
              </a:rPr>
              <a:t>90</a:t>
            </a:r>
            <a:endParaRPr sz="812">
              <a:latin typeface="メイリオ"/>
              <a:cs typeface="メイリオ"/>
            </a:endParaRPr>
          </a:p>
        </p:txBody>
      </p:sp>
      <p:sp>
        <p:nvSpPr>
          <p:cNvPr id="36" name="object 36"/>
          <p:cNvSpPr txBox="1"/>
          <p:nvPr/>
        </p:nvSpPr>
        <p:spPr>
          <a:xfrm>
            <a:off x="1042111" y="2114631"/>
            <a:ext cx="1007252" cy="181555"/>
          </a:xfrm>
          <a:prstGeom prst="rect">
            <a:avLst/>
          </a:prstGeom>
        </p:spPr>
        <p:txBody>
          <a:bodyPr vert="horz" wrap="square" lIns="0" tIns="10317" rIns="0" bIns="0" rtlCol="0">
            <a:spAutoFit/>
          </a:bodyPr>
          <a:lstStyle/>
          <a:p>
            <a:pPr marL="10860">
              <a:spcBef>
                <a:spcPts val="81"/>
              </a:spcBef>
            </a:pPr>
            <a:r>
              <a:rPr sz="1112" spc="-21" dirty="0">
                <a:latin typeface="メイリオ"/>
                <a:cs typeface="メイリオ"/>
              </a:rPr>
              <a:t>元請完成工事高</a:t>
            </a:r>
            <a:endParaRPr sz="1112">
              <a:latin typeface="メイリオ"/>
              <a:cs typeface="メイリオ"/>
            </a:endParaRPr>
          </a:p>
        </p:txBody>
      </p:sp>
      <p:sp>
        <p:nvSpPr>
          <p:cNvPr id="37" name="object 37"/>
          <p:cNvSpPr/>
          <p:nvPr/>
        </p:nvSpPr>
        <p:spPr>
          <a:xfrm>
            <a:off x="2276660" y="2191953"/>
            <a:ext cx="225885" cy="95567"/>
          </a:xfrm>
          <a:custGeom>
            <a:avLst/>
            <a:gdLst/>
            <a:ahLst/>
            <a:cxnLst/>
            <a:rect l="l" t="t" r="r" b="b"/>
            <a:pathLst>
              <a:path w="264160" h="111760">
                <a:moveTo>
                  <a:pt x="263651" y="0"/>
                </a:moveTo>
                <a:lnTo>
                  <a:pt x="0" y="0"/>
                </a:lnTo>
                <a:lnTo>
                  <a:pt x="0" y="111251"/>
                </a:lnTo>
                <a:lnTo>
                  <a:pt x="263651" y="111251"/>
                </a:lnTo>
                <a:lnTo>
                  <a:pt x="263651" y="0"/>
                </a:lnTo>
                <a:close/>
              </a:path>
            </a:pathLst>
          </a:custGeom>
          <a:solidFill>
            <a:srgbClr val="FF4F4F"/>
          </a:solidFill>
        </p:spPr>
        <p:txBody>
          <a:bodyPr wrap="square" lIns="0" tIns="0" rIns="0" bIns="0" rtlCol="0"/>
          <a:lstStyle/>
          <a:p>
            <a:endParaRPr sz="1539"/>
          </a:p>
        </p:txBody>
      </p:sp>
      <p:sp>
        <p:nvSpPr>
          <p:cNvPr id="38" name="object 38"/>
          <p:cNvSpPr txBox="1"/>
          <p:nvPr/>
        </p:nvSpPr>
        <p:spPr>
          <a:xfrm>
            <a:off x="2516011" y="2114631"/>
            <a:ext cx="1007252" cy="181555"/>
          </a:xfrm>
          <a:prstGeom prst="rect">
            <a:avLst/>
          </a:prstGeom>
        </p:spPr>
        <p:txBody>
          <a:bodyPr vert="horz" wrap="square" lIns="0" tIns="10317" rIns="0" bIns="0" rtlCol="0">
            <a:spAutoFit/>
          </a:bodyPr>
          <a:lstStyle/>
          <a:p>
            <a:pPr marL="10860">
              <a:spcBef>
                <a:spcPts val="81"/>
              </a:spcBef>
            </a:pPr>
            <a:r>
              <a:rPr sz="1112" spc="-21" dirty="0">
                <a:latin typeface="メイリオ"/>
                <a:cs typeface="メイリオ"/>
              </a:rPr>
              <a:t>下請完成工事高</a:t>
            </a:r>
            <a:endParaRPr sz="1112">
              <a:latin typeface="メイリオ"/>
              <a:cs typeface="メイリオ"/>
            </a:endParaRPr>
          </a:p>
        </p:txBody>
      </p:sp>
      <p:grpSp>
        <p:nvGrpSpPr>
          <p:cNvPr id="39" name="object 39"/>
          <p:cNvGrpSpPr/>
          <p:nvPr/>
        </p:nvGrpSpPr>
        <p:grpSpPr>
          <a:xfrm>
            <a:off x="3744045" y="2207591"/>
            <a:ext cx="236202" cy="65159"/>
            <a:chOff x="4378452" y="2353055"/>
            <a:chExt cx="276225" cy="76200"/>
          </a:xfrm>
        </p:grpSpPr>
        <p:sp>
          <p:nvSpPr>
            <p:cNvPr id="40" name="object 40"/>
            <p:cNvSpPr/>
            <p:nvPr/>
          </p:nvSpPr>
          <p:spPr>
            <a:xfrm>
              <a:off x="4378452" y="2383535"/>
              <a:ext cx="276225" cy="12700"/>
            </a:xfrm>
            <a:custGeom>
              <a:avLst/>
              <a:gdLst/>
              <a:ahLst/>
              <a:cxnLst/>
              <a:rect l="l" t="t" r="r" b="b"/>
              <a:pathLst>
                <a:path w="276225" h="12700">
                  <a:moveTo>
                    <a:pt x="272796" y="0"/>
                  </a:moveTo>
                  <a:lnTo>
                    <a:pt x="6096" y="0"/>
                  </a:lnTo>
                  <a:lnTo>
                    <a:pt x="3048" y="0"/>
                  </a:lnTo>
                  <a:lnTo>
                    <a:pt x="0" y="3048"/>
                  </a:lnTo>
                  <a:lnTo>
                    <a:pt x="0" y="9144"/>
                  </a:lnTo>
                  <a:lnTo>
                    <a:pt x="3048" y="12191"/>
                  </a:lnTo>
                  <a:lnTo>
                    <a:pt x="272796" y="12191"/>
                  </a:lnTo>
                  <a:lnTo>
                    <a:pt x="275844" y="9144"/>
                  </a:lnTo>
                  <a:lnTo>
                    <a:pt x="275844" y="3048"/>
                  </a:lnTo>
                  <a:lnTo>
                    <a:pt x="272796" y="0"/>
                  </a:lnTo>
                  <a:close/>
                </a:path>
              </a:pathLst>
            </a:custGeom>
            <a:solidFill>
              <a:srgbClr val="000000"/>
            </a:solidFill>
          </p:spPr>
          <p:txBody>
            <a:bodyPr wrap="square" lIns="0" tIns="0" rIns="0" bIns="0" rtlCol="0"/>
            <a:lstStyle/>
            <a:p>
              <a:endParaRPr sz="1539"/>
            </a:p>
          </p:txBody>
        </p:sp>
        <p:pic>
          <p:nvPicPr>
            <p:cNvPr id="41" name="object 41"/>
            <p:cNvPicPr/>
            <p:nvPr/>
          </p:nvPicPr>
          <p:blipFill>
            <a:blip r:embed="rId3" cstate="print"/>
            <a:stretch>
              <a:fillRect/>
            </a:stretch>
          </p:blipFill>
          <p:spPr>
            <a:xfrm>
              <a:off x="4479036" y="2353055"/>
              <a:ext cx="76200" cy="76200"/>
            </a:xfrm>
            <a:prstGeom prst="rect">
              <a:avLst/>
            </a:prstGeom>
          </p:spPr>
        </p:pic>
      </p:grpSp>
      <p:sp>
        <p:nvSpPr>
          <p:cNvPr id="42" name="object 42"/>
          <p:cNvSpPr txBox="1"/>
          <p:nvPr/>
        </p:nvSpPr>
        <p:spPr>
          <a:xfrm>
            <a:off x="3988608" y="2114631"/>
            <a:ext cx="584803" cy="181555"/>
          </a:xfrm>
          <a:prstGeom prst="rect">
            <a:avLst/>
          </a:prstGeom>
        </p:spPr>
        <p:txBody>
          <a:bodyPr vert="horz" wrap="square" lIns="0" tIns="10317" rIns="0" bIns="0" rtlCol="0">
            <a:spAutoFit/>
          </a:bodyPr>
          <a:lstStyle/>
          <a:p>
            <a:pPr marL="10860">
              <a:spcBef>
                <a:spcPts val="81"/>
              </a:spcBef>
            </a:pPr>
            <a:r>
              <a:rPr sz="1112" spc="-26" dirty="0">
                <a:latin typeface="メイリオ"/>
                <a:cs typeface="メイリオ"/>
              </a:rPr>
              <a:t>下請比率</a:t>
            </a:r>
            <a:endParaRPr sz="1112">
              <a:latin typeface="メイリオ"/>
              <a:cs typeface="メイリオ"/>
            </a:endParaRPr>
          </a:p>
        </p:txBody>
      </p:sp>
      <p:sp>
        <p:nvSpPr>
          <p:cNvPr id="43" name="object 43"/>
          <p:cNvSpPr txBox="1"/>
          <p:nvPr/>
        </p:nvSpPr>
        <p:spPr>
          <a:xfrm>
            <a:off x="2583068" y="2465462"/>
            <a:ext cx="637803" cy="1617033"/>
          </a:xfrm>
          <a:prstGeom prst="rect">
            <a:avLst/>
          </a:prstGeom>
        </p:spPr>
        <p:txBody>
          <a:bodyPr vert="eaVert" wrap="square" lIns="0" tIns="0" rIns="0" bIns="0" rtlCol="0">
            <a:spAutoFit/>
          </a:bodyPr>
          <a:lstStyle/>
          <a:p>
            <a:pPr marL="104254" indent="-93394">
              <a:lnSpc>
                <a:spcPct val="70000"/>
              </a:lnSpc>
              <a:buSzPct val="88235"/>
              <a:buChar char="○"/>
              <a:tabLst>
                <a:tab pos="104254" algn="l"/>
              </a:tabLst>
            </a:pPr>
            <a:r>
              <a:rPr sz="727" b="1" dirty="0">
                <a:latin typeface="UD デジタル 教科書体 NK-B"/>
                <a:cs typeface="UD デジタル 教科書体 NK-B"/>
              </a:rPr>
              <a:t>昭和四十六年建設業法改正</a:t>
            </a:r>
            <a:endParaRPr sz="727">
              <a:latin typeface="UD デジタル 教科書体 NK-B"/>
              <a:cs typeface="UD デジタル 教科書体 NK-B"/>
            </a:endParaRPr>
          </a:p>
          <a:p>
            <a:pPr marL="104254">
              <a:spcBef>
                <a:spcPts val="30"/>
              </a:spcBef>
            </a:pPr>
            <a:r>
              <a:rPr sz="727" b="1" dirty="0">
                <a:latin typeface="UD デジタル 教科書体 NK-B"/>
                <a:cs typeface="UD デジタル 教科書体 NK-B"/>
              </a:rPr>
              <a:t>・</a:t>
            </a:r>
            <a:r>
              <a:rPr sz="727" dirty="0">
                <a:latin typeface="Microsoft JhengHei"/>
                <a:cs typeface="Microsoft JhengHei"/>
              </a:rPr>
              <a:t>建設業の許可制度の採用</a:t>
            </a:r>
            <a:endParaRPr sz="727">
              <a:latin typeface="Microsoft JhengHei"/>
              <a:cs typeface="Microsoft JhengHei"/>
            </a:endParaRPr>
          </a:p>
          <a:p>
            <a:pPr marL="104254">
              <a:spcBef>
                <a:spcPts val="9"/>
              </a:spcBef>
            </a:pPr>
            <a:r>
              <a:rPr sz="727" dirty="0">
                <a:latin typeface="Microsoft JhengHei"/>
                <a:cs typeface="Microsoft JhengHei"/>
              </a:rPr>
              <a:t>・一式工</a:t>
            </a:r>
            <a:r>
              <a:rPr sz="727" spc="-13" dirty="0">
                <a:latin typeface="Microsoft JhengHei"/>
                <a:cs typeface="Microsoft JhengHei"/>
              </a:rPr>
              <a:t>事</a:t>
            </a:r>
            <a:r>
              <a:rPr sz="727" spc="9" dirty="0">
                <a:latin typeface="Microsoft JhengHei"/>
                <a:cs typeface="Microsoft JhengHei"/>
              </a:rPr>
              <a:t>、</a:t>
            </a:r>
            <a:r>
              <a:rPr sz="727" dirty="0">
                <a:latin typeface="Microsoft JhengHei"/>
                <a:cs typeface="Microsoft JhengHei"/>
              </a:rPr>
              <a:t>特定建設業の導入</a:t>
            </a:r>
            <a:endParaRPr sz="727">
              <a:latin typeface="Microsoft JhengHei"/>
              <a:cs typeface="Microsoft JhengHei"/>
            </a:endParaRPr>
          </a:p>
          <a:p>
            <a:pPr marL="104254">
              <a:spcBef>
                <a:spcPts val="13"/>
              </a:spcBef>
            </a:pPr>
            <a:r>
              <a:rPr sz="727" dirty="0">
                <a:latin typeface="Microsoft JhengHei"/>
                <a:cs typeface="Microsoft JhengHei"/>
              </a:rPr>
              <a:t>・請負契約の適正化に関する</a:t>
            </a:r>
            <a:endParaRPr sz="727">
              <a:latin typeface="Microsoft JhengHei"/>
              <a:cs typeface="Microsoft JhengHei"/>
            </a:endParaRPr>
          </a:p>
          <a:p>
            <a:pPr marL="198191">
              <a:spcBef>
                <a:spcPts val="21"/>
              </a:spcBef>
            </a:pPr>
            <a:r>
              <a:rPr sz="727" dirty="0">
                <a:latin typeface="Microsoft JhengHei"/>
                <a:cs typeface="Microsoft JhengHei"/>
              </a:rPr>
              <a:t>規定の整備</a:t>
            </a:r>
            <a:endParaRPr sz="727">
              <a:latin typeface="Microsoft JhengHei"/>
              <a:cs typeface="Microsoft JhengHei"/>
            </a:endParaRPr>
          </a:p>
          <a:p>
            <a:pPr marL="104254">
              <a:spcBef>
                <a:spcPts val="9"/>
              </a:spcBef>
            </a:pPr>
            <a:r>
              <a:rPr sz="727" dirty="0">
                <a:latin typeface="Microsoft JhengHei"/>
                <a:cs typeface="Microsoft JhengHei"/>
              </a:rPr>
              <a:t>・下請負人保護に関する規定の新設</a:t>
            </a:r>
            <a:endParaRPr sz="727">
              <a:latin typeface="Microsoft JhengHei"/>
              <a:cs typeface="Microsoft JhengHei"/>
            </a:endParaRPr>
          </a:p>
        </p:txBody>
      </p:sp>
      <p:sp>
        <p:nvSpPr>
          <p:cNvPr id="44" name="object 44"/>
          <p:cNvSpPr/>
          <p:nvPr/>
        </p:nvSpPr>
        <p:spPr>
          <a:xfrm>
            <a:off x="1728021" y="4041169"/>
            <a:ext cx="1057207" cy="874762"/>
          </a:xfrm>
          <a:custGeom>
            <a:avLst/>
            <a:gdLst/>
            <a:ahLst/>
            <a:cxnLst/>
            <a:rect l="l" t="t" r="r" b="b"/>
            <a:pathLst>
              <a:path w="1236345" h="1022985">
                <a:moveTo>
                  <a:pt x="82296" y="940308"/>
                </a:moveTo>
                <a:lnTo>
                  <a:pt x="54864" y="940308"/>
                </a:lnTo>
                <a:lnTo>
                  <a:pt x="54864" y="592836"/>
                </a:lnTo>
                <a:lnTo>
                  <a:pt x="27432" y="592836"/>
                </a:lnTo>
                <a:lnTo>
                  <a:pt x="27432" y="940308"/>
                </a:lnTo>
                <a:lnTo>
                  <a:pt x="0" y="940308"/>
                </a:lnTo>
                <a:lnTo>
                  <a:pt x="41148" y="1022604"/>
                </a:lnTo>
                <a:lnTo>
                  <a:pt x="75438" y="954024"/>
                </a:lnTo>
                <a:lnTo>
                  <a:pt x="82296" y="940308"/>
                </a:lnTo>
                <a:close/>
              </a:path>
              <a:path w="1236345" h="1022985">
                <a:moveTo>
                  <a:pt x="740664" y="600456"/>
                </a:moveTo>
                <a:lnTo>
                  <a:pt x="713232" y="600456"/>
                </a:lnTo>
                <a:lnTo>
                  <a:pt x="713232" y="254508"/>
                </a:lnTo>
                <a:lnTo>
                  <a:pt x="685800" y="254508"/>
                </a:lnTo>
                <a:lnTo>
                  <a:pt x="685800" y="600456"/>
                </a:lnTo>
                <a:lnTo>
                  <a:pt x="658368" y="600456"/>
                </a:lnTo>
                <a:lnTo>
                  <a:pt x="699516" y="682752"/>
                </a:lnTo>
                <a:lnTo>
                  <a:pt x="733793" y="614172"/>
                </a:lnTo>
                <a:lnTo>
                  <a:pt x="740664" y="600456"/>
                </a:lnTo>
                <a:close/>
              </a:path>
              <a:path w="1236345" h="1022985">
                <a:moveTo>
                  <a:pt x="1235964" y="345948"/>
                </a:moveTo>
                <a:lnTo>
                  <a:pt x="1208532" y="345948"/>
                </a:lnTo>
                <a:lnTo>
                  <a:pt x="1208532" y="0"/>
                </a:lnTo>
                <a:lnTo>
                  <a:pt x="1181100" y="0"/>
                </a:lnTo>
                <a:lnTo>
                  <a:pt x="1181100" y="345948"/>
                </a:lnTo>
                <a:lnTo>
                  <a:pt x="1153668" y="345948"/>
                </a:lnTo>
                <a:lnTo>
                  <a:pt x="1194816" y="428244"/>
                </a:lnTo>
                <a:lnTo>
                  <a:pt x="1229106" y="359664"/>
                </a:lnTo>
                <a:lnTo>
                  <a:pt x="1235964" y="345948"/>
                </a:lnTo>
                <a:close/>
              </a:path>
            </a:pathLst>
          </a:custGeom>
          <a:solidFill>
            <a:srgbClr val="000000"/>
          </a:solidFill>
        </p:spPr>
        <p:txBody>
          <a:bodyPr wrap="square" lIns="0" tIns="0" rIns="0" bIns="0" rtlCol="0"/>
          <a:lstStyle/>
          <a:p>
            <a:endParaRPr sz="1539"/>
          </a:p>
        </p:txBody>
      </p:sp>
      <p:sp>
        <p:nvSpPr>
          <p:cNvPr id="45" name="object 45"/>
          <p:cNvSpPr txBox="1"/>
          <p:nvPr/>
        </p:nvSpPr>
        <p:spPr>
          <a:xfrm>
            <a:off x="1671623" y="3187425"/>
            <a:ext cx="190245" cy="1147887"/>
          </a:xfrm>
          <a:prstGeom prst="rect">
            <a:avLst/>
          </a:prstGeom>
        </p:spPr>
        <p:txBody>
          <a:bodyPr vert="eaVert" wrap="square" lIns="0" tIns="0" rIns="0" bIns="0" rtlCol="0">
            <a:spAutoFit/>
          </a:bodyPr>
          <a:lstStyle/>
          <a:p>
            <a:pPr marL="104254" indent="-93394">
              <a:lnSpc>
                <a:spcPct val="70000"/>
              </a:lnSpc>
              <a:buSzPct val="88235"/>
              <a:buChar char="○"/>
              <a:tabLst>
                <a:tab pos="104254" algn="l"/>
              </a:tabLst>
            </a:pPr>
            <a:r>
              <a:rPr sz="727" b="1" dirty="0">
                <a:latin typeface="UD デジタル 教科書体 NK-B"/>
                <a:cs typeface="UD デジタル 教科書体 NK-B"/>
              </a:rPr>
              <a:t>昭和三十九年</a:t>
            </a:r>
            <a:endParaRPr sz="727">
              <a:latin typeface="UD デジタル 教科書体 NK-B"/>
              <a:cs typeface="UD デジタル 教科書体 NK-B"/>
            </a:endParaRPr>
          </a:p>
          <a:p>
            <a:pPr marL="104254">
              <a:spcBef>
                <a:spcPts val="21"/>
              </a:spcBef>
            </a:pPr>
            <a:r>
              <a:rPr sz="727" dirty="0">
                <a:latin typeface="Microsoft JhengHei"/>
                <a:cs typeface="Microsoft JhengHei"/>
              </a:rPr>
              <a:t>・東京オリンピック開催</a:t>
            </a:r>
            <a:endParaRPr sz="727">
              <a:latin typeface="Microsoft JhengHei"/>
              <a:cs typeface="Microsoft JhengHei"/>
            </a:endParaRPr>
          </a:p>
        </p:txBody>
      </p:sp>
      <p:sp>
        <p:nvSpPr>
          <p:cNvPr id="46" name="object 46"/>
          <p:cNvSpPr txBox="1"/>
          <p:nvPr/>
        </p:nvSpPr>
        <p:spPr>
          <a:xfrm>
            <a:off x="2218743" y="3217399"/>
            <a:ext cx="190245" cy="864988"/>
          </a:xfrm>
          <a:prstGeom prst="rect">
            <a:avLst/>
          </a:prstGeom>
        </p:spPr>
        <p:txBody>
          <a:bodyPr vert="eaVert" wrap="square" lIns="0" tIns="0" rIns="0" bIns="0" rtlCol="0">
            <a:spAutoFit/>
          </a:bodyPr>
          <a:lstStyle/>
          <a:p>
            <a:pPr marL="104254" indent="-93394">
              <a:lnSpc>
                <a:spcPct val="70000"/>
              </a:lnSpc>
              <a:buSzPct val="88235"/>
              <a:buChar char="○"/>
              <a:tabLst>
                <a:tab pos="104254" algn="l"/>
              </a:tabLst>
            </a:pPr>
            <a:r>
              <a:rPr sz="727" b="1" dirty="0">
                <a:latin typeface="UD デジタル 教科書体 NK-B"/>
                <a:cs typeface="UD デジタル 教科書体 NK-B"/>
              </a:rPr>
              <a:t>昭和四十三年</a:t>
            </a:r>
            <a:endParaRPr sz="727">
              <a:latin typeface="UD デジタル 教科書体 NK-B"/>
              <a:cs typeface="UD デジタル 教科書体 NK-B"/>
            </a:endParaRPr>
          </a:p>
          <a:p>
            <a:pPr marL="104254">
              <a:spcBef>
                <a:spcPts val="30"/>
              </a:spcBef>
            </a:pPr>
            <a:r>
              <a:rPr sz="727" dirty="0">
                <a:latin typeface="Microsoft JhengHei"/>
                <a:cs typeface="Microsoft JhengHei"/>
              </a:rPr>
              <a:t>・霞が関ビ</a:t>
            </a:r>
            <a:r>
              <a:rPr sz="727" spc="-13" dirty="0">
                <a:latin typeface="Microsoft JhengHei"/>
                <a:cs typeface="Microsoft JhengHei"/>
              </a:rPr>
              <a:t>ル</a:t>
            </a:r>
            <a:r>
              <a:rPr sz="727" dirty="0">
                <a:latin typeface="Microsoft JhengHei"/>
                <a:cs typeface="Microsoft JhengHei"/>
              </a:rPr>
              <a:t>竣工</a:t>
            </a:r>
            <a:endParaRPr sz="727">
              <a:latin typeface="Microsoft JhengHei"/>
              <a:cs typeface="Microsoft JhengHei"/>
            </a:endParaRPr>
          </a:p>
        </p:txBody>
      </p:sp>
      <p:sp>
        <p:nvSpPr>
          <p:cNvPr id="47" name="object 47"/>
          <p:cNvSpPr/>
          <p:nvPr/>
        </p:nvSpPr>
        <p:spPr>
          <a:xfrm>
            <a:off x="449598" y="896589"/>
            <a:ext cx="8244261" cy="823719"/>
          </a:xfrm>
          <a:custGeom>
            <a:avLst/>
            <a:gdLst/>
            <a:ahLst/>
            <a:cxnLst/>
            <a:rect l="l" t="t" r="r" b="b"/>
            <a:pathLst>
              <a:path w="9641205" h="963294">
                <a:moveTo>
                  <a:pt x="9485376" y="0"/>
                </a:moveTo>
                <a:lnTo>
                  <a:pt x="153924" y="0"/>
                </a:lnTo>
                <a:lnTo>
                  <a:pt x="137160" y="3048"/>
                </a:lnTo>
                <a:lnTo>
                  <a:pt x="89915" y="21336"/>
                </a:lnTo>
                <a:lnTo>
                  <a:pt x="50292" y="50292"/>
                </a:lnTo>
                <a:lnTo>
                  <a:pt x="21335" y="89916"/>
                </a:lnTo>
                <a:lnTo>
                  <a:pt x="3048" y="137159"/>
                </a:lnTo>
                <a:lnTo>
                  <a:pt x="1524" y="155448"/>
                </a:lnTo>
                <a:lnTo>
                  <a:pt x="0" y="172212"/>
                </a:lnTo>
                <a:lnTo>
                  <a:pt x="0" y="792480"/>
                </a:lnTo>
                <a:lnTo>
                  <a:pt x="1524" y="809244"/>
                </a:lnTo>
                <a:lnTo>
                  <a:pt x="4571" y="827532"/>
                </a:lnTo>
                <a:lnTo>
                  <a:pt x="9143" y="842772"/>
                </a:lnTo>
                <a:lnTo>
                  <a:pt x="13715" y="859536"/>
                </a:lnTo>
                <a:lnTo>
                  <a:pt x="21335" y="874776"/>
                </a:lnTo>
                <a:lnTo>
                  <a:pt x="39624" y="902208"/>
                </a:lnTo>
                <a:lnTo>
                  <a:pt x="51815" y="912876"/>
                </a:lnTo>
                <a:lnTo>
                  <a:pt x="64007" y="925068"/>
                </a:lnTo>
                <a:lnTo>
                  <a:pt x="91440" y="943356"/>
                </a:lnTo>
                <a:lnTo>
                  <a:pt x="121920" y="955548"/>
                </a:lnTo>
                <a:lnTo>
                  <a:pt x="138684" y="960120"/>
                </a:lnTo>
                <a:lnTo>
                  <a:pt x="155448" y="963168"/>
                </a:lnTo>
                <a:lnTo>
                  <a:pt x="9486900" y="963168"/>
                </a:lnTo>
                <a:lnTo>
                  <a:pt x="9537192" y="949451"/>
                </a:lnTo>
                <a:lnTo>
                  <a:pt x="9572026" y="929639"/>
                </a:lnTo>
                <a:lnTo>
                  <a:pt x="172212" y="929639"/>
                </a:lnTo>
                <a:lnTo>
                  <a:pt x="156972" y="928115"/>
                </a:lnTo>
                <a:lnTo>
                  <a:pt x="106679" y="912876"/>
                </a:lnTo>
                <a:lnTo>
                  <a:pt x="74676" y="888492"/>
                </a:lnTo>
                <a:lnTo>
                  <a:pt x="50292" y="856488"/>
                </a:lnTo>
                <a:lnTo>
                  <a:pt x="36576" y="818388"/>
                </a:lnTo>
                <a:lnTo>
                  <a:pt x="35051" y="804672"/>
                </a:lnTo>
                <a:lnTo>
                  <a:pt x="35051" y="156972"/>
                </a:lnTo>
                <a:lnTo>
                  <a:pt x="45720" y="117348"/>
                </a:lnTo>
                <a:lnTo>
                  <a:pt x="67056" y="83820"/>
                </a:lnTo>
                <a:lnTo>
                  <a:pt x="96012" y="56388"/>
                </a:lnTo>
                <a:lnTo>
                  <a:pt x="132588" y="39624"/>
                </a:lnTo>
                <a:lnTo>
                  <a:pt x="160020" y="33527"/>
                </a:lnTo>
                <a:lnTo>
                  <a:pt x="9571482" y="33527"/>
                </a:lnTo>
                <a:lnTo>
                  <a:pt x="9550908" y="19812"/>
                </a:lnTo>
                <a:lnTo>
                  <a:pt x="9535668" y="12192"/>
                </a:lnTo>
                <a:lnTo>
                  <a:pt x="9518904" y="7620"/>
                </a:lnTo>
                <a:lnTo>
                  <a:pt x="9503664" y="3048"/>
                </a:lnTo>
                <a:lnTo>
                  <a:pt x="9485376" y="0"/>
                </a:lnTo>
                <a:close/>
              </a:path>
              <a:path w="9641205" h="963294">
                <a:moveTo>
                  <a:pt x="9571482" y="33527"/>
                </a:moveTo>
                <a:lnTo>
                  <a:pt x="9468612" y="33527"/>
                </a:lnTo>
                <a:lnTo>
                  <a:pt x="9483852" y="35051"/>
                </a:lnTo>
                <a:lnTo>
                  <a:pt x="9497568" y="36575"/>
                </a:lnTo>
                <a:lnTo>
                  <a:pt x="9535668" y="50292"/>
                </a:lnTo>
                <a:lnTo>
                  <a:pt x="9567672" y="74675"/>
                </a:lnTo>
                <a:lnTo>
                  <a:pt x="9596628" y="118872"/>
                </a:lnTo>
                <a:lnTo>
                  <a:pt x="9607296" y="172212"/>
                </a:lnTo>
                <a:lnTo>
                  <a:pt x="9607296" y="790956"/>
                </a:lnTo>
                <a:lnTo>
                  <a:pt x="9605772" y="806196"/>
                </a:lnTo>
                <a:lnTo>
                  <a:pt x="9604248" y="819912"/>
                </a:lnTo>
                <a:lnTo>
                  <a:pt x="9601200" y="833627"/>
                </a:lnTo>
                <a:lnTo>
                  <a:pt x="9595104" y="845820"/>
                </a:lnTo>
                <a:lnTo>
                  <a:pt x="9590532" y="858012"/>
                </a:lnTo>
                <a:lnTo>
                  <a:pt x="9575292" y="879348"/>
                </a:lnTo>
                <a:lnTo>
                  <a:pt x="9566148" y="890015"/>
                </a:lnTo>
                <a:lnTo>
                  <a:pt x="9555480" y="897636"/>
                </a:lnTo>
                <a:lnTo>
                  <a:pt x="9544812" y="906780"/>
                </a:lnTo>
                <a:lnTo>
                  <a:pt x="9509760" y="923544"/>
                </a:lnTo>
                <a:lnTo>
                  <a:pt x="9468612" y="929639"/>
                </a:lnTo>
                <a:lnTo>
                  <a:pt x="9572026" y="929639"/>
                </a:lnTo>
                <a:lnTo>
                  <a:pt x="9602724" y="900684"/>
                </a:lnTo>
                <a:lnTo>
                  <a:pt x="9628632" y="858012"/>
                </a:lnTo>
                <a:lnTo>
                  <a:pt x="9640824" y="807720"/>
                </a:lnTo>
                <a:lnTo>
                  <a:pt x="9640824" y="152400"/>
                </a:lnTo>
                <a:lnTo>
                  <a:pt x="9627108" y="103631"/>
                </a:lnTo>
                <a:lnTo>
                  <a:pt x="9601200" y="60959"/>
                </a:lnTo>
                <a:lnTo>
                  <a:pt x="9578340" y="38100"/>
                </a:lnTo>
                <a:lnTo>
                  <a:pt x="9571482" y="33527"/>
                </a:lnTo>
                <a:close/>
              </a:path>
            </a:pathLst>
          </a:custGeom>
          <a:solidFill>
            <a:srgbClr val="4F80BC"/>
          </a:solidFill>
        </p:spPr>
        <p:txBody>
          <a:bodyPr wrap="square" lIns="0" tIns="0" rIns="0" bIns="0" rtlCol="0"/>
          <a:lstStyle/>
          <a:p>
            <a:endParaRPr sz="1539"/>
          </a:p>
        </p:txBody>
      </p:sp>
      <p:sp>
        <p:nvSpPr>
          <p:cNvPr id="48" name="object 48"/>
          <p:cNvSpPr txBox="1"/>
          <p:nvPr/>
        </p:nvSpPr>
        <p:spPr>
          <a:xfrm>
            <a:off x="350122" y="1078601"/>
            <a:ext cx="7942900" cy="844009"/>
          </a:xfrm>
          <a:prstGeom prst="rect">
            <a:avLst/>
          </a:prstGeom>
        </p:spPr>
        <p:txBody>
          <a:bodyPr vert="horz" wrap="square" lIns="0" tIns="9774" rIns="0" bIns="0" rtlCol="0">
            <a:spAutoFit/>
          </a:bodyPr>
          <a:lstStyle/>
          <a:p>
            <a:pPr marL="426246" marR="4344" indent="-187874">
              <a:lnSpc>
                <a:spcPct val="101200"/>
              </a:lnSpc>
              <a:spcBef>
                <a:spcPts val="77"/>
              </a:spcBef>
              <a:buChar char="○"/>
              <a:tabLst>
                <a:tab pos="426246" algn="l"/>
                <a:tab pos="614120" algn="l"/>
              </a:tabLst>
            </a:pPr>
            <a:r>
              <a:rPr sz="1454" dirty="0">
                <a:latin typeface="ＭＳ ゴシック"/>
                <a:cs typeface="ＭＳ ゴシック"/>
              </a:rPr>
              <a:t>	下請比率（下請完成工事高÷元請完成工事高）</a:t>
            </a:r>
            <a:r>
              <a:rPr sz="1454" spc="-4" dirty="0">
                <a:latin typeface="ＭＳ ゴシック"/>
                <a:cs typeface="ＭＳ ゴシック"/>
              </a:rPr>
              <a:t>は下請構造の重層化に伴って上昇傾向に</a:t>
            </a:r>
            <a:r>
              <a:rPr sz="1454" dirty="0">
                <a:latin typeface="ＭＳ ゴシック"/>
                <a:cs typeface="ＭＳ ゴシック"/>
              </a:rPr>
              <a:t>あったが、近年では50</a:t>
            </a:r>
            <a:r>
              <a:rPr sz="1454" spc="-9" dirty="0">
                <a:latin typeface="ＭＳ ゴシック"/>
                <a:cs typeface="ＭＳ ゴシック"/>
              </a:rPr>
              <a:t>％後半で推移。</a:t>
            </a:r>
            <a:endParaRPr sz="1454" dirty="0">
              <a:latin typeface="ＭＳ ゴシック"/>
              <a:cs typeface="ＭＳ ゴシック"/>
            </a:endParaRPr>
          </a:p>
          <a:p>
            <a:pPr marL="10860">
              <a:spcBef>
                <a:spcPts val="1753"/>
              </a:spcBef>
            </a:pPr>
            <a:r>
              <a:rPr sz="983" dirty="0">
                <a:latin typeface="ＭＳ Ｐゴシック"/>
                <a:cs typeface="ＭＳ Ｐゴシック"/>
              </a:rPr>
              <a:t>（兆円</a:t>
            </a:r>
            <a:r>
              <a:rPr sz="983" spc="-43" dirty="0">
                <a:latin typeface="ＭＳ Ｐゴシック"/>
                <a:cs typeface="ＭＳ Ｐゴシック"/>
              </a:rPr>
              <a:t>）</a:t>
            </a:r>
            <a:endParaRPr sz="983" dirty="0">
              <a:latin typeface="ＭＳ Ｐゴシック"/>
              <a:cs typeface="ＭＳ Ｐゴシック"/>
            </a:endParaRPr>
          </a:p>
        </p:txBody>
      </p:sp>
      <p:sp>
        <p:nvSpPr>
          <p:cNvPr id="49" name="object 49"/>
          <p:cNvSpPr txBox="1"/>
          <p:nvPr/>
        </p:nvSpPr>
        <p:spPr>
          <a:xfrm>
            <a:off x="6336076" y="6218359"/>
            <a:ext cx="2718765" cy="266478"/>
          </a:xfrm>
          <a:prstGeom prst="rect">
            <a:avLst/>
          </a:prstGeom>
        </p:spPr>
        <p:txBody>
          <a:bodyPr vert="horz" wrap="square" lIns="0" tIns="9774" rIns="0" bIns="0" rtlCol="0">
            <a:spAutoFit/>
          </a:bodyPr>
          <a:lstStyle/>
          <a:p>
            <a:pPr marL="32579">
              <a:spcBef>
                <a:spcPts val="77"/>
              </a:spcBef>
            </a:pPr>
            <a:r>
              <a:rPr sz="941" spc="-17" dirty="0">
                <a:latin typeface="メイリオ"/>
                <a:cs typeface="メイリオ"/>
              </a:rPr>
              <a:t>出所：国土交通省「建設工事施工統計調査」</a:t>
            </a:r>
            <a:r>
              <a:rPr sz="2501" spc="-32" baseline="-29914" dirty="0">
                <a:latin typeface="Arial"/>
                <a:cs typeface="Arial"/>
              </a:rPr>
              <a:t>31</a:t>
            </a:r>
            <a:endParaRPr sz="2501" baseline="-29914">
              <a:latin typeface="Arial"/>
              <a:cs typeface="Arial"/>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p:nvPr/>
        </p:nvSpPr>
        <p:spPr>
          <a:xfrm>
            <a:off x="3719284" y="5356082"/>
            <a:ext cx="62987" cy="8145"/>
          </a:xfrm>
          <a:custGeom>
            <a:avLst/>
            <a:gdLst/>
            <a:ahLst/>
            <a:cxnLst/>
            <a:rect l="l" t="t" r="r" b="b"/>
            <a:pathLst>
              <a:path w="73660" h="9525">
                <a:moveTo>
                  <a:pt x="0" y="9144"/>
                </a:moveTo>
                <a:lnTo>
                  <a:pt x="73151" y="9144"/>
                </a:lnTo>
                <a:lnTo>
                  <a:pt x="73151" y="0"/>
                </a:lnTo>
                <a:lnTo>
                  <a:pt x="0" y="0"/>
                </a:lnTo>
                <a:lnTo>
                  <a:pt x="0" y="9144"/>
                </a:lnTo>
                <a:close/>
              </a:path>
            </a:pathLst>
          </a:custGeom>
          <a:solidFill>
            <a:srgbClr val="BFBFBF"/>
          </a:solidFill>
        </p:spPr>
        <p:txBody>
          <a:bodyPr wrap="square" lIns="0" tIns="0" rIns="0" bIns="0" rtlCol="0"/>
          <a:lstStyle/>
          <a:p>
            <a:endParaRPr sz="1539"/>
          </a:p>
        </p:txBody>
      </p:sp>
      <p:sp>
        <p:nvSpPr>
          <p:cNvPr id="4" name="object 4"/>
          <p:cNvSpPr/>
          <p:nvPr/>
        </p:nvSpPr>
        <p:spPr>
          <a:xfrm>
            <a:off x="3876970"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 name="object 5"/>
          <p:cNvSpPr/>
          <p:nvPr/>
        </p:nvSpPr>
        <p:spPr>
          <a:xfrm>
            <a:off x="4097207" y="5356082"/>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6" name="object 6"/>
          <p:cNvSpPr/>
          <p:nvPr/>
        </p:nvSpPr>
        <p:spPr>
          <a:xfrm>
            <a:off x="4317445"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7" name="object 7"/>
          <p:cNvSpPr/>
          <p:nvPr/>
        </p:nvSpPr>
        <p:spPr>
          <a:xfrm>
            <a:off x="4538986" y="5356082"/>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8" name="object 8"/>
          <p:cNvSpPr/>
          <p:nvPr/>
        </p:nvSpPr>
        <p:spPr>
          <a:xfrm>
            <a:off x="4759224"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9" name="object 9"/>
          <p:cNvSpPr/>
          <p:nvPr/>
        </p:nvSpPr>
        <p:spPr>
          <a:xfrm>
            <a:off x="4980766"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0" name="object 10"/>
          <p:cNvSpPr/>
          <p:nvPr/>
        </p:nvSpPr>
        <p:spPr>
          <a:xfrm>
            <a:off x="5201004"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1" name="object 11"/>
          <p:cNvSpPr/>
          <p:nvPr/>
        </p:nvSpPr>
        <p:spPr>
          <a:xfrm>
            <a:off x="5422545"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2" name="object 12"/>
          <p:cNvSpPr/>
          <p:nvPr/>
        </p:nvSpPr>
        <p:spPr>
          <a:xfrm>
            <a:off x="5642782"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3" name="object 13"/>
          <p:cNvSpPr/>
          <p:nvPr/>
        </p:nvSpPr>
        <p:spPr>
          <a:xfrm>
            <a:off x="5863020"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4" name="object 14"/>
          <p:cNvSpPr/>
          <p:nvPr/>
        </p:nvSpPr>
        <p:spPr>
          <a:xfrm>
            <a:off x="6084562"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5" name="object 15"/>
          <p:cNvSpPr/>
          <p:nvPr/>
        </p:nvSpPr>
        <p:spPr>
          <a:xfrm>
            <a:off x="6304799" y="5356082"/>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16" name="object 16"/>
          <p:cNvSpPr/>
          <p:nvPr/>
        </p:nvSpPr>
        <p:spPr>
          <a:xfrm>
            <a:off x="6526341"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7" name="object 17"/>
          <p:cNvSpPr/>
          <p:nvPr/>
        </p:nvSpPr>
        <p:spPr>
          <a:xfrm>
            <a:off x="6746578"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8" name="object 18"/>
          <p:cNvSpPr/>
          <p:nvPr/>
        </p:nvSpPr>
        <p:spPr>
          <a:xfrm>
            <a:off x="6968120"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19" name="object 19"/>
          <p:cNvSpPr/>
          <p:nvPr/>
        </p:nvSpPr>
        <p:spPr>
          <a:xfrm>
            <a:off x="7188357"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0" name="object 20"/>
          <p:cNvSpPr/>
          <p:nvPr/>
        </p:nvSpPr>
        <p:spPr>
          <a:xfrm>
            <a:off x="7408595"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1" name="object 21"/>
          <p:cNvSpPr/>
          <p:nvPr/>
        </p:nvSpPr>
        <p:spPr>
          <a:xfrm>
            <a:off x="7630136"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2" name="object 22"/>
          <p:cNvSpPr/>
          <p:nvPr/>
        </p:nvSpPr>
        <p:spPr>
          <a:xfrm>
            <a:off x="7850374"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3" name="object 23"/>
          <p:cNvSpPr/>
          <p:nvPr/>
        </p:nvSpPr>
        <p:spPr>
          <a:xfrm>
            <a:off x="8071915"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4" name="object 24"/>
          <p:cNvSpPr/>
          <p:nvPr/>
        </p:nvSpPr>
        <p:spPr>
          <a:xfrm>
            <a:off x="8292153" y="5356082"/>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25" name="object 25"/>
          <p:cNvSpPr/>
          <p:nvPr/>
        </p:nvSpPr>
        <p:spPr>
          <a:xfrm>
            <a:off x="8513694"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6" name="object 26"/>
          <p:cNvSpPr/>
          <p:nvPr/>
        </p:nvSpPr>
        <p:spPr>
          <a:xfrm>
            <a:off x="8733932" y="5356082"/>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27" name="object 27"/>
          <p:cNvSpPr/>
          <p:nvPr/>
        </p:nvSpPr>
        <p:spPr>
          <a:xfrm>
            <a:off x="8954170" y="5356082"/>
            <a:ext cx="64073" cy="8145"/>
          </a:xfrm>
          <a:custGeom>
            <a:avLst/>
            <a:gdLst/>
            <a:ahLst/>
            <a:cxnLst/>
            <a:rect l="l" t="t" r="r" b="b"/>
            <a:pathLst>
              <a:path w="74929" h="9525">
                <a:moveTo>
                  <a:pt x="0" y="9144"/>
                </a:moveTo>
                <a:lnTo>
                  <a:pt x="74675" y="9144"/>
                </a:lnTo>
                <a:lnTo>
                  <a:pt x="74675" y="0"/>
                </a:lnTo>
                <a:lnTo>
                  <a:pt x="0" y="0"/>
                </a:lnTo>
                <a:lnTo>
                  <a:pt x="0" y="9144"/>
                </a:lnTo>
                <a:close/>
              </a:path>
            </a:pathLst>
          </a:custGeom>
          <a:solidFill>
            <a:srgbClr val="BFBFBF"/>
          </a:solidFill>
        </p:spPr>
        <p:txBody>
          <a:bodyPr wrap="square" lIns="0" tIns="0" rIns="0" bIns="0" rtlCol="0"/>
          <a:lstStyle/>
          <a:p>
            <a:endParaRPr sz="1539"/>
          </a:p>
        </p:txBody>
      </p:sp>
      <p:sp>
        <p:nvSpPr>
          <p:cNvPr id="28" name="object 28"/>
          <p:cNvSpPr/>
          <p:nvPr/>
        </p:nvSpPr>
        <p:spPr>
          <a:xfrm>
            <a:off x="3719284" y="4347419"/>
            <a:ext cx="62987" cy="8145"/>
          </a:xfrm>
          <a:custGeom>
            <a:avLst/>
            <a:gdLst/>
            <a:ahLst/>
            <a:cxnLst/>
            <a:rect l="l" t="t" r="r" b="b"/>
            <a:pathLst>
              <a:path w="73660" h="9525">
                <a:moveTo>
                  <a:pt x="0" y="9144"/>
                </a:moveTo>
                <a:lnTo>
                  <a:pt x="73151" y="9144"/>
                </a:lnTo>
                <a:lnTo>
                  <a:pt x="73151" y="0"/>
                </a:lnTo>
                <a:lnTo>
                  <a:pt x="0" y="0"/>
                </a:lnTo>
                <a:lnTo>
                  <a:pt x="0" y="9144"/>
                </a:lnTo>
                <a:close/>
              </a:path>
            </a:pathLst>
          </a:custGeom>
          <a:solidFill>
            <a:srgbClr val="BFBFBF"/>
          </a:solidFill>
        </p:spPr>
        <p:txBody>
          <a:bodyPr wrap="square" lIns="0" tIns="0" rIns="0" bIns="0" rtlCol="0"/>
          <a:lstStyle/>
          <a:p>
            <a:endParaRPr sz="1539"/>
          </a:p>
        </p:txBody>
      </p:sp>
      <p:sp>
        <p:nvSpPr>
          <p:cNvPr id="29" name="object 29"/>
          <p:cNvSpPr/>
          <p:nvPr/>
        </p:nvSpPr>
        <p:spPr>
          <a:xfrm>
            <a:off x="3876970"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0" name="object 30"/>
          <p:cNvSpPr/>
          <p:nvPr/>
        </p:nvSpPr>
        <p:spPr>
          <a:xfrm>
            <a:off x="4097207" y="4347419"/>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31" name="object 31"/>
          <p:cNvSpPr/>
          <p:nvPr/>
        </p:nvSpPr>
        <p:spPr>
          <a:xfrm>
            <a:off x="4317445"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2" name="object 32"/>
          <p:cNvSpPr/>
          <p:nvPr/>
        </p:nvSpPr>
        <p:spPr>
          <a:xfrm>
            <a:off x="4538986" y="4347419"/>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33" name="object 33"/>
          <p:cNvSpPr/>
          <p:nvPr/>
        </p:nvSpPr>
        <p:spPr>
          <a:xfrm>
            <a:off x="4759224"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4" name="object 34"/>
          <p:cNvSpPr/>
          <p:nvPr/>
        </p:nvSpPr>
        <p:spPr>
          <a:xfrm>
            <a:off x="4980766"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5" name="object 35"/>
          <p:cNvSpPr/>
          <p:nvPr/>
        </p:nvSpPr>
        <p:spPr>
          <a:xfrm>
            <a:off x="5201004"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6" name="object 36"/>
          <p:cNvSpPr/>
          <p:nvPr/>
        </p:nvSpPr>
        <p:spPr>
          <a:xfrm>
            <a:off x="5422545"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7" name="object 37"/>
          <p:cNvSpPr/>
          <p:nvPr/>
        </p:nvSpPr>
        <p:spPr>
          <a:xfrm>
            <a:off x="5642782"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8" name="object 38"/>
          <p:cNvSpPr/>
          <p:nvPr/>
        </p:nvSpPr>
        <p:spPr>
          <a:xfrm>
            <a:off x="5863020"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39" name="object 39"/>
          <p:cNvSpPr/>
          <p:nvPr/>
        </p:nvSpPr>
        <p:spPr>
          <a:xfrm>
            <a:off x="6084562"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0" name="object 40"/>
          <p:cNvSpPr/>
          <p:nvPr/>
        </p:nvSpPr>
        <p:spPr>
          <a:xfrm>
            <a:off x="6304799" y="4347419"/>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41" name="object 41"/>
          <p:cNvSpPr/>
          <p:nvPr/>
        </p:nvSpPr>
        <p:spPr>
          <a:xfrm>
            <a:off x="6526341"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2" name="object 42"/>
          <p:cNvSpPr/>
          <p:nvPr/>
        </p:nvSpPr>
        <p:spPr>
          <a:xfrm>
            <a:off x="6746578"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3" name="object 43"/>
          <p:cNvSpPr/>
          <p:nvPr/>
        </p:nvSpPr>
        <p:spPr>
          <a:xfrm>
            <a:off x="6968120"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4" name="object 44"/>
          <p:cNvSpPr/>
          <p:nvPr/>
        </p:nvSpPr>
        <p:spPr>
          <a:xfrm>
            <a:off x="7188357" y="4347419"/>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5" name="object 45"/>
          <p:cNvSpPr/>
          <p:nvPr/>
        </p:nvSpPr>
        <p:spPr>
          <a:xfrm>
            <a:off x="3719284" y="3338755"/>
            <a:ext cx="62987" cy="8145"/>
          </a:xfrm>
          <a:custGeom>
            <a:avLst/>
            <a:gdLst/>
            <a:ahLst/>
            <a:cxnLst/>
            <a:rect l="l" t="t" r="r" b="b"/>
            <a:pathLst>
              <a:path w="73660" h="9525">
                <a:moveTo>
                  <a:pt x="0" y="9144"/>
                </a:moveTo>
                <a:lnTo>
                  <a:pt x="73151" y="9144"/>
                </a:lnTo>
                <a:lnTo>
                  <a:pt x="73151" y="0"/>
                </a:lnTo>
                <a:lnTo>
                  <a:pt x="0" y="0"/>
                </a:lnTo>
                <a:lnTo>
                  <a:pt x="0" y="9144"/>
                </a:lnTo>
                <a:close/>
              </a:path>
            </a:pathLst>
          </a:custGeom>
          <a:solidFill>
            <a:srgbClr val="BFBFBF"/>
          </a:solidFill>
        </p:spPr>
        <p:txBody>
          <a:bodyPr wrap="square" lIns="0" tIns="0" rIns="0" bIns="0" rtlCol="0"/>
          <a:lstStyle/>
          <a:p>
            <a:endParaRPr sz="1539"/>
          </a:p>
        </p:txBody>
      </p:sp>
      <p:sp>
        <p:nvSpPr>
          <p:cNvPr id="46" name="object 46"/>
          <p:cNvSpPr/>
          <p:nvPr/>
        </p:nvSpPr>
        <p:spPr>
          <a:xfrm>
            <a:off x="3876970"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7" name="object 47"/>
          <p:cNvSpPr/>
          <p:nvPr/>
        </p:nvSpPr>
        <p:spPr>
          <a:xfrm>
            <a:off x="4097207" y="3338755"/>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48" name="object 48"/>
          <p:cNvSpPr/>
          <p:nvPr/>
        </p:nvSpPr>
        <p:spPr>
          <a:xfrm>
            <a:off x="4317445"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49" name="object 49"/>
          <p:cNvSpPr/>
          <p:nvPr/>
        </p:nvSpPr>
        <p:spPr>
          <a:xfrm>
            <a:off x="4538986" y="3338755"/>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50" name="object 50"/>
          <p:cNvSpPr/>
          <p:nvPr/>
        </p:nvSpPr>
        <p:spPr>
          <a:xfrm>
            <a:off x="4759224"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1" name="object 51"/>
          <p:cNvSpPr/>
          <p:nvPr/>
        </p:nvSpPr>
        <p:spPr>
          <a:xfrm>
            <a:off x="4980766"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2" name="object 52"/>
          <p:cNvSpPr/>
          <p:nvPr/>
        </p:nvSpPr>
        <p:spPr>
          <a:xfrm>
            <a:off x="5201004"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3" name="object 53"/>
          <p:cNvSpPr/>
          <p:nvPr/>
        </p:nvSpPr>
        <p:spPr>
          <a:xfrm>
            <a:off x="5422545"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4" name="object 54"/>
          <p:cNvSpPr/>
          <p:nvPr/>
        </p:nvSpPr>
        <p:spPr>
          <a:xfrm>
            <a:off x="5642782"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5" name="object 55"/>
          <p:cNvSpPr/>
          <p:nvPr/>
        </p:nvSpPr>
        <p:spPr>
          <a:xfrm>
            <a:off x="5863020"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6" name="object 56"/>
          <p:cNvSpPr/>
          <p:nvPr/>
        </p:nvSpPr>
        <p:spPr>
          <a:xfrm>
            <a:off x="6084562" y="3338755"/>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57" name="object 57"/>
          <p:cNvSpPr/>
          <p:nvPr/>
        </p:nvSpPr>
        <p:spPr>
          <a:xfrm>
            <a:off x="6304799" y="3338755"/>
            <a:ext cx="2713335" cy="8145"/>
          </a:xfrm>
          <a:custGeom>
            <a:avLst/>
            <a:gdLst/>
            <a:ahLst/>
            <a:cxnLst/>
            <a:rect l="l" t="t" r="r" b="b"/>
            <a:pathLst>
              <a:path w="3173095" h="9525">
                <a:moveTo>
                  <a:pt x="0" y="9144"/>
                </a:moveTo>
                <a:lnTo>
                  <a:pt x="3172968" y="9144"/>
                </a:lnTo>
                <a:lnTo>
                  <a:pt x="3172968" y="0"/>
                </a:lnTo>
                <a:lnTo>
                  <a:pt x="0" y="0"/>
                </a:lnTo>
                <a:lnTo>
                  <a:pt x="0" y="9144"/>
                </a:lnTo>
                <a:close/>
              </a:path>
            </a:pathLst>
          </a:custGeom>
          <a:solidFill>
            <a:srgbClr val="BFBFBF"/>
          </a:solidFill>
        </p:spPr>
        <p:txBody>
          <a:bodyPr wrap="square" lIns="0" tIns="0" rIns="0" bIns="0" rtlCol="0"/>
          <a:lstStyle/>
          <a:p>
            <a:endParaRPr sz="1539"/>
          </a:p>
        </p:txBody>
      </p:sp>
      <p:sp>
        <p:nvSpPr>
          <p:cNvPr id="58" name="object 58"/>
          <p:cNvSpPr/>
          <p:nvPr/>
        </p:nvSpPr>
        <p:spPr>
          <a:xfrm>
            <a:off x="4097207" y="2330091"/>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59" name="object 59"/>
          <p:cNvSpPr/>
          <p:nvPr/>
        </p:nvSpPr>
        <p:spPr>
          <a:xfrm>
            <a:off x="4317445" y="2330091"/>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60" name="object 60"/>
          <p:cNvSpPr/>
          <p:nvPr/>
        </p:nvSpPr>
        <p:spPr>
          <a:xfrm>
            <a:off x="4538986" y="2330091"/>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BFBFBF"/>
          </a:solidFill>
        </p:spPr>
        <p:txBody>
          <a:bodyPr wrap="square" lIns="0" tIns="0" rIns="0" bIns="0" rtlCol="0"/>
          <a:lstStyle/>
          <a:p>
            <a:endParaRPr sz="1539"/>
          </a:p>
        </p:txBody>
      </p:sp>
      <p:sp>
        <p:nvSpPr>
          <p:cNvPr id="61" name="object 61"/>
          <p:cNvSpPr/>
          <p:nvPr/>
        </p:nvSpPr>
        <p:spPr>
          <a:xfrm>
            <a:off x="4759224" y="2330091"/>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62" name="object 62"/>
          <p:cNvSpPr/>
          <p:nvPr/>
        </p:nvSpPr>
        <p:spPr>
          <a:xfrm>
            <a:off x="4980766" y="2330091"/>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BFBFBF"/>
          </a:solidFill>
        </p:spPr>
        <p:txBody>
          <a:bodyPr wrap="square" lIns="0" tIns="0" rIns="0" bIns="0" rtlCol="0"/>
          <a:lstStyle/>
          <a:p>
            <a:endParaRPr sz="1539"/>
          </a:p>
        </p:txBody>
      </p:sp>
      <p:sp>
        <p:nvSpPr>
          <p:cNvPr id="63" name="object 63"/>
          <p:cNvSpPr/>
          <p:nvPr/>
        </p:nvSpPr>
        <p:spPr>
          <a:xfrm>
            <a:off x="5201003" y="2330091"/>
            <a:ext cx="3817240" cy="8145"/>
          </a:xfrm>
          <a:custGeom>
            <a:avLst/>
            <a:gdLst/>
            <a:ahLst/>
            <a:cxnLst/>
            <a:rect l="l" t="t" r="r" b="b"/>
            <a:pathLst>
              <a:path w="4464050" h="9525">
                <a:moveTo>
                  <a:pt x="0" y="9144"/>
                </a:moveTo>
                <a:lnTo>
                  <a:pt x="4463795" y="9144"/>
                </a:lnTo>
                <a:lnTo>
                  <a:pt x="4463795" y="0"/>
                </a:lnTo>
                <a:lnTo>
                  <a:pt x="0" y="0"/>
                </a:lnTo>
                <a:lnTo>
                  <a:pt x="0" y="9144"/>
                </a:lnTo>
                <a:close/>
              </a:path>
            </a:pathLst>
          </a:custGeom>
          <a:solidFill>
            <a:srgbClr val="BFBFBF"/>
          </a:solidFill>
        </p:spPr>
        <p:txBody>
          <a:bodyPr wrap="square" lIns="0" tIns="0" rIns="0" bIns="0" rtlCol="0"/>
          <a:lstStyle/>
          <a:p>
            <a:endParaRPr sz="1539"/>
          </a:p>
        </p:txBody>
      </p:sp>
      <p:sp>
        <p:nvSpPr>
          <p:cNvPr id="64" name="object 64"/>
          <p:cNvSpPr/>
          <p:nvPr/>
        </p:nvSpPr>
        <p:spPr>
          <a:xfrm>
            <a:off x="3719284" y="4851750"/>
            <a:ext cx="62987" cy="8145"/>
          </a:xfrm>
          <a:custGeom>
            <a:avLst/>
            <a:gdLst/>
            <a:ahLst/>
            <a:cxnLst/>
            <a:rect l="l" t="t" r="r" b="b"/>
            <a:pathLst>
              <a:path w="73660" h="9525">
                <a:moveTo>
                  <a:pt x="0" y="9143"/>
                </a:moveTo>
                <a:lnTo>
                  <a:pt x="73151" y="9143"/>
                </a:lnTo>
                <a:lnTo>
                  <a:pt x="73151" y="0"/>
                </a:lnTo>
                <a:lnTo>
                  <a:pt x="0" y="0"/>
                </a:lnTo>
                <a:lnTo>
                  <a:pt x="0" y="9143"/>
                </a:lnTo>
                <a:close/>
              </a:path>
            </a:pathLst>
          </a:custGeom>
          <a:solidFill>
            <a:srgbClr val="7E7E7E"/>
          </a:solidFill>
        </p:spPr>
        <p:txBody>
          <a:bodyPr wrap="square" lIns="0" tIns="0" rIns="0" bIns="0" rtlCol="0"/>
          <a:lstStyle/>
          <a:p>
            <a:endParaRPr sz="1539"/>
          </a:p>
        </p:txBody>
      </p:sp>
      <p:sp>
        <p:nvSpPr>
          <p:cNvPr id="65" name="object 65"/>
          <p:cNvSpPr/>
          <p:nvPr/>
        </p:nvSpPr>
        <p:spPr>
          <a:xfrm>
            <a:off x="3876970"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66" name="object 66"/>
          <p:cNvSpPr/>
          <p:nvPr/>
        </p:nvSpPr>
        <p:spPr>
          <a:xfrm>
            <a:off x="4097207" y="4851750"/>
            <a:ext cx="126517" cy="8145"/>
          </a:xfrm>
          <a:custGeom>
            <a:avLst/>
            <a:gdLst/>
            <a:ahLst/>
            <a:cxnLst/>
            <a:rect l="l" t="t" r="r" b="b"/>
            <a:pathLst>
              <a:path w="147954" h="9525">
                <a:moveTo>
                  <a:pt x="0" y="9143"/>
                </a:moveTo>
                <a:lnTo>
                  <a:pt x="147828" y="9143"/>
                </a:lnTo>
                <a:lnTo>
                  <a:pt x="147828" y="0"/>
                </a:lnTo>
                <a:lnTo>
                  <a:pt x="0" y="0"/>
                </a:lnTo>
                <a:lnTo>
                  <a:pt x="0" y="9143"/>
                </a:lnTo>
                <a:close/>
              </a:path>
            </a:pathLst>
          </a:custGeom>
          <a:solidFill>
            <a:srgbClr val="7E7E7E"/>
          </a:solidFill>
        </p:spPr>
        <p:txBody>
          <a:bodyPr wrap="square" lIns="0" tIns="0" rIns="0" bIns="0" rtlCol="0"/>
          <a:lstStyle/>
          <a:p>
            <a:endParaRPr sz="1539"/>
          </a:p>
        </p:txBody>
      </p:sp>
      <p:sp>
        <p:nvSpPr>
          <p:cNvPr id="67" name="object 67"/>
          <p:cNvSpPr/>
          <p:nvPr/>
        </p:nvSpPr>
        <p:spPr>
          <a:xfrm>
            <a:off x="4317445"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68" name="object 68"/>
          <p:cNvSpPr/>
          <p:nvPr/>
        </p:nvSpPr>
        <p:spPr>
          <a:xfrm>
            <a:off x="4538986" y="4851750"/>
            <a:ext cx="126517" cy="8145"/>
          </a:xfrm>
          <a:custGeom>
            <a:avLst/>
            <a:gdLst/>
            <a:ahLst/>
            <a:cxnLst/>
            <a:rect l="l" t="t" r="r" b="b"/>
            <a:pathLst>
              <a:path w="147954" h="9525">
                <a:moveTo>
                  <a:pt x="0" y="9143"/>
                </a:moveTo>
                <a:lnTo>
                  <a:pt x="147828" y="9143"/>
                </a:lnTo>
                <a:lnTo>
                  <a:pt x="147828" y="0"/>
                </a:lnTo>
                <a:lnTo>
                  <a:pt x="0" y="0"/>
                </a:lnTo>
                <a:lnTo>
                  <a:pt x="0" y="9143"/>
                </a:lnTo>
                <a:close/>
              </a:path>
            </a:pathLst>
          </a:custGeom>
          <a:solidFill>
            <a:srgbClr val="7E7E7E"/>
          </a:solidFill>
        </p:spPr>
        <p:txBody>
          <a:bodyPr wrap="square" lIns="0" tIns="0" rIns="0" bIns="0" rtlCol="0"/>
          <a:lstStyle/>
          <a:p>
            <a:endParaRPr sz="1539"/>
          </a:p>
        </p:txBody>
      </p:sp>
      <p:sp>
        <p:nvSpPr>
          <p:cNvPr id="69" name="object 69"/>
          <p:cNvSpPr/>
          <p:nvPr/>
        </p:nvSpPr>
        <p:spPr>
          <a:xfrm>
            <a:off x="4759224"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0" name="object 70"/>
          <p:cNvSpPr/>
          <p:nvPr/>
        </p:nvSpPr>
        <p:spPr>
          <a:xfrm>
            <a:off x="4980766"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1" name="object 71"/>
          <p:cNvSpPr/>
          <p:nvPr/>
        </p:nvSpPr>
        <p:spPr>
          <a:xfrm>
            <a:off x="5201004"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2" name="object 72"/>
          <p:cNvSpPr/>
          <p:nvPr/>
        </p:nvSpPr>
        <p:spPr>
          <a:xfrm>
            <a:off x="5422545"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3" name="object 73"/>
          <p:cNvSpPr/>
          <p:nvPr/>
        </p:nvSpPr>
        <p:spPr>
          <a:xfrm>
            <a:off x="5642782"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4" name="object 74"/>
          <p:cNvSpPr/>
          <p:nvPr/>
        </p:nvSpPr>
        <p:spPr>
          <a:xfrm>
            <a:off x="5863020"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5" name="object 75"/>
          <p:cNvSpPr/>
          <p:nvPr/>
        </p:nvSpPr>
        <p:spPr>
          <a:xfrm>
            <a:off x="6084562"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6" name="object 76"/>
          <p:cNvSpPr/>
          <p:nvPr/>
        </p:nvSpPr>
        <p:spPr>
          <a:xfrm>
            <a:off x="6304799" y="4851750"/>
            <a:ext cx="126517" cy="8145"/>
          </a:xfrm>
          <a:custGeom>
            <a:avLst/>
            <a:gdLst/>
            <a:ahLst/>
            <a:cxnLst/>
            <a:rect l="l" t="t" r="r" b="b"/>
            <a:pathLst>
              <a:path w="147954" h="9525">
                <a:moveTo>
                  <a:pt x="0" y="9143"/>
                </a:moveTo>
                <a:lnTo>
                  <a:pt x="147828" y="9143"/>
                </a:lnTo>
                <a:lnTo>
                  <a:pt x="147828" y="0"/>
                </a:lnTo>
                <a:lnTo>
                  <a:pt x="0" y="0"/>
                </a:lnTo>
                <a:lnTo>
                  <a:pt x="0" y="9143"/>
                </a:lnTo>
                <a:close/>
              </a:path>
            </a:pathLst>
          </a:custGeom>
          <a:solidFill>
            <a:srgbClr val="7E7E7E"/>
          </a:solidFill>
        </p:spPr>
        <p:txBody>
          <a:bodyPr wrap="square" lIns="0" tIns="0" rIns="0" bIns="0" rtlCol="0"/>
          <a:lstStyle/>
          <a:p>
            <a:endParaRPr sz="1539"/>
          </a:p>
        </p:txBody>
      </p:sp>
      <p:sp>
        <p:nvSpPr>
          <p:cNvPr id="77" name="object 77"/>
          <p:cNvSpPr/>
          <p:nvPr/>
        </p:nvSpPr>
        <p:spPr>
          <a:xfrm>
            <a:off x="6526341"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8" name="object 78"/>
          <p:cNvSpPr/>
          <p:nvPr/>
        </p:nvSpPr>
        <p:spPr>
          <a:xfrm>
            <a:off x="6746578"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79" name="object 79"/>
          <p:cNvSpPr/>
          <p:nvPr/>
        </p:nvSpPr>
        <p:spPr>
          <a:xfrm>
            <a:off x="6968120"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0" name="object 80"/>
          <p:cNvSpPr/>
          <p:nvPr/>
        </p:nvSpPr>
        <p:spPr>
          <a:xfrm>
            <a:off x="7188357"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1" name="object 81"/>
          <p:cNvSpPr/>
          <p:nvPr/>
        </p:nvSpPr>
        <p:spPr>
          <a:xfrm>
            <a:off x="7408595"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2" name="object 82"/>
          <p:cNvSpPr/>
          <p:nvPr/>
        </p:nvSpPr>
        <p:spPr>
          <a:xfrm>
            <a:off x="7630136"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3" name="object 83"/>
          <p:cNvSpPr/>
          <p:nvPr/>
        </p:nvSpPr>
        <p:spPr>
          <a:xfrm>
            <a:off x="7850374"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4" name="object 84"/>
          <p:cNvSpPr/>
          <p:nvPr/>
        </p:nvSpPr>
        <p:spPr>
          <a:xfrm>
            <a:off x="8071915" y="4851750"/>
            <a:ext cx="126517" cy="8145"/>
          </a:xfrm>
          <a:custGeom>
            <a:avLst/>
            <a:gdLst/>
            <a:ahLst/>
            <a:cxnLst/>
            <a:rect l="l" t="t" r="r" b="b"/>
            <a:pathLst>
              <a:path w="147954" h="9525">
                <a:moveTo>
                  <a:pt x="0" y="9143"/>
                </a:moveTo>
                <a:lnTo>
                  <a:pt x="147827" y="9143"/>
                </a:lnTo>
                <a:lnTo>
                  <a:pt x="147827" y="0"/>
                </a:lnTo>
                <a:lnTo>
                  <a:pt x="0" y="0"/>
                </a:lnTo>
                <a:lnTo>
                  <a:pt x="0" y="9143"/>
                </a:lnTo>
                <a:close/>
              </a:path>
            </a:pathLst>
          </a:custGeom>
          <a:solidFill>
            <a:srgbClr val="7E7E7E"/>
          </a:solidFill>
        </p:spPr>
        <p:txBody>
          <a:bodyPr wrap="square" lIns="0" tIns="0" rIns="0" bIns="0" rtlCol="0"/>
          <a:lstStyle/>
          <a:p>
            <a:endParaRPr sz="1539"/>
          </a:p>
        </p:txBody>
      </p:sp>
      <p:sp>
        <p:nvSpPr>
          <p:cNvPr id="85" name="object 85"/>
          <p:cNvSpPr/>
          <p:nvPr/>
        </p:nvSpPr>
        <p:spPr>
          <a:xfrm>
            <a:off x="8292152" y="4851750"/>
            <a:ext cx="725981" cy="8145"/>
          </a:xfrm>
          <a:custGeom>
            <a:avLst/>
            <a:gdLst/>
            <a:ahLst/>
            <a:cxnLst/>
            <a:rect l="l" t="t" r="r" b="b"/>
            <a:pathLst>
              <a:path w="848995" h="9525">
                <a:moveTo>
                  <a:pt x="0" y="9143"/>
                </a:moveTo>
                <a:lnTo>
                  <a:pt x="848868" y="9143"/>
                </a:lnTo>
                <a:lnTo>
                  <a:pt x="848868" y="0"/>
                </a:lnTo>
                <a:lnTo>
                  <a:pt x="0" y="0"/>
                </a:lnTo>
                <a:lnTo>
                  <a:pt x="0" y="9143"/>
                </a:lnTo>
                <a:close/>
              </a:path>
            </a:pathLst>
          </a:custGeom>
          <a:solidFill>
            <a:srgbClr val="7E7E7E"/>
          </a:solidFill>
        </p:spPr>
        <p:txBody>
          <a:bodyPr wrap="square" lIns="0" tIns="0" rIns="0" bIns="0" rtlCol="0"/>
          <a:lstStyle/>
          <a:p>
            <a:endParaRPr sz="1539"/>
          </a:p>
        </p:txBody>
      </p:sp>
      <p:sp>
        <p:nvSpPr>
          <p:cNvPr id="86" name="object 86"/>
          <p:cNvSpPr/>
          <p:nvPr/>
        </p:nvSpPr>
        <p:spPr>
          <a:xfrm>
            <a:off x="3719284" y="3843087"/>
            <a:ext cx="62987" cy="8145"/>
          </a:xfrm>
          <a:custGeom>
            <a:avLst/>
            <a:gdLst/>
            <a:ahLst/>
            <a:cxnLst/>
            <a:rect l="l" t="t" r="r" b="b"/>
            <a:pathLst>
              <a:path w="73660" h="9525">
                <a:moveTo>
                  <a:pt x="0" y="9144"/>
                </a:moveTo>
                <a:lnTo>
                  <a:pt x="73151" y="9144"/>
                </a:lnTo>
                <a:lnTo>
                  <a:pt x="73151" y="0"/>
                </a:lnTo>
                <a:lnTo>
                  <a:pt x="0" y="0"/>
                </a:lnTo>
                <a:lnTo>
                  <a:pt x="0" y="9144"/>
                </a:lnTo>
                <a:close/>
              </a:path>
            </a:pathLst>
          </a:custGeom>
          <a:solidFill>
            <a:srgbClr val="7E7E7E"/>
          </a:solidFill>
        </p:spPr>
        <p:txBody>
          <a:bodyPr wrap="square" lIns="0" tIns="0" rIns="0" bIns="0" rtlCol="0"/>
          <a:lstStyle/>
          <a:p>
            <a:endParaRPr sz="1539"/>
          </a:p>
        </p:txBody>
      </p:sp>
      <p:sp>
        <p:nvSpPr>
          <p:cNvPr id="87" name="object 87"/>
          <p:cNvSpPr/>
          <p:nvPr/>
        </p:nvSpPr>
        <p:spPr>
          <a:xfrm>
            <a:off x="3876970"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88" name="object 88"/>
          <p:cNvSpPr/>
          <p:nvPr/>
        </p:nvSpPr>
        <p:spPr>
          <a:xfrm>
            <a:off x="4097207" y="3843087"/>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7E7E7E"/>
          </a:solidFill>
        </p:spPr>
        <p:txBody>
          <a:bodyPr wrap="square" lIns="0" tIns="0" rIns="0" bIns="0" rtlCol="0"/>
          <a:lstStyle/>
          <a:p>
            <a:endParaRPr sz="1539"/>
          </a:p>
        </p:txBody>
      </p:sp>
      <p:sp>
        <p:nvSpPr>
          <p:cNvPr id="89" name="object 89"/>
          <p:cNvSpPr/>
          <p:nvPr/>
        </p:nvSpPr>
        <p:spPr>
          <a:xfrm>
            <a:off x="4317445"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0" name="object 90"/>
          <p:cNvSpPr/>
          <p:nvPr/>
        </p:nvSpPr>
        <p:spPr>
          <a:xfrm>
            <a:off x="4538986" y="3843087"/>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7E7E7E"/>
          </a:solidFill>
        </p:spPr>
        <p:txBody>
          <a:bodyPr wrap="square" lIns="0" tIns="0" rIns="0" bIns="0" rtlCol="0"/>
          <a:lstStyle/>
          <a:p>
            <a:endParaRPr sz="1539"/>
          </a:p>
        </p:txBody>
      </p:sp>
      <p:sp>
        <p:nvSpPr>
          <p:cNvPr id="91" name="object 91"/>
          <p:cNvSpPr/>
          <p:nvPr/>
        </p:nvSpPr>
        <p:spPr>
          <a:xfrm>
            <a:off x="4759224"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2" name="object 92"/>
          <p:cNvSpPr/>
          <p:nvPr/>
        </p:nvSpPr>
        <p:spPr>
          <a:xfrm>
            <a:off x="4980766"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3" name="object 93"/>
          <p:cNvSpPr/>
          <p:nvPr/>
        </p:nvSpPr>
        <p:spPr>
          <a:xfrm>
            <a:off x="5201004"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4" name="object 94"/>
          <p:cNvSpPr/>
          <p:nvPr/>
        </p:nvSpPr>
        <p:spPr>
          <a:xfrm>
            <a:off x="5422545"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5" name="object 95"/>
          <p:cNvSpPr/>
          <p:nvPr/>
        </p:nvSpPr>
        <p:spPr>
          <a:xfrm>
            <a:off x="5642782"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6" name="object 96"/>
          <p:cNvSpPr/>
          <p:nvPr/>
        </p:nvSpPr>
        <p:spPr>
          <a:xfrm>
            <a:off x="5863020"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7" name="object 97"/>
          <p:cNvSpPr/>
          <p:nvPr/>
        </p:nvSpPr>
        <p:spPr>
          <a:xfrm>
            <a:off x="6084562"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98" name="object 98"/>
          <p:cNvSpPr/>
          <p:nvPr/>
        </p:nvSpPr>
        <p:spPr>
          <a:xfrm>
            <a:off x="6304799" y="3843087"/>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7E7E7E"/>
          </a:solidFill>
        </p:spPr>
        <p:txBody>
          <a:bodyPr wrap="square" lIns="0" tIns="0" rIns="0" bIns="0" rtlCol="0"/>
          <a:lstStyle/>
          <a:p>
            <a:endParaRPr sz="1539"/>
          </a:p>
        </p:txBody>
      </p:sp>
      <p:sp>
        <p:nvSpPr>
          <p:cNvPr id="99" name="object 99"/>
          <p:cNvSpPr/>
          <p:nvPr/>
        </p:nvSpPr>
        <p:spPr>
          <a:xfrm>
            <a:off x="6526341"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0" name="object 100"/>
          <p:cNvSpPr/>
          <p:nvPr/>
        </p:nvSpPr>
        <p:spPr>
          <a:xfrm>
            <a:off x="6746578" y="3843087"/>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1" name="object 101"/>
          <p:cNvSpPr/>
          <p:nvPr/>
        </p:nvSpPr>
        <p:spPr>
          <a:xfrm>
            <a:off x="6968119" y="3843087"/>
            <a:ext cx="2050341" cy="8145"/>
          </a:xfrm>
          <a:custGeom>
            <a:avLst/>
            <a:gdLst/>
            <a:ahLst/>
            <a:cxnLst/>
            <a:rect l="l" t="t" r="r" b="b"/>
            <a:pathLst>
              <a:path w="2397759" h="9525">
                <a:moveTo>
                  <a:pt x="0" y="9144"/>
                </a:moveTo>
                <a:lnTo>
                  <a:pt x="2397252" y="9144"/>
                </a:lnTo>
                <a:lnTo>
                  <a:pt x="2397252" y="0"/>
                </a:lnTo>
                <a:lnTo>
                  <a:pt x="0" y="0"/>
                </a:lnTo>
                <a:lnTo>
                  <a:pt x="0" y="9144"/>
                </a:lnTo>
                <a:close/>
              </a:path>
            </a:pathLst>
          </a:custGeom>
          <a:solidFill>
            <a:srgbClr val="7E7E7E"/>
          </a:solidFill>
        </p:spPr>
        <p:txBody>
          <a:bodyPr wrap="square" lIns="0" tIns="0" rIns="0" bIns="0" rtlCol="0"/>
          <a:lstStyle/>
          <a:p>
            <a:endParaRPr sz="1539"/>
          </a:p>
        </p:txBody>
      </p:sp>
      <p:sp>
        <p:nvSpPr>
          <p:cNvPr id="102" name="object 102"/>
          <p:cNvSpPr/>
          <p:nvPr/>
        </p:nvSpPr>
        <p:spPr>
          <a:xfrm>
            <a:off x="3719284" y="2834423"/>
            <a:ext cx="62987" cy="8145"/>
          </a:xfrm>
          <a:custGeom>
            <a:avLst/>
            <a:gdLst/>
            <a:ahLst/>
            <a:cxnLst/>
            <a:rect l="l" t="t" r="r" b="b"/>
            <a:pathLst>
              <a:path w="73660" h="9525">
                <a:moveTo>
                  <a:pt x="0" y="9144"/>
                </a:moveTo>
                <a:lnTo>
                  <a:pt x="73151" y="9144"/>
                </a:lnTo>
                <a:lnTo>
                  <a:pt x="73151" y="0"/>
                </a:lnTo>
                <a:lnTo>
                  <a:pt x="0" y="0"/>
                </a:lnTo>
                <a:lnTo>
                  <a:pt x="0" y="9144"/>
                </a:lnTo>
                <a:close/>
              </a:path>
            </a:pathLst>
          </a:custGeom>
          <a:solidFill>
            <a:srgbClr val="7E7E7E"/>
          </a:solidFill>
        </p:spPr>
        <p:txBody>
          <a:bodyPr wrap="square" lIns="0" tIns="0" rIns="0" bIns="0" rtlCol="0"/>
          <a:lstStyle/>
          <a:p>
            <a:endParaRPr sz="1539"/>
          </a:p>
        </p:txBody>
      </p:sp>
      <p:sp>
        <p:nvSpPr>
          <p:cNvPr id="103" name="object 103"/>
          <p:cNvSpPr/>
          <p:nvPr/>
        </p:nvSpPr>
        <p:spPr>
          <a:xfrm>
            <a:off x="3876970"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4" name="object 104"/>
          <p:cNvSpPr/>
          <p:nvPr/>
        </p:nvSpPr>
        <p:spPr>
          <a:xfrm>
            <a:off x="4097207" y="2834423"/>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7E7E7E"/>
          </a:solidFill>
        </p:spPr>
        <p:txBody>
          <a:bodyPr wrap="square" lIns="0" tIns="0" rIns="0" bIns="0" rtlCol="0"/>
          <a:lstStyle/>
          <a:p>
            <a:endParaRPr sz="1539"/>
          </a:p>
        </p:txBody>
      </p:sp>
      <p:sp>
        <p:nvSpPr>
          <p:cNvPr id="105" name="object 105"/>
          <p:cNvSpPr/>
          <p:nvPr/>
        </p:nvSpPr>
        <p:spPr>
          <a:xfrm>
            <a:off x="4317445"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6" name="object 106"/>
          <p:cNvSpPr/>
          <p:nvPr/>
        </p:nvSpPr>
        <p:spPr>
          <a:xfrm>
            <a:off x="4538986" y="2834423"/>
            <a:ext cx="126517" cy="8145"/>
          </a:xfrm>
          <a:custGeom>
            <a:avLst/>
            <a:gdLst/>
            <a:ahLst/>
            <a:cxnLst/>
            <a:rect l="l" t="t" r="r" b="b"/>
            <a:pathLst>
              <a:path w="147954" h="9525">
                <a:moveTo>
                  <a:pt x="0" y="9144"/>
                </a:moveTo>
                <a:lnTo>
                  <a:pt x="147828" y="9144"/>
                </a:lnTo>
                <a:lnTo>
                  <a:pt x="147828" y="0"/>
                </a:lnTo>
                <a:lnTo>
                  <a:pt x="0" y="0"/>
                </a:lnTo>
                <a:lnTo>
                  <a:pt x="0" y="9144"/>
                </a:lnTo>
                <a:close/>
              </a:path>
            </a:pathLst>
          </a:custGeom>
          <a:solidFill>
            <a:srgbClr val="7E7E7E"/>
          </a:solidFill>
        </p:spPr>
        <p:txBody>
          <a:bodyPr wrap="square" lIns="0" tIns="0" rIns="0" bIns="0" rtlCol="0"/>
          <a:lstStyle/>
          <a:p>
            <a:endParaRPr sz="1539"/>
          </a:p>
        </p:txBody>
      </p:sp>
      <p:sp>
        <p:nvSpPr>
          <p:cNvPr id="107" name="object 107"/>
          <p:cNvSpPr/>
          <p:nvPr/>
        </p:nvSpPr>
        <p:spPr>
          <a:xfrm>
            <a:off x="4759224"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8" name="object 108"/>
          <p:cNvSpPr/>
          <p:nvPr/>
        </p:nvSpPr>
        <p:spPr>
          <a:xfrm>
            <a:off x="4980766"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09" name="object 109"/>
          <p:cNvSpPr/>
          <p:nvPr/>
        </p:nvSpPr>
        <p:spPr>
          <a:xfrm>
            <a:off x="5201004"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10" name="object 110"/>
          <p:cNvSpPr/>
          <p:nvPr/>
        </p:nvSpPr>
        <p:spPr>
          <a:xfrm>
            <a:off x="5422545"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11" name="object 111"/>
          <p:cNvSpPr/>
          <p:nvPr/>
        </p:nvSpPr>
        <p:spPr>
          <a:xfrm>
            <a:off x="5642782" y="2834423"/>
            <a:ext cx="126517" cy="8145"/>
          </a:xfrm>
          <a:custGeom>
            <a:avLst/>
            <a:gdLst/>
            <a:ahLst/>
            <a:cxnLst/>
            <a:rect l="l" t="t" r="r" b="b"/>
            <a:pathLst>
              <a:path w="147954" h="9525">
                <a:moveTo>
                  <a:pt x="0" y="9144"/>
                </a:moveTo>
                <a:lnTo>
                  <a:pt x="147827" y="9144"/>
                </a:lnTo>
                <a:lnTo>
                  <a:pt x="147827" y="0"/>
                </a:lnTo>
                <a:lnTo>
                  <a:pt x="0" y="0"/>
                </a:lnTo>
                <a:lnTo>
                  <a:pt x="0" y="9144"/>
                </a:lnTo>
                <a:close/>
              </a:path>
            </a:pathLst>
          </a:custGeom>
          <a:solidFill>
            <a:srgbClr val="7E7E7E"/>
          </a:solidFill>
        </p:spPr>
        <p:txBody>
          <a:bodyPr wrap="square" lIns="0" tIns="0" rIns="0" bIns="0" rtlCol="0"/>
          <a:lstStyle/>
          <a:p>
            <a:endParaRPr sz="1539"/>
          </a:p>
        </p:txBody>
      </p:sp>
      <p:sp>
        <p:nvSpPr>
          <p:cNvPr id="112" name="object 112"/>
          <p:cNvSpPr/>
          <p:nvPr/>
        </p:nvSpPr>
        <p:spPr>
          <a:xfrm>
            <a:off x="5863020" y="2834423"/>
            <a:ext cx="3155332" cy="8145"/>
          </a:xfrm>
          <a:custGeom>
            <a:avLst/>
            <a:gdLst/>
            <a:ahLst/>
            <a:cxnLst/>
            <a:rect l="l" t="t" r="r" b="b"/>
            <a:pathLst>
              <a:path w="3689984" h="9525">
                <a:moveTo>
                  <a:pt x="0" y="9144"/>
                </a:moveTo>
                <a:lnTo>
                  <a:pt x="3689604" y="9144"/>
                </a:lnTo>
                <a:lnTo>
                  <a:pt x="3689604" y="0"/>
                </a:lnTo>
                <a:lnTo>
                  <a:pt x="0" y="0"/>
                </a:lnTo>
                <a:lnTo>
                  <a:pt x="0" y="9144"/>
                </a:lnTo>
                <a:close/>
              </a:path>
            </a:pathLst>
          </a:custGeom>
          <a:solidFill>
            <a:srgbClr val="7E7E7E"/>
          </a:solidFill>
        </p:spPr>
        <p:txBody>
          <a:bodyPr wrap="square" lIns="0" tIns="0" rIns="0" bIns="0" rtlCol="0"/>
          <a:lstStyle/>
          <a:p>
            <a:endParaRPr sz="1539"/>
          </a:p>
        </p:txBody>
      </p:sp>
      <p:sp>
        <p:nvSpPr>
          <p:cNvPr id="113" name="object 113"/>
          <p:cNvSpPr/>
          <p:nvPr/>
        </p:nvSpPr>
        <p:spPr>
          <a:xfrm>
            <a:off x="3719285" y="1825759"/>
            <a:ext cx="5299067" cy="8145"/>
          </a:xfrm>
          <a:custGeom>
            <a:avLst/>
            <a:gdLst/>
            <a:ahLst/>
            <a:cxnLst/>
            <a:rect l="l" t="t" r="r" b="b"/>
            <a:pathLst>
              <a:path w="6196965" h="9525">
                <a:moveTo>
                  <a:pt x="6196583" y="0"/>
                </a:moveTo>
                <a:lnTo>
                  <a:pt x="0" y="0"/>
                </a:lnTo>
                <a:lnTo>
                  <a:pt x="0" y="9144"/>
                </a:lnTo>
                <a:lnTo>
                  <a:pt x="6196583" y="9144"/>
                </a:lnTo>
                <a:lnTo>
                  <a:pt x="6196583" y="0"/>
                </a:lnTo>
                <a:close/>
              </a:path>
            </a:pathLst>
          </a:custGeom>
          <a:solidFill>
            <a:srgbClr val="7E7E7E"/>
          </a:solidFill>
        </p:spPr>
        <p:txBody>
          <a:bodyPr wrap="square" lIns="0" tIns="0" rIns="0" bIns="0" rtlCol="0"/>
          <a:lstStyle/>
          <a:p>
            <a:endParaRPr sz="1539"/>
          </a:p>
        </p:txBody>
      </p:sp>
      <p:sp>
        <p:nvSpPr>
          <p:cNvPr id="114" name="object 114"/>
          <p:cNvSpPr/>
          <p:nvPr/>
        </p:nvSpPr>
        <p:spPr>
          <a:xfrm>
            <a:off x="3781836" y="2384825"/>
            <a:ext cx="95567" cy="3479497"/>
          </a:xfrm>
          <a:custGeom>
            <a:avLst/>
            <a:gdLst/>
            <a:ahLst/>
            <a:cxnLst/>
            <a:rect l="l" t="t" r="r" b="b"/>
            <a:pathLst>
              <a:path w="111760" h="4069079">
                <a:moveTo>
                  <a:pt x="111251" y="0"/>
                </a:moveTo>
                <a:lnTo>
                  <a:pt x="0" y="0"/>
                </a:lnTo>
                <a:lnTo>
                  <a:pt x="0" y="4069085"/>
                </a:lnTo>
                <a:lnTo>
                  <a:pt x="111251" y="4069085"/>
                </a:lnTo>
                <a:lnTo>
                  <a:pt x="111251" y="0"/>
                </a:lnTo>
                <a:close/>
              </a:path>
            </a:pathLst>
          </a:custGeom>
          <a:solidFill>
            <a:srgbClr val="4F80BC"/>
          </a:solidFill>
        </p:spPr>
        <p:txBody>
          <a:bodyPr wrap="square" lIns="0" tIns="0" rIns="0" bIns="0" rtlCol="0"/>
          <a:lstStyle/>
          <a:p>
            <a:endParaRPr sz="1539"/>
          </a:p>
        </p:txBody>
      </p:sp>
      <p:sp>
        <p:nvSpPr>
          <p:cNvPr id="115" name="object 115"/>
          <p:cNvSpPr/>
          <p:nvPr/>
        </p:nvSpPr>
        <p:spPr>
          <a:xfrm>
            <a:off x="4003378" y="2274053"/>
            <a:ext cx="93938" cy="3590269"/>
          </a:xfrm>
          <a:custGeom>
            <a:avLst/>
            <a:gdLst/>
            <a:ahLst/>
            <a:cxnLst/>
            <a:rect l="l" t="t" r="r" b="b"/>
            <a:pathLst>
              <a:path w="109854" h="4198620">
                <a:moveTo>
                  <a:pt x="109727" y="0"/>
                </a:moveTo>
                <a:lnTo>
                  <a:pt x="0" y="0"/>
                </a:lnTo>
                <a:lnTo>
                  <a:pt x="0" y="4198625"/>
                </a:lnTo>
                <a:lnTo>
                  <a:pt x="109727" y="4198625"/>
                </a:lnTo>
                <a:lnTo>
                  <a:pt x="109727" y="0"/>
                </a:lnTo>
                <a:close/>
              </a:path>
            </a:pathLst>
          </a:custGeom>
          <a:solidFill>
            <a:srgbClr val="4F80BC"/>
          </a:solidFill>
        </p:spPr>
        <p:txBody>
          <a:bodyPr wrap="square" lIns="0" tIns="0" rIns="0" bIns="0" rtlCol="0"/>
          <a:lstStyle/>
          <a:p>
            <a:endParaRPr sz="1539"/>
          </a:p>
        </p:txBody>
      </p:sp>
      <p:sp>
        <p:nvSpPr>
          <p:cNvPr id="116" name="object 116"/>
          <p:cNvSpPr/>
          <p:nvPr/>
        </p:nvSpPr>
        <p:spPr>
          <a:xfrm>
            <a:off x="4223616" y="2175012"/>
            <a:ext cx="93938" cy="3689637"/>
          </a:xfrm>
          <a:custGeom>
            <a:avLst/>
            <a:gdLst/>
            <a:ahLst/>
            <a:cxnLst/>
            <a:rect l="l" t="t" r="r" b="b"/>
            <a:pathLst>
              <a:path w="109854" h="4314825">
                <a:moveTo>
                  <a:pt x="109727" y="0"/>
                </a:moveTo>
                <a:lnTo>
                  <a:pt x="0" y="0"/>
                </a:lnTo>
                <a:lnTo>
                  <a:pt x="0" y="4314449"/>
                </a:lnTo>
                <a:lnTo>
                  <a:pt x="109727" y="4314449"/>
                </a:lnTo>
                <a:lnTo>
                  <a:pt x="109727" y="0"/>
                </a:lnTo>
                <a:close/>
              </a:path>
            </a:pathLst>
          </a:custGeom>
          <a:solidFill>
            <a:srgbClr val="4F80BC"/>
          </a:solidFill>
        </p:spPr>
        <p:txBody>
          <a:bodyPr wrap="square" lIns="0" tIns="0" rIns="0" bIns="0" rtlCol="0"/>
          <a:lstStyle/>
          <a:p>
            <a:endParaRPr sz="1539"/>
          </a:p>
        </p:txBody>
      </p:sp>
      <p:sp>
        <p:nvSpPr>
          <p:cNvPr id="117" name="object 117"/>
          <p:cNvSpPr/>
          <p:nvPr/>
        </p:nvSpPr>
        <p:spPr>
          <a:xfrm>
            <a:off x="4443854" y="2163283"/>
            <a:ext cx="95567" cy="3701039"/>
          </a:xfrm>
          <a:custGeom>
            <a:avLst/>
            <a:gdLst/>
            <a:ahLst/>
            <a:cxnLst/>
            <a:rect l="l" t="t" r="r" b="b"/>
            <a:pathLst>
              <a:path w="111760" h="4328159">
                <a:moveTo>
                  <a:pt x="111251" y="0"/>
                </a:moveTo>
                <a:lnTo>
                  <a:pt x="0" y="0"/>
                </a:lnTo>
                <a:lnTo>
                  <a:pt x="0" y="4328165"/>
                </a:lnTo>
                <a:lnTo>
                  <a:pt x="111251" y="4328165"/>
                </a:lnTo>
                <a:lnTo>
                  <a:pt x="111251" y="0"/>
                </a:lnTo>
                <a:close/>
              </a:path>
            </a:pathLst>
          </a:custGeom>
          <a:solidFill>
            <a:srgbClr val="4F80BC"/>
          </a:solidFill>
        </p:spPr>
        <p:txBody>
          <a:bodyPr wrap="square" lIns="0" tIns="0" rIns="0" bIns="0" rtlCol="0"/>
          <a:lstStyle/>
          <a:p>
            <a:endParaRPr sz="1539"/>
          </a:p>
        </p:txBody>
      </p:sp>
      <p:sp>
        <p:nvSpPr>
          <p:cNvPr id="118" name="object 118"/>
          <p:cNvSpPr/>
          <p:nvPr/>
        </p:nvSpPr>
        <p:spPr>
          <a:xfrm>
            <a:off x="4665395" y="2138522"/>
            <a:ext cx="93938" cy="3726017"/>
          </a:xfrm>
          <a:custGeom>
            <a:avLst/>
            <a:gdLst/>
            <a:ahLst/>
            <a:cxnLst/>
            <a:rect l="l" t="t" r="r" b="b"/>
            <a:pathLst>
              <a:path w="109854" h="4357370">
                <a:moveTo>
                  <a:pt x="109727" y="0"/>
                </a:moveTo>
                <a:lnTo>
                  <a:pt x="0" y="0"/>
                </a:lnTo>
                <a:lnTo>
                  <a:pt x="0" y="4357121"/>
                </a:lnTo>
                <a:lnTo>
                  <a:pt x="109727" y="4357121"/>
                </a:lnTo>
                <a:lnTo>
                  <a:pt x="109727" y="0"/>
                </a:lnTo>
                <a:close/>
              </a:path>
            </a:pathLst>
          </a:custGeom>
          <a:solidFill>
            <a:srgbClr val="4F80BC"/>
          </a:solidFill>
        </p:spPr>
        <p:txBody>
          <a:bodyPr wrap="square" lIns="0" tIns="0" rIns="0" bIns="0" rtlCol="0"/>
          <a:lstStyle/>
          <a:p>
            <a:endParaRPr sz="1539"/>
          </a:p>
        </p:txBody>
      </p:sp>
      <p:sp>
        <p:nvSpPr>
          <p:cNvPr id="119" name="object 119"/>
          <p:cNvSpPr/>
          <p:nvPr/>
        </p:nvSpPr>
        <p:spPr>
          <a:xfrm>
            <a:off x="4885633" y="2186741"/>
            <a:ext cx="95567" cy="3677691"/>
          </a:xfrm>
          <a:custGeom>
            <a:avLst/>
            <a:gdLst/>
            <a:ahLst/>
            <a:cxnLst/>
            <a:rect l="l" t="t" r="r" b="b"/>
            <a:pathLst>
              <a:path w="111760" h="4300855">
                <a:moveTo>
                  <a:pt x="111251" y="0"/>
                </a:moveTo>
                <a:lnTo>
                  <a:pt x="0" y="0"/>
                </a:lnTo>
                <a:lnTo>
                  <a:pt x="0" y="4300733"/>
                </a:lnTo>
                <a:lnTo>
                  <a:pt x="111251" y="4300733"/>
                </a:lnTo>
                <a:lnTo>
                  <a:pt x="111251" y="0"/>
                </a:lnTo>
                <a:close/>
              </a:path>
            </a:pathLst>
          </a:custGeom>
          <a:solidFill>
            <a:srgbClr val="4F80BC"/>
          </a:solidFill>
        </p:spPr>
        <p:txBody>
          <a:bodyPr wrap="square" lIns="0" tIns="0" rIns="0" bIns="0" rtlCol="0"/>
          <a:lstStyle/>
          <a:p>
            <a:endParaRPr sz="1539"/>
          </a:p>
        </p:txBody>
      </p:sp>
      <p:sp>
        <p:nvSpPr>
          <p:cNvPr id="120" name="object 120"/>
          <p:cNvSpPr/>
          <p:nvPr/>
        </p:nvSpPr>
        <p:spPr>
          <a:xfrm>
            <a:off x="5107173" y="2305330"/>
            <a:ext cx="93938" cy="3559318"/>
          </a:xfrm>
          <a:custGeom>
            <a:avLst/>
            <a:gdLst/>
            <a:ahLst/>
            <a:cxnLst/>
            <a:rect l="l" t="t" r="r" b="b"/>
            <a:pathLst>
              <a:path w="109854" h="4162425">
                <a:moveTo>
                  <a:pt x="109728" y="0"/>
                </a:moveTo>
                <a:lnTo>
                  <a:pt x="0" y="0"/>
                </a:lnTo>
                <a:lnTo>
                  <a:pt x="0" y="4162049"/>
                </a:lnTo>
                <a:lnTo>
                  <a:pt x="109728" y="4162049"/>
                </a:lnTo>
                <a:lnTo>
                  <a:pt x="109728" y="0"/>
                </a:lnTo>
                <a:close/>
              </a:path>
            </a:pathLst>
          </a:custGeom>
          <a:solidFill>
            <a:srgbClr val="4F80BC"/>
          </a:solidFill>
        </p:spPr>
        <p:txBody>
          <a:bodyPr wrap="square" lIns="0" tIns="0" rIns="0" bIns="0" rtlCol="0"/>
          <a:lstStyle/>
          <a:p>
            <a:endParaRPr sz="1539"/>
          </a:p>
        </p:txBody>
      </p:sp>
      <p:sp>
        <p:nvSpPr>
          <p:cNvPr id="121" name="object 121"/>
          <p:cNvSpPr/>
          <p:nvPr/>
        </p:nvSpPr>
        <p:spPr>
          <a:xfrm>
            <a:off x="5327411" y="2466926"/>
            <a:ext cx="95567" cy="3397506"/>
          </a:xfrm>
          <a:custGeom>
            <a:avLst/>
            <a:gdLst/>
            <a:ahLst/>
            <a:cxnLst/>
            <a:rect l="l" t="t" r="r" b="b"/>
            <a:pathLst>
              <a:path w="111760" h="3973195">
                <a:moveTo>
                  <a:pt x="111251" y="0"/>
                </a:moveTo>
                <a:lnTo>
                  <a:pt x="0" y="0"/>
                </a:lnTo>
                <a:lnTo>
                  <a:pt x="0" y="3973073"/>
                </a:lnTo>
                <a:lnTo>
                  <a:pt x="111251" y="3973073"/>
                </a:lnTo>
                <a:lnTo>
                  <a:pt x="111251" y="0"/>
                </a:lnTo>
                <a:close/>
              </a:path>
            </a:pathLst>
          </a:custGeom>
          <a:solidFill>
            <a:srgbClr val="4F80BC"/>
          </a:solidFill>
        </p:spPr>
        <p:txBody>
          <a:bodyPr wrap="square" lIns="0" tIns="0" rIns="0" bIns="0" rtlCol="0"/>
          <a:lstStyle/>
          <a:p>
            <a:endParaRPr sz="1539"/>
          </a:p>
        </p:txBody>
      </p:sp>
      <p:sp>
        <p:nvSpPr>
          <p:cNvPr id="122" name="object 122"/>
          <p:cNvSpPr/>
          <p:nvPr/>
        </p:nvSpPr>
        <p:spPr>
          <a:xfrm>
            <a:off x="5548952" y="2627216"/>
            <a:ext cx="93938" cy="3237324"/>
          </a:xfrm>
          <a:custGeom>
            <a:avLst/>
            <a:gdLst/>
            <a:ahLst/>
            <a:cxnLst/>
            <a:rect l="l" t="t" r="r" b="b"/>
            <a:pathLst>
              <a:path w="109854" h="3785870">
                <a:moveTo>
                  <a:pt x="109728" y="0"/>
                </a:moveTo>
                <a:lnTo>
                  <a:pt x="0" y="0"/>
                </a:lnTo>
                <a:lnTo>
                  <a:pt x="0" y="3785621"/>
                </a:lnTo>
                <a:lnTo>
                  <a:pt x="109728" y="3785621"/>
                </a:lnTo>
                <a:lnTo>
                  <a:pt x="109728" y="0"/>
                </a:lnTo>
                <a:close/>
              </a:path>
            </a:pathLst>
          </a:custGeom>
          <a:solidFill>
            <a:srgbClr val="4F80BC"/>
          </a:solidFill>
        </p:spPr>
        <p:txBody>
          <a:bodyPr wrap="square" lIns="0" tIns="0" rIns="0" bIns="0" rtlCol="0"/>
          <a:lstStyle/>
          <a:p>
            <a:endParaRPr sz="1539"/>
          </a:p>
        </p:txBody>
      </p:sp>
      <p:sp>
        <p:nvSpPr>
          <p:cNvPr id="123" name="object 123"/>
          <p:cNvSpPr/>
          <p:nvPr/>
        </p:nvSpPr>
        <p:spPr>
          <a:xfrm>
            <a:off x="5769190" y="2767960"/>
            <a:ext cx="93938" cy="3096688"/>
          </a:xfrm>
          <a:custGeom>
            <a:avLst/>
            <a:gdLst/>
            <a:ahLst/>
            <a:cxnLst/>
            <a:rect l="l" t="t" r="r" b="b"/>
            <a:pathLst>
              <a:path w="109854" h="3621404">
                <a:moveTo>
                  <a:pt x="109727" y="0"/>
                </a:moveTo>
                <a:lnTo>
                  <a:pt x="0" y="0"/>
                </a:lnTo>
                <a:lnTo>
                  <a:pt x="0" y="3621029"/>
                </a:lnTo>
                <a:lnTo>
                  <a:pt x="109727" y="3621029"/>
                </a:lnTo>
                <a:lnTo>
                  <a:pt x="109727" y="0"/>
                </a:lnTo>
                <a:close/>
              </a:path>
            </a:pathLst>
          </a:custGeom>
          <a:solidFill>
            <a:srgbClr val="4F80BC"/>
          </a:solidFill>
        </p:spPr>
        <p:txBody>
          <a:bodyPr wrap="square" lIns="0" tIns="0" rIns="0" bIns="0" rtlCol="0"/>
          <a:lstStyle/>
          <a:p>
            <a:endParaRPr sz="1539"/>
          </a:p>
        </p:txBody>
      </p:sp>
      <p:sp>
        <p:nvSpPr>
          <p:cNvPr id="124" name="object 124"/>
          <p:cNvSpPr/>
          <p:nvPr/>
        </p:nvSpPr>
        <p:spPr>
          <a:xfrm>
            <a:off x="5989428" y="2917827"/>
            <a:ext cx="95567" cy="2946822"/>
          </a:xfrm>
          <a:custGeom>
            <a:avLst/>
            <a:gdLst/>
            <a:ahLst/>
            <a:cxnLst/>
            <a:rect l="l" t="t" r="r" b="b"/>
            <a:pathLst>
              <a:path w="111759" h="3446145">
                <a:moveTo>
                  <a:pt x="111251" y="0"/>
                </a:moveTo>
                <a:lnTo>
                  <a:pt x="0" y="0"/>
                </a:lnTo>
                <a:lnTo>
                  <a:pt x="0" y="3445769"/>
                </a:lnTo>
                <a:lnTo>
                  <a:pt x="111251" y="3445769"/>
                </a:lnTo>
                <a:lnTo>
                  <a:pt x="111251" y="0"/>
                </a:lnTo>
                <a:close/>
              </a:path>
            </a:pathLst>
          </a:custGeom>
          <a:solidFill>
            <a:srgbClr val="4F80BC"/>
          </a:solidFill>
        </p:spPr>
        <p:txBody>
          <a:bodyPr wrap="square" lIns="0" tIns="0" rIns="0" bIns="0" rtlCol="0"/>
          <a:lstStyle/>
          <a:p>
            <a:endParaRPr sz="1539"/>
          </a:p>
        </p:txBody>
      </p:sp>
      <p:sp>
        <p:nvSpPr>
          <p:cNvPr id="125" name="object 125"/>
          <p:cNvSpPr/>
          <p:nvPr/>
        </p:nvSpPr>
        <p:spPr>
          <a:xfrm>
            <a:off x="6210969" y="3134155"/>
            <a:ext cx="93938" cy="2730168"/>
          </a:xfrm>
          <a:custGeom>
            <a:avLst/>
            <a:gdLst/>
            <a:ahLst/>
            <a:cxnLst/>
            <a:rect l="l" t="t" r="r" b="b"/>
            <a:pathLst>
              <a:path w="109854" h="3192779">
                <a:moveTo>
                  <a:pt x="109727" y="0"/>
                </a:moveTo>
                <a:lnTo>
                  <a:pt x="0" y="0"/>
                </a:lnTo>
                <a:lnTo>
                  <a:pt x="0" y="3192785"/>
                </a:lnTo>
                <a:lnTo>
                  <a:pt x="109727" y="3192785"/>
                </a:lnTo>
                <a:lnTo>
                  <a:pt x="109727" y="0"/>
                </a:lnTo>
                <a:close/>
              </a:path>
            </a:pathLst>
          </a:custGeom>
          <a:solidFill>
            <a:srgbClr val="4F80BC"/>
          </a:solidFill>
        </p:spPr>
        <p:txBody>
          <a:bodyPr wrap="square" lIns="0" tIns="0" rIns="0" bIns="0" rtlCol="0"/>
          <a:lstStyle/>
          <a:p>
            <a:endParaRPr sz="1539"/>
          </a:p>
        </p:txBody>
      </p:sp>
      <p:sp>
        <p:nvSpPr>
          <p:cNvPr id="126" name="object 126"/>
          <p:cNvSpPr/>
          <p:nvPr/>
        </p:nvSpPr>
        <p:spPr>
          <a:xfrm>
            <a:off x="6431207" y="3366121"/>
            <a:ext cx="95567" cy="2498310"/>
          </a:xfrm>
          <a:custGeom>
            <a:avLst/>
            <a:gdLst/>
            <a:ahLst/>
            <a:cxnLst/>
            <a:rect l="l" t="t" r="r" b="b"/>
            <a:pathLst>
              <a:path w="111759" h="2921634">
                <a:moveTo>
                  <a:pt x="111251" y="0"/>
                </a:moveTo>
                <a:lnTo>
                  <a:pt x="0" y="0"/>
                </a:lnTo>
                <a:lnTo>
                  <a:pt x="0" y="2921513"/>
                </a:lnTo>
                <a:lnTo>
                  <a:pt x="111251" y="2921513"/>
                </a:lnTo>
                <a:lnTo>
                  <a:pt x="111251" y="0"/>
                </a:lnTo>
                <a:close/>
              </a:path>
            </a:pathLst>
          </a:custGeom>
          <a:solidFill>
            <a:srgbClr val="4F80BC"/>
          </a:solidFill>
        </p:spPr>
        <p:txBody>
          <a:bodyPr wrap="square" lIns="0" tIns="0" rIns="0" bIns="0" rtlCol="0"/>
          <a:lstStyle/>
          <a:p>
            <a:endParaRPr sz="1539"/>
          </a:p>
        </p:txBody>
      </p:sp>
      <p:sp>
        <p:nvSpPr>
          <p:cNvPr id="127" name="object 127"/>
          <p:cNvSpPr/>
          <p:nvPr/>
        </p:nvSpPr>
        <p:spPr>
          <a:xfrm>
            <a:off x="6652748" y="3544656"/>
            <a:ext cx="93938" cy="2319666"/>
          </a:xfrm>
          <a:custGeom>
            <a:avLst/>
            <a:gdLst/>
            <a:ahLst/>
            <a:cxnLst/>
            <a:rect l="l" t="t" r="r" b="b"/>
            <a:pathLst>
              <a:path w="109854" h="2712720">
                <a:moveTo>
                  <a:pt x="109727" y="0"/>
                </a:moveTo>
                <a:lnTo>
                  <a:pt x="0" y="0"/>
                </a:lnTo>
                <a:lnTo>
                  <a:pt x="0" y="2712725"/>
                </a:lnTo>
                <a:lnTo>
                  <a:pt x="109727" y="2712725"/>
                </a:lnTo>
                <a:lnTo>
                  <a:pt x="109727" y="0"/>
                </a:lnTo>
                <a:close/>
              </a:path>
            </a:pathLst>
          </a:custGeom>
          <a:solidFill>
            <a:srgbClr val="4F80BC"/>
          </a:solidFill>
        </p:spPr>
        <p:txBody>
          <a:bodyPr wrap="square" lIns="0" tIns="0" rIns="0" bIns="0" rtlCol="0"/>
          <a:lstStyle/>
          <a:p>
            <a:endParaRPr sz="1539"/>
          </a:p>
        </p:txBody>
      </p:sp>
      <p:sp>
        <p:nvSpPr>
          <p:cNvPr id="128" name="object 128"/>
          <p:cNvSpPr/>
          <p:nvPr/>
        </p:nvSpPr>
        <p:spPr>
          <a:xfrm>
            <a:off x="6872986" y="3717981"/>
            <a:ext cx="95567" cy="2146451"/>
          </a:xfrm>
          <a:custGeom>
            <a:avLst/>
            <a:gdLst/>
            <a:ahLst/>
            <a:cxnLst/>
            <a:rect l="l" t="t" r="r" b="b"/>
            <a:pathLst>
              <a:path w="111759" h="2510154">
                <a:moveTo>
                  <a:pt x="111251" y="0"/>
                </a:moveTo>
                <a:lnTo>
                  <a:pt x="0" y="0"/>
                </a:lnTo>
                <a:lnTo>
                  <a:pt x="0" y="2510033"/>
                </a:lnTo>
                <a:lnTo>
                  <a:pt x="111251" y="2510033"/>
                </a:lnTo>
                <a:lnTo>
                  <a:pt x="111251" y="0"/>
                </a:lnTo>
                <a:close/>
              </a:path>
            </a:pathLst>
          </a:custGeom>
          <a:solidFill>
            <a:srgbClr val="4F80BC"/>
          </a:solidFill>
        </p:spPr>
        <p:txBody>
          <a:bodyPr wrap="square" lIns="0" tIns="0" rIns="0" bIns="0" rtlCol="0"/>
          <a:lstStyle/>
          <a:p>
            <a:endParaRPr sz="1539"/>
          </a:p>
        </p:txBody>
      </p:sp>
      <p:sp>
        <p:nvSpPr>
          <p:cNvPr id="129" name="object 129"/>
          <p:cNvSpPr/>
          <p:nvPr/>
        </p:nvSpPr>
        <p:spPr>
          <a:xfrm>
            <a:off x="7094528" y="3948644"/>
            <a:ext cx="93938" cy="1915679"/>
          </a:xfrm>
          <a:custGeom>
            <a:avLst/>
            <a:gdLst/>
            <a:ahLst/>
            <a:cxnLst/>
            <a:rect l="l" t="t" r="r" b="b"/>
            <a:pathLst>
              <a:path w="109854" h="2240279">
                <a:moveTo>
                  <a:pt x="109727" y="0"/>
                </a:moveTo>
                <a:lnTo>
                  <a:pt x="0" y="0"/>
                </a:lnTo>
                <a:lnTo>
                  <a:pt x="0" y="2240285"/>
                </a:lnTo>
                <a:lnTo>
                  <a:pt x="109727" y="2240285"/>
                </a:lnTo>
                <a:lnTo>
                  <a:pt x="109727" y="0"/>
                </a:lnTo>
                <a:close/>
              </a:path>
            </a:pathLst>
          </a:custGeom>
          <a:solidFill>
            <a:srgbClr val="4F80BC"/>
          </a:solidFill>
        </p:spPr>
        <p:txBody>
          <a:bodyPr wrap="square" lIns="0" tIns="0" rIns="0" bIns="0" rtlCol="0"/>
          <a:lstStyle/>
          <a:p>
            <a:endParaRPr sz="1539"/>
          </a:p>
        </p:txBody>
      </p:sp>
      <p:sp>
        <p:nvSpPr>
          <p:cNvPr id="130" name="object 130"/>
          <p:cNvSpPr/>
          <p:nvPr/>
        </p:nvSpPr>
        <p:spPr>
          <a:xfrm>
            <a:off x="7314765" y="4170185"/>
            <a:ext cx="93938" cy="1694138"/>
          </a:xfrm>
          <a:custGeom>
            <a:avLst/>
            <a:gdLst/>
            <a:ahLst/>
            <a:cxnLst/>
            <a:rect l="l" t="t" r="r" b="b"/>
            <a:pathLst>
              <a:path w="109854" h="1981200">
                <a:moveTo>
                  <a:pt x="109728" y="0"/>
                </a:moveTo>
                <a:lnTo>
                  <a:pt x="0" y="0"/>
                </a:lnTo>
                <a:lnTo>
                  <a:pt x="0" y="1981205"/>
                </a:lnTo>
                <a:lnTo>
                  <a:pt x="109728" y="1981205"/>
                </a:lnTo>
                <a:lnTo>
                  <a:pt x="109728" y="0"/>
                </a:lnTo>
                <a:close/>
              </a:path>
            </a:pathLst>
          </a:custGeom>
          <a:solidFill>
            <a:srgbClr val="4F80BC"/>
          </a:solidFill>
        </p:spPr>
        <p:txBody>
          <a:bodyPr wrap="square" lIns="0" tIns="0" rIns="0" bIns="0" rtlCol="0"/>
          <a:lstStyle/>
          <a:p>
            <a:endParaRPr sz="1539"/>
          </a:p>
        </p:txBody>
      </p:sp>
      <p:sp>
        <p:nvSpPr>
          <p:cNvPr id="131" name="object 131"/>
          <p:cNvSpPr/>
          <p:nvPr/>
        </p:nvSpPr>
        <p:spPr>
          <a:xfrm>
            <a:off x="7535003" y="4394333"/>
            <a:ext cx="95567" cy="1470425"/>
          </a:xfrm>
          <a:custGeom>
            <a:avLst/>
            <a:gdLst/>
            <a:ahLst/>
            <a:cxnLst/>
            <a:rect l="l" t="t" r="r" b="b"/>
            <a:pathLst>
              <a:path w="111759" h="1719579">
                <a:moveTo>
                  <a:pt x="111251" y="0"/>
                </a:moveTo>
                <a:lnTo>
                  <a:pt x="0" y="0"/>
                </a:lnTo>
                <a:lnTo>
                  <a:pt x="0" y="1719077"/>
                </a:lnTo>
                <a:lnTo>
                  <a:pt x="111251" y="1719077"/>
                </a:lnTo>
                <a:lnTo>
                  <a:pt x="111251" y="0"/>
                </a:lnTo>
                <a:close/>
              </a:path>
            </a:pathLst>
          </a:custGeom>
          <a:solidFill>
            <a:srgbClr val="4F80BC"/>
          </a:solidFill>
        </p:spPr>
        <p:txBody>
          <a:bodyPr wrap="square" lIns="0" tIns="0" rIns="0" bIns="0" rtlCol="0"/>
          <a:lstStyle/>
          <a:p>
            <a:endParaRPr sz="1539"/>
          </a:p>
        </p:txBody>
      </p:sp>
      <p:sp>
        <p:nvSpPr>
          <p:cNvPr id="132" name="object 132"/>
          <p:cNvSpPr/>
          <p:nvPr/>
        </p:nvSpPr>
        <p:spPr>
          <a:xfrm>
            <a:off x="7756544" y="4606752"/>
            <a:ext cx="93938" cy="1257571"/>
          </a:xfrm>
          <a:custGeom>
            <a:avLst/>
            <a:gdLst/>
            <a:ahLst/>
            <a:cxnLst/>
            <a:rect l="l" t="t" r="r" b="b"/>
            <a:pathLst>
              <a:path w="109854" h="1470659">
                <a:moveTo>
                  <a:pt x="109727" y="0"/>
                </a:moveTo>
                <a:lnTo>
                  <a:pt x="0" y="0"/>
                </a:lnTo>
                <a:lnTo>
                  <a:pt x="0" y="1470665"/>
                </a:lnTo>
                <a:lnTo>
                  <a:pt x="109727" y="1470665"/>
                </a:lnTo>
                <a:lnTo>
                  <a:pt x="109727" y="0"/>
                </a:lnTo>
                <a:close/>
              </a:path>
            </a:pathLst>
          </a:custGeom>
          <a:solidFill>
            <a:srgbClr val="4F80BC"/>
          </a:solidFill>
        </p:spPr>
        <p:txBody>
          <a:bodyPr wrap="square" lIns="0" tIns="0" rIns="0" bIns="0" rtlCol="0"/>
          <a:lstStyle/>
          <a:p>
            <a:endParaRPr sz="1539"/>
          </a:p>
        </p:txBody>
      </p:sp>
      <p:sp>
        <p:nvSpPr>
          <p:cNvPr id="133" name="object 133"/>
          <p:cNvSpPr/>
          <p:nvPr/>
        </p:nvSpPr>
        <p:spPr>
          <a:xfrm>
            <a:off x="7976782" y="4744889"/>
            <a:ext cx="95567" cy="1119651"/>
          </a:xfrm>
          <a:custGeom>
            <a:avLst/>
            <a:gdLst/>
            <a:ahLst/>
            <a:cxnLst/>
            <a:rect l="l" t="t" r="r" b="b"/>
            <a:pathLst>
              <a:path w="111759" h="1309370">
                <a:moveTo>
                  <a:pt x="111251" y="0"/>
                </a:moveTo>
                <a:lnTo>
                  <a:pt x="0" y="0"/>
                </a:lnTo>
                <a:lnTo>
                  <a:pt x="0" y="1309121"/>
                </a:lnTo>
                <a:lnTo>
                  <a:pt x="111251" y="1309121"/>
                </a:lnTo>
                <a:lnTo>
                  <a:pt x="111251" y="0"/>
                </a:lnTo>
                <a:close/>
              </a:path>
            </a:pathLst>
          </a:custGeom>
          <a:solidFill>
            <a:srgbClr val="4F80BC"/>
          </a:solidFill>
        </p:spPr>
        <p:txBody>
          <a:bodyPr wrap="square" lIns="0" tIns="0" rIns="0" bIns="0" rtlCol="0"/>
          <a:lstStyle/>
          <a:p>
            <a:endParaRPr sz="1539"/>
          </a:p>
        </p:txBody>
      </p:sp>
      <p:sp>
        <p:nvSpPr>
          <p:cNvPr id="134" name="object 134"/>
          <p:cNvSpPr/>
          <p:nvPr/>
        </p:nvSpPr>
        <p:spPr>
          <a:xfrm>
            <a:off x="8198323" y="4833505"/>
            <a:ext cx="93938" cy="1031143"/>
          </a:xfrm>
          <a:custGeom>
            <a:avLst/>
            <a:gdLst/>
            <a:ahLst/>
            <a:cxnLst/>
            <a:rect l="l" t="t" r="r" b="b"/>
            <a:pathLst>
              <a:path w="109854" h="1205865">
                <a:moveTo>
                  <a:pt x="109727" y="0"/>
                </a:moveTo>
                <a:lnTo>
                  <a:pt x="0" y="0"/>
                </a:lnTo>
                <a:lnTo>
                  <a:pt x="0" y="1205489"/>
                </a:lnTo>
                <a:lnTo>
                  <a:pt x="109727" y="1205489"/>
                </a:lnTo>
                <a:lnTo>
                  <a:pt x="109727" y="0"/>
                </a:lnTo>
                <a:close/>
              </a:path>
            </a:pathLst>
          </a:custGeom>
          <a:solidFill>
            <a:srgbClr val="4F80BC"/>
          </a:solidFill>
        </p:spPr>
        <p:txBody>
          <a:bodyPr wrap="square" lIns="0" tIns="0" rIns="0" bIns="0" rtlCol="0"/>
          <a:lstStyle/>
          <a:p>
            <a:endParaRPr sz="1539"/>
          </a:p>
        </p:txBody>
      </p:sp>
      <p:sp>
        <p:nvSpPr>
          <p:cNvPr id="135" name="object 135"/>
          <p:cNvSpPr/>
          <p:nvPr/>
        </p:nvSpPr>
        <p:spPr>
          <a:xfrm>
            <a:off x="8418561" y="4868691"/>
            <a:ext cx="95567" cy="995849"/>
          </a:xfrm>
          <a:custGeom>
            <a:avLst/>
            <a:gdLst/>
            <a:ahLst/>
            <a:cxnLst/>
            <a:rect l="l" t="t" r="r" b="b"/>
            <a:pathLst>
              <a:path w="111759" h="1164590">
                <a:moveTo>
                  <a:pt x="111251" y="0"/>
                </a:moveTo>
                <a:lnTo>
                  <a:pt x="0" y="0"/>
                </a:lnTo>
                <a:lnTo>
                  <a:pt x="0" y="1164341"/>
                </a:lnTo>
                <a:lnTo>
                  <a:pt x="111251" y="1164341"/>
                </a:lnTo>
                <a:lnTo>
                  <a:pt x="111251" y="0"/>
                </a:lnTo>
                <a:close/>
              </a:path>
            </a:pathLst>
          </a:custGeom>
          <a:solidFill>
            <a:srgbClr val="4F80BC"/>
          </a:solidFill>
        </p:spPr>
        <p:txBody>
          <a:bodyPr wrap="square" lIns="0" tIns="0" rIns="0" bIns="0" rtlCol="0"/>
          <a:lstStyle/>
          <a:p>
            <a:endParaRPr sz="1539"/>
          </a:p>
        </p:txBody>
      </p:sp>
      <p:sp>
        <p:nvSpPr>
          <p:cNvPr id="136" name="object 136"/>
          <p:cNvSpPr/>
          <p:nvPr/>
        </p:nvSpPr>
        <p:spPr>
          <a:xfrm>
            <a:off x="8640102" y="4871297"/>
            <a:ext cx="93938" cy="993134"/>
          </a:xfrm>
          <a:custGeom>
            <a:avLst/>
            <a:gdLst/>
            <a:ahLst/>
            <a:cxnLst/>
            <a:rect l="l" t="t" r="r" b="b"/>
            <a:pathLst>
              <a:path w="109854" h="1161415">
                <a:moveTo>
                  <a:pt x="109727" y="0"/>
                </a:moveTo>
                <a:lnTo>
                  <a:pt x="0" y="0"/>
                </a:lnTo>
                <a:lnTo>
                  <a:pt x="0" y="1161293"/>
                </a:lnTo>
                <a:lnTo>
                  <a:pt x="109727" y="1161293"/>
                </a:lnTo>
                <a:lnTo>
                  <a:pt x="109727" y="0"/>
                </a:lnTo>
                <a:close/>
              </a:path>
            </a:pathLst>
          </a:custGeom>
          <a:solidFill>
            <a:srgbClr val="4F80BC"/>
          </a:solidFill>
        </p:spPr>
        <p:txBody>
          <a:bodyPr wrap="square" lIns="0" tIns="0" rIns="0" bIns="0" rtlCol="0"/>
          <a:lstStyle/>
          <a:p>
            <a:endParaRPr sz="1539"/>
          </a:p>
        </p:txBody>
      </p:sp>
      <p:sp>
        <p:nvSpPr>
          <p:cNvPr id="137" name="object 137"/>
          <p:cNvSpPr/>
          <p:nvPr/>
        </p:nvSpPr>
        <p:spPr>
          <a:xfrm>
            <a:off x="8860341" y="4890846"/>
            <a:ext cx="93938" cy="973586"/>
          </a:xfrm>
          <a:custGeom>
            <a:avLst/>
            <a:gdLst/>
            <a:ahLst/>
            <a:cxnLst/>
            <a:rect l="l" t="t" r="r" b="b"/>
            <a:pathLst>
              <a:path w="109854" h="1138554">
                <a:moveTo>
                  <a:pt x="109727" y="0"/>
                </a:moveTo>
                <a:lnTo>
                  <a:pt x="0" y="0"/>
                </a:lnTo>
                <a:lnTo>
                  <a:pt x="0" y="1138433"/>
                </a:lnTo>
                <a:lnTo>
                  <a:pt x="109727" y="1138433"/>
                </a:lnTo>
                <a:lnTo>
                  <a:pt x="109727" y="0"/>
                </a:lnTo>
                <a:close/>
              </a:path>
            </a:pathLst>
          </a:custGeom>
          <a:solidFill>
            <a:srgbClr val="4F80BC"/>
          </a:solidFill>
        </p:spPr>
        <p:txBody>
          <a:bodyPr wrap="square" lIns="0" tIns="0" rIns="0" bIns="0" rtlCol="0"/>
          <a:lstStyle/>
          <a:p>
            <a:endParaRPr sz="1539"/>
          </a:p>
        </p:txBody>
      </p:sp>
      <p:sp>
        <p:nvSpPr>
          <p:cNvPr id="138" name="object 138"/>
          <p:cNvSpPr/>
          <p:nvPr/>
        </p:nvSpPr>
        <p:spPr>
          <a:xfrm>
            <a:off x="3715375" y="1829668"/>
            <a:ext cx="5302868" cy="4038781"/>
          </a:xfrm>
          <a:custGeom>
            <a:avLst/>
            <a:gdLst/>
            <a:ahLst/>
            <a:cxnLst/>
            <a:rect l="l" t="t" r="r" b="b"/>
            <a:pathLst>
              <a:path w="6201409" h="4723130">
                <a:moveTo>
                  <a:pt x="6201156" y="4713744"/>
                </a:moveTo>
                <a:lnTo>
                  <a:pt x="9144" y="4713744"/>
                </a:lnTo>
                <a:lnTo>
                  <a:pt x="9144" y="0"/>
                </a:lnTo>
                <a:lnTo>
                  <a:pt x="0" y="0"/>
                </a:lnTo>
                <a:lnTo>
                  <a:pt x="0" y="4718316"/>
                </a:lnTo>
                <a:lnTo>
                  <a:pt x="4572" y="4718316"/>
                </a:lnTo>
                <a:lnTo>
                  <a:pt x="4572" y="4722888"/>
                </a:lnTo>
                <a:lnTo>
                  <a:pt x="6201156" y="4722888"/>
                </a:lnTo>
                <a:lnTo>
                  <a:pt x="6201156" y="4713744"/>
                </a:lnTo>
                <a:close/>
              </a:path>
            </a:pathLst>
          </a:custGeom>
          <a:solidFill>
            <a:srgbClr val="000000"/>
          </a:solidFill>
        </p:spPr>
        <p:txBody>
          <a:bodyPr wrap="square" lIns="0" tIns="0" rIns="0" bIns="0" rtlCol="0"/>
          <a:lstStyle/>
          <a:p>
            <a:endParaRPr sz="1539"/>
          </a:p>
        </p:txBody>
      </p:sp>
      <p:sp>
        <p:nvSpPr>
          <p:cNvPr id="139" name="object 139"/>
          <p:cNvSpPr txBox="1"/>
          <p:nvPr/>
        </p:nvSpPr>
        <p:spPr>
          <a:xfrm>
            <a:off x="3645872" y="2187610"/>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a:t>
            </a:r>
            <a:r>
              <a:rPr sz="812" u="sng" spc="-9" dirty="0">
                <a:solidFill>
                  <a:srgbClr val="3F3F3F"/>
                </a:solidFill>
                <a:uFill>
                  <a:solidFill>
                    <a:srgbClr val="BFBFBF"/>
                  </a:solidFill>
                </a:uFill>
                <a:latin typeface="Calibri"/>
                <a:cs typeface="Calibri"/>
              </a:rPr>
              <a:t>88,991</a:t>
            </a:r>
            <a:endParaRPr sz="812">
              <a:latin typeface="Calibri"/>
              <a:cs typeface="Calibri"/>
            </a:endParaRPr>
          </a:p>
        </p:txBody>
      </p:sp>
      <p:sp>
        <p:nvSpPr>
          <p:cNvPr id="140" name="object 140"/>
          <p:cNvSpPr txBox="1"/>
          <p:nvPr/>
        </p:nvSpPr>
        <p:spPr>
          <a:xfrm>
            <a:off x="3866110" y="2076839"/>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1,193</a:t>
            </a:r>
            <a:endParaRPr sz="812">
              <a:latin typeface="Calibri"/>
              <a:cs typeface="Calibri"/>
            </a:endParaRPr>
          </a:p>
        </p:txBody>
      </p:sp>
      <p:sp>
        <p:nvSpPr>
          <p:cNvPr id="141" name="object 141"/>
          <p:cNvSpPr txBox="1"/>
          <p:nvPr/>
        </p:nvSpPr>
        <p:spPr>
          <a:xfrm>
            <a:off x="4087650" y="1977797"/>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3,143</a:t>
            </a:r>
            <a:endParaRPr sz="812">
              <a:latin typeface="Calibri"/>
              <a:cs typeface="Calibri"/>
            </a:endParaRPr>
          </a:p>
        </p:txBody>
      </p:sp>
      <p:sp>
        <p:nvSpPr>
          <p:cNvPr id="142" name="object 142"/>
          <p:cNvSpPr txBox="1"/>
          <p:nvPr/>
        </p:nvSpPr>
        <p:spPr>
          <a:xfrm>
            <a:off x="4307888" y="1904819"/>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3,391</a:t>
            </a:r>
            <a:endParaRPr sz="812">
              <a:latin typeface="Calibri"/>
              <a:cs typeface="Calibri"/>
            </a:endParaRPr>
          </a:p>
        </p:txBody>
      </p:sp>
      <p:sp>
        <p:nvSpPr>
          <p:cNvPr id="143" name="object 143"/>
          <p:cNvSpPr txBox="1"/>
          <p:nvPr/>
        </p:nvSpPr>
        <p:spPr>
          <a:xfrm>
            <a:off x="4529429" y="1831840"/>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3,873</a:t>
            </a:r>
            <a:endParaRPr sz="812">
              <a:latin typeface="Calibri"/>
              <a:cs typeface="Calibri"/>
            </a:endParaRPr>
          </a:p>
        </p:txBody>
      </p:sp>
      <p:sp>
        <p:nvSpPr>
          <p:cNvPr id="144" name="object 144"/>
          <p:cNvSpPr txBox="1"/>
          <p:nvPr/>
        </p:nvSpPr>
        <p:spPr>
          <a:xfrm>
            <a:off x="4749667" y="1989526"/>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2,916</a:t>
            </a:r>
            <a:endParaRPr sz="812">
              <a:latin typeface="Calibri"/>
              <a:cs typeface="Calibri"/>
            </a:endParaRPr>
          </a:p>
        </p:txBody>
      </p:sp>
      <p:sp>
        <p:nvSpPr>
          <p:cNvPr id="145" name="object 145"/>
          <p:cNvSpPr txBox="1"/>
          <p:nvPr/>
        </p:nvSpPr>
        <p:spPr>
          <a:xfrm>
            <a:off x="4971209" y="2108115"/>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90,574</a:t>
            </a:r>
            <a:endParaRPr sz="812">
              <a:latin typeface="Calibri"/>
              <a:cs typeface="Calibri"/>
            </a:endParaRPr>
          </a:p>
        </p:txBody>
      </p:sp>
      <p:sp>
        <p:nvSpPr>
          <p:cNvPr id="146" name="object 146"/>
          <p:cNvSpPr txBox="1"/>
          <p:nvPr/>
        </p:nvSpPr>
        <p:spPr>
          <a:xfrm>
            <a:off x="5191447" y="2269711"/>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87,368</a:t>
            </a:r>
            <a:endParaRPr sz="812">
              <a:latin typeface="Calibri"/>
              <a:cs typeface="Calibri"/>
            </a:endParaRPr>
          </a:p>
        </p:txBody>
      </p:sp>
      <p:sp>
        <p:nvSpPr>
          <p:cNvPr id="147" name="object 147"/>
          <p:cNvSpPr txBox="1"/>
          <p:nvPr/>
        </p:nvSpPr>
        <p:spPr>
          <a:xfrm>
            <a:off x="5411685" y="2417230"/>
            <a:ext cx="590233" cy="289083"/>
          </a:xfrm>
          <a:prstGeom prst="rect">
            <a:avLst/>
          </a:prstGeom>
        </p:spPr>
        <p:txBody>
          <a:bodyPr vert="horz" wrap="square" lIns="0" tIns="26064" rIns="0" bIns="0" rtlCol="0">
            <a:spAutoFit/>
          </a:bodyPr>
          <a:lstStyle/>
          <a:p>
            <a:pPr marL="10860">
              <a:spcBef>
                <a:spcPts val="205"/>
              </a:spcBef>
            </a:pPr>
            <a:r>
              <a:rPr sz="812" spc="-9" dirty="0">
                <a:solidFill>
                  <a:srgbClr val="3F3F3F"/>
                </a:solidFill>
                <a:latin typeface="Calibri"/>
                <a:cs typeface="Calibri"/>
              </a:rPr>
              <a:t>184,192</a:t>
            </a:r>
            <a:endParaRPr sz="812">
              <a:latin typeface="Calibri"/>
              <a:cs typeface="Calibri"/>
            </a:endParaRPr>
          </a:p>
          <a:p>
            <a:pPr marL="232399">
              <a:spcBef>
                <a:spcPts val="120"/>
              </a:spcBef>
            </a:pPr>
            <a:r>
              <a:rPr sz="812" spc="-9" dirty="0">
                <a:solidFill>
                  <a:srgbClr val="3F3F3F"/>
                </a:solidFill>
                <a:latin typeface="Calibri"/>
                <a:cs typeface="Calibri"/>
              </a:rPr>
              <a:t>181,405</a:t>
            </a:r>
            <a:endParaRPr sz="812">
              <a:latin typeface="Calibri"/>
              <a:cs typeface="Calibri"/>
            </a:endParaRPr>
          </a:p>
        </p:txBody>
      </p:sp>
      <p:sp>
        <p:nvSpPr>
          <p:cNvPr id="148" name="object 148"/>
          <p:cNvSpPr txBox="1"/>
          <p:nvPr/>
        </p:nvSpPr>
        <p:spPr>
          <a:xfrm>
            <a:off x="5853464" y="2719308"/>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78,436</a:t>
            </a:r>
            <a:endParaRPr sz="812">
              <a:latin typeface="Calibri"/>
              <a:cs typeface="Calibri"/>
            </a:endParaRPr>
          </a:p>
        </p:txBody>
      </p:sp>
      <p:sp>
        <p:nvSpPr>
          <p:cNvPr id="149" name="object 149"/>
          <p:cNvSpPr txBox="1"/>
          <p:nvPr/>
        </p:nvSpPr>
        <p:spPr>
          <a:xfrm>
            <a:off x="6075005" y="2936940"/>
            <a:ext cx="1030600" cy="731048"/>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74,137</a:t>
            </a:r>
            <a:endParaRPr sz="812">
              <a:latin typeface="Calibri"/>
              <a:cs typeface="Calibri"/>
            </a:endParaRPr>
          </a:p>
          <a:p>
            <a:pPr marL="230770">
              <a:spcBef>
                <a:spcPts val="850"/>
              </a:spcBef>
            </a:pPr>
            <a:r>
              <a:rPr sz="812" spc="-9" dirty="0">
                <a:solidFill>
                  <a:srgbClr val="3F3F3F"/>
                </a:solidFill>
                <a:latin typeface="Calibri"/>
                <a:cs typeface="Calibri"/>
              </a:rPr>
              <a:t>169,532</a:t>
            </a:r>
            <a:endParaRPr sz="812">
              <a:latin typeface="Calibri"/>
              <a:cs typeface="Calibri"/>
            </a:endParaRPr>
          </a:p>
          <a:p>
            <a:pPr marL="452309">
              <a:spcBef>
                <a:spcPts val="432"/>
              </a:spcBef>
            </a:pPr>
            <a:r>
              <a:rPr sz="812" spc="-9" dirty="0">
                <a:solidFill>
                  <a:srgbClr val="3F3F3F"/>
                </a:solidFill>
                <a:latin typeface="Calibri"/>
                <a:cs typeface="Calibri"/>
              </a:rPr>
              <a:t>165,999</a:t>
            </a:r>
            <a:endParaRPr sz="812">
              <a:latin typeface="Calibri"/>
              <a:cs typeface="Calibri"/>
            </a:endParaRPr>
          </a:p>
          <a:p>
            <a:pPr marL="672763">
              <a:spcBef>
                <a:spcPts val="389"/>
              </a:spcBef>
            </a:pPr>
            <a:r>
              <a:rPr sz="812" spc="-9" dirty="0">
                <a:solidFill>
                  <a:srgbClr val="3F3F3F"/>
                </a:solidFill>
                <a:latin typeface="Calibri"/>
                <a:cs typeface="Calibri"/>
              </a:rPr>
              <a:t>162,544</a:t>
            </a:r>
            <a:endParaRPr sz="812">
              <a:latin typeface="Calibri"/>
              <a:cs typeface="Calibri"/>
            </a:endParaRPr>
          </a:p>
        </p:txBody>
      </p:sp>
      <p:sp>
        <p:nvSpPr>
          <p:cNvPr id="150" name="object 150"/>
          <p:cNvSpPr txBox="1"/>
          <p:nvPr/>
        </p:nvSpPr>
        <p:spPr>
          <a:xfrm>
            <a:off x="6957260" y="3750126"/>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57,992</a:t>
            </a:r>
            <a:endParaRPr sz="812">
              <a:latin typeface="Calibri"/>
              <a:cs typeface="Calibri"/>
            </a:endParaRPr>
          </a:p>
        </p:txBody>
      </p:sp>
      <p:sp>
        <p:nvSpPr>
          <p:cNvPr id="151" name="object 151"/>
          <p:cNvSpPr txBox="1"/>
          <p:nvPr/>
        </p:nvSpPr>
        <p:spPr>
          <a:xfrm>
            <a:off x="7178799" y="3972970"/>
            <a:ext cx="1850520" cy="365692"/>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53,582</a:t>
            </a:r>
            <a:endParaRPr sz="812">
              <a:latin typeface="Calibri"/>
              <a:cs typeface="Calibri"/>
            </a:endParaRPr>
          </a:p>
          <a:p>
            <a:pPr marL="230770">
              <a:spcBef>
                <a:spcPts val="791"/>
              </a:spcBef>
              <a:tabLst>
                <a:tab pos="1839102" algn="l"/>
              </a:tabLst>
            </a:pPr>
            <a:r>
              <a:rPr sz="812" u="sng" spc="-9" dirty="0">
                <a:solidFill>
                  <a:srgbClr val="3F3F3F"/>
                </a:solidFill>
                <a:uFill>
                  <a:solidFill>
                    <a:srgbClr val="BFBFBF"/>
                  </a:solidFill>
                </a:uFill>
                <a:latin typeface="Calibri"/>
                <a:cs typeface="Calibri"/>
              </a:rPr>
              <a:t>149,138</a:t>
            </a:r>
            <a:r>
              <a:rPr sz="812" u="sng" dirty="0">
                <a:solidFill>
                  <a:srgbClr val="3F3F3F"/>
                </a:solidFill>
                <a:uFill>
                  <a:solidFill>
                    <a:srgbClr val="BFBFBF"/>
                  </a:solidFill>
                </a:uFill>
                <a:latin typeface="Calibri"/>
                <a:cs typeface="Calibri"/>
              </a:rPr>
              <a:t>	</a:t>
            </a:r>
            <a:endParaRPr sz="812">
              <a:latin typeface="Calibri"/>
              <a:cs typeface="Calibri"/>
            </a:endParaRPr>
          </a:p>
        </p:txBody>
      </p:sp>
      <p:sp>
        <p:nvSpPr>
          <p:cNvPr id="152" name="object 152"/>
          <p:cNvSpPr txBox="1"/>
          <p:nvPr/>
        </p:nvSpPr>
        <p:spPr>
          <a:xfrm>
            <a:off x="7620579" y="4409537"/>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44,920</a:t>
            </a:r>
            <a:endParaRPr sz="812">
              <a:latin typeface="Calibri"/>
              <a:cs typeface="Calibri"/>
            </a:endParaRPr>
          </a:p>
        </p:txBody>
      </p:sp>
      <p:sp>
        <p:nvSpPr>
          <p:cNvPr id="153" name="object 153"/>
          <p:cNvSpPr txBox="1"/>
          <p:nvPr/>
        </p:nvSpPr>
        <p:spPr>
          <a:xfrm>
            <a:off x="7840818" y="4486424"/>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42,187</a:t>
            </a:r>
            <a:endParaRPr sz="812">
              <a:latin typeface="Calibri"/>
              <a:cs typeface="Calibri"/>
            </a:endParaRPr>
          </a:p>
        </p:txBody>
      </p:sp>
      <p:sp>
        <p:nvSpPr>
          <p:cNvPr id="154" name="object 154"/>
          <p:cNvSpPr txBox="1"/>
          <p:nvPr/>
        </p:nvSpPr>
        <p:spPr>
          <a:xfrm>
            <a:off x="8062359" y="4575040"/>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40,442</a:t>
            </a:r>
            <a:endParaRPr sz="812">
              <a:latin typeface="Calibri"/>
              <a:cs typeface="Calibri"/>
            </a:endParaRPr>
          </a:p>
        </p:txBody>
      </p:sp>
      <p:sp>
        <p:nvSpPr>
          <p:cNvPr id="155" name="object 155"/>
          <p:cNvSpPr txBox="1"/>
          <p:nvPr/>
        </p:nvSpPr>
        <p:spPr>
          <a:xfrm>
            <a:off x="8282596" y="4648019"/>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39,722</a:t>
            </a:r>
            <a:endParaRPr sz="812">
              <a:latin typeface="Calibri"/>
              <a:cs typeface="Calibri"/>
            </a:endParaRPr>
          </a:p>
        </p:txBody>
      </p:sp>
      <p:sp>
        <p:nvSpPr>
          <p:cNvPr id="156" name="object 156"/>
          <p:cNvSpPr txBox="1"/>
          <p:nvPr/>
        </p:nvSpPr>
        <p:spPr>
          <a:xfrm>
            <a:off x="8492409" y="4722300"/>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39,694</a:t>
            </a:r>
            <a:endParaRPr sz="812">
              <a:latin typeface="Calibri"/>
              <a:cs typeface="Calibri"/>
            </a:endParaRPr>
          </a:p>
        </p:txBody>
      </p:sp>
      <p:sp>
        <p:nvSpPr>
          <p:cNvPr id="157" name="object 157"/>
          <p:cNvSpPr txBox="1"/>
          <p:nvPr/>
        </p:nvSpPr>
        <p:spPr>
          <a:xfrm>
            <a:off x="8724375" y="4809614"/>
            <a:ext cx="368692" cy="138130"/>
          </a:xfrm>
          <a:prstGeom prst="rect">
            <a:avLst/>
          </a:prstGeom>
        </p:spPr>
        <p:txBody>
          <a:bodyPr vert="horz" wrap="square" lIns="0" tIns="13032" rIns="0" bIns="0" rtlCol="0">
            <a:spAutoFit/>
          </a:bodyPr>
          <a:lstStyle/>
          <a:p>
            <a:pPr marL="10860">
              <a:spcBef>
                <a:spcPts val="103"/>
              </a:spcBef>
            </a:pPr>
            <a:r>
              <a:rPr sz="812" spc="-9" dirty="0">
                <a:solidFill>
                  <a:srgbClr val="3F3F3F"/>
                </a:solidFill>
                <a:latin typeface="Calibri"/>
                <a:cs typeface="Calibri"/>
              </a:rPr>
              <a:t>139,295</a:t>
            </a:r>
            <a:endParaRPr sz="812">
              <a:latin typeface="Calibri"/>
              <a:cs typeface="Calibri"/>
            </a:endParaRPr>
          </a:p>
        </p:txBody>
      </p:sp>
      <p:sp>
        <p:nvSpPr>
          <p:cNvPr id="158" name="object 158"/>
          <p:cNvSpPr txBox="1"/>
          <p:nvPr/>
        </p:nvSpPr>
        <p:spPr>
          <a:xfrm>
            <a:off x="3199314" y="5810245"/>
            <a:ext cx="385525" cy="116955"/>
          </a:xfrm>
          <a:prstGeom prst="rect">
            <a:avLst/>
          </a:prstGeom>
        </p:spPr>
        <p:txBody>
          <a:bodyPr vert="horz" wrap="square" lIns="0" tIns="0" rIns="0" bIns="0" rtlCol="0">
            <a:spAutoFit/>
          </a:bodyPr>
          <a:lstStyle/>
          <a:p>
            <a:pPr>
              <a:lnSpc>
                <a:spcPts val="871"/>
              </a:lnSpc>
            </a:pPr>
            <a:r>
              <a:rPr sz="898" spc="-9" dirty="0">
                <a:solidFill>
                  <a:srgbClr val="595959"/>
                </a:solidFill>
                <a:latin typeface="Calibri"/>
                <a:cs typeface="Calibri"/>
              </a:rPr>
              <a:t>120,000</a:t>
            </a:r>
            <a:endParaRPr sz="898">
              <a:latin typeface="Calibri"/>
              <a:cs typeface="Calibri"/>
            </a:endParaRPr>
          </a:p>
        </p:txBody>
      </p:sp>
      <p:sp>
        <p:nvSpPr>
          <p:cNvPr id="159" name="object 159"/>
          <p:cNvSpPr txBox="1"/>
          <p:nvPr/>
        </p:nvSpPr>
        <p:spPr>
          <a:xfrm>
            <a:off x="3188454" y="4761396"/>
            <a:ext cx="407245" cy="152435"/>
          </a:xfrm>
          <a:prstGeom prst="rect">
            <a:avLst/>
          </a:prstGeom>
        </p:spPr>
        <p:txBody>
          <a:bodyPr vert="horz" wrap="square" lIns="0" tIns="14118" rIns="0" bIns="0" rtlCol="0">
            <a:spAutoFit/>
          </a:bodyPr>
          <a:lstStyle/>
          <a:p>
            <a:pPr marL="10860">
              <a:spcBef>
                <a:spcPts val="111"/>
              </a:spcBef>
            </a:pPr>
            <a:r>
              <a:rPr sz="898" spc="-9" dirty="0">
                <a:solidFill>
                  <a:srgbClr val="595959"/>
                </a:solidFill>
                <a:latin typeface="Calibri"/>
                <a:cs typeface="Calibri"/>
              </a:rPr>
              <a:t>140,000</a:t>
            </a:r>
            <a:endParaRPr sz="898">
              <a:latin typeface="Calibri"/>
              <a:cs typeface="Calibri"/>
            </a:endParaRPr>
          </a:p>
        </p:txBody>
      </p:sp>
      <p:sp>
        <p:nvSpPr>
          <p:cNvPr id="160" name="object 160"/>
          <p:cNvSpPr txBox="1"/>
          <p:nvPr/>
        </p:nvSpPr>
        <p:spPr>
          <a:xfrm>
            <a:off x="3188454" y="3752732"/>
            <a:ext cx="407245" cy="152435"/>
          </a:xfrm>
          <a:prstGeom prst="rect">
            <a:avLst/>
          </a:prstGeom>
        </p:spPr>
        <p:txBody>
          <a:bodyPr vert="horz" wrap="square" lIns="0" tIns="14118" rIns="0" bIns="0" rtlCol="0">
            <a:spAutoFit/>
          </a:bodyPr>
          <a:lstStyle/>
          <a:p>
            <a:pPr marL="10860">
              <a:spcBef>
                <a:spcPts val="111"/>
              </a:spcBef>
            </a:pPr>
            <a:r>
              <a:rPr sz="898" spc="-9" dirty="0">
                <a:solidFill>
                  <a:srgbClr val="595959"/>
                </a:solidFill>
                <a:latin typeface="Calibri"/>
                <a:cs typeface="Calibri"/>
              </a:rPr>
              <a:t>160,000</a:t>
            </a:r>
            <a:endParaRPr sz="898">
              <a:latin typeface="Calibri"/>
              <a:cs typeface="Calibri"/>
            </a:endParaRPr>
          </a:p>
        </p:txBody>
      </p:sp>
      <p:sp>
        <p:nvSpPr>
          <p:cNvPr id="161" name="object 161"/>
          <p:cNvSpPr txBox="1"/>
          <p:nvPr/>
        </p:nvSpPr>
        <p:spPr>
          <a:xfrm>
            <a:off x="3188454" y="2744069"/>
            <a:ext cx="407245" cy="152435"/>
          </a:xfrm>
          <a:prstGeom prst="rect">
            <a:avLst/>
          </a:prstGeom>
        </p:spPr>
        <p:txBody>
          <a:bodyPr vert="horz" wrap="square" lIns="0" tIns="14118" rIns="0" bIns="0" rtlCol="0">
            <a:spAutoFit/>
          </a:bodyPr>
          <a:lstStyle/>
          <a:p>
            <a:pPr marL="10860">
              <a:spcBef>
                <a:spcPts val="111"/>
              </a:spcBef>
            </a:pPr>
            <a:r>
              <a:rPr sz="898" spc="-9" dirty="0">
                <a:solidFill>
                  <a:srgbClr val="595959"/>
                </a:solidFill>
                <a:latin typeface="Calibri"/>
                <a:cs typeface="Calibri"/>
              </a:rPr>
              <a:t>180,000</a:t>
            </a:r>
            <a:endParaRPr sz="898">
              <a:latin typeface="Calibri"/>
              <a:cs typeface="Calibri"/>
            </a:endParaRPr>
          </a:p>
        </p:txBody>
      </p:sp>
      <p:sp>
        <p:nvSpPr>
          <p:cNvPr id="162" name="object 162"/>
          <p:cNvSpPr txBox="1"/>
          <p:nvPr/>
        </p:nvSpPr>
        <p:spPr>
          <a:xfrm>
            <a:off x="3188454" y="1599874"/>
            <a:ext cx="459372" cy="288968"/>
          </a:xfrm>
          <a:prstGeom prst="rect">
            <a:avLst/>
          </a:prstGeom>
        </p:spPr>
        <p:txBody>
          <a:bodyPr vert="horz" wrap="square" lIns="0" tIns="12488" rIns="0" bIns="0" rtlCol="0">
            <a:spAutoFit/>
          </a:bodyPr>
          <a:lstStyle/>
          <a:p>
            <a:pPr marL="215023">
              <a:spcBef>
                <a:spcPts val="97"/>
              </a:spcBef>
            </a:pPr>
            <a:r>
              <a:rPr sz="898" dirty="0">
                <a:latin typeface="ＭＳ Ｐゴシック"/>
                <a:cs typeface="ＭＳ Ｐゴシック"/>
              </a:rPr>
              <a:t>（人</a:t>
            </a:r>
            <a:r>
              <a:rPr sz="898" spc="-43" dirty="0">
                <a:latin typeface="ＭＳ Ｐゴシック"/>
                <a:cs typeface="ＭＳ Ｐゴシック"/>
              </a:rPr>
              <a:t>）</a:t>
            </a:r>
            <a:endParaRPr sz="898">
              <a:latin typeface="ＭＳ Ｐゴシック"/>
              <a:cs typeface="ＭＳ Ｐゴシック"/>
            </a:endParaRPr>
          </a:p>
          <a:p>
            <a:pPr marL="10860"/>
            <a:r>
              <a:rPr sz="898" spc="-9" dirty="0">
                <a:solidFill>
                  <a:srgbClr val="595959"/>
                </a:solidFill>
                <a:latin typeface="Calibri"/>
                <a:cs typeface="Calibri"/>
              </a:rPr>
              <a:t>200,000</a:t>
            </a:r>
            <a:endParaRPr sz="898">
              <a:latin typeface="Calibri"/>
              <a:cs typeface="Calibri"/>
            </a:endParaRPr>
          </a:p>
        </p:txBody>
      </p:sp>
      <p:sp>
        <p:nvSpPr>
          <p:cNvPr id="163" name="object 163"/>
          <p:cNvSpPr txBox="1"/>
          <p:nvPr/>
        </p:nvSpPr>
        <p:spPr>
          <a:xfrm>
            <a:off x="3752731" y="5911993"/>
            <a:ext cx="5366942" cy="313855"/>
          </a:xfrm>
          <a:prstGeom prst="rect">
            <a:avLst/>
          </a:prstGeom>
        </p:spPr>
        <p:txBody>
          <a:bodyPr vert="horz" wrap="square" lIns="0" tIns="24435" rIns="0" bIns="0" rtlCol="0">
            <a:spAutoFit/>
          </a:bodyPr>
          <a:lstStyle/>
          <a:p>
            <a:pPr marL="10860">
              <a:spcBef>
                <a:spcPts val="192"/>
              </a:spcBef>
            </a:pPr>
            <a:r>
              <a:rPr sz="898" dirty="0">
                <a:solidFill>
                  <a:srgbClr val="595959"/>
                </a:solidFill>
                <a:latin typeface="Calibri"/>
                <a:cs typeface="Calibri"/>
              </a:rPr>
              <a:t>H4</a:t>
            </a:r>
            <a:r>
              <a:rPr sz="898" spc="167" dirty="0">
                <a:solidFill>
                  <a:srgbClr val="595959"/>
                </a:solidFill>
                <a:latin typeface="Calibri"/>
                <a:cs typeface="Calibri"/>
              </a:rPr>
              <a:t>  </a:t>
            </a:r>
            <a:r>
              <a:rPr sz="898" dirty="0">
                <a:solidFill>
                  <a:srgbClr val="595959"/>
                </a:solidFill>
                <a:latin typeface="Calibri"/>
                <a:cs typeface="Calibri"/>
              </a:rPr>
              <a:t>H5</a:t>
            </a:r>
            <a:r>
              <a:rPr sz="898" spc="162" dirty="0">
                <a:solidFill>
                  <a:srgbClr val="595959"/>
                </a:solidFill>
                <a:latin typeface="Calibri"/>
                <a:cs typeface="Calibri"/>
              </a:rPr>
              <a:t>  </a:t>
            </a:r>
            <a:r>
              <a:rPr sz="898" dirty="0">
                <a:solidFill>
                  <a:srgbClr val="595959"/>
                </a:solidFill>
                <a:latin typeface="Calibri"/>
                <a:cs typeface="Calibri"/>
              </a:rPr>
              <a:t>H6</a:t>
            </a:r>
            <a:r>
              <a:rPr sz="898" spc="167" dirty="0">
                <a:solidFill>
                  <a:srgbClr val="595959"/>
                </a:solidFill>
                <a:latin typeface="Calibri"/>
                <a:cs typeface="Calibri"/>
              </a:rPr>
              <a:t>  </a:t>
            </a:r>
            <a:r>
              <a:rPr sz="898" dirty="0">
                <a:solidFill>
                  <a:srgbClr val="595959"/>
                </a:solidFill>
                <a:latin typeface="Calibri"/>
                <a:cs typeface="Calibri"/>
              </a:rPr>
              <a:t>H7</a:t>
            </a:r>
            <a:r>
              <a:rPr sz="898" spc="162" dirty="0">
                <a:solidFill>
                  <a:srgbClr val="595959"/>
                </a:solidFill>
                <a:latin typeface="Calibri"/>
                <a:cs typeface="Calibri"/>
              </a:rPr>
              <a:t>  </a:t>
            </a:r>
            <a:r>
              <a:rPr sz="898" dirty="0">
                <a:solidFill>
                  <a:srgbClr val="595959"/>
                </a:solidFill>
                <a:latin typeface="Calibri"/>
                <a:cs typeface="Calibri"/>
              </a:rPr>
              <a:t>H8</a:t>
            </a:r>
            <a:r>
              <a:rPr sz="898" spc="171" dirty="0">
                <a:solidFill>
                  <a:srgbClr val="595959"/>
                </a:solidFill>
                <a:latin typeface="Calibri"/>
                <a:cs typeface="Calibri"/>
              </a:rPr>
              <a:t>  </a:t>
            </a:r>
            <a:r>
              <a:rPr sz="898" dirty="0">
                <a:solidFill>
                  <a:srgbClr val="595959"/>
                </a:solidFill>
                <a:latin typeface="Calibri"/>
                <a:cs typeface="Calibri"/>
              </a:rPr>
              <a:t>H9</a:t>
            </a:r>
            <a:r>
              <a:rPr sz="898" spc="274" dirty="0">
                <a:solidFill>
                  <a:srgbClr val="595959"/>
                </a:solidFill>
                <a:latin typeface="Calibri"/>
                <a:cs typeface="Calibri"/>
              </a:rPr>
              <a:t> </a:t>
            </a:r>
            <a:r>
              <a:rPr sz="898" dirty="0">
                <a:solidFill>
                  <a:srgbClr val="595959"/>
                </a:solidFill>
                <a:latin typeface="Calibri"/>
                <a:cs typeface="Calibri"/>
              </a:rPr>
              <a:t>H10</a:t>
            </a:r>
            <a:r>
              <a:rPr sz="898" spc="38" dirty="0">
                <a:solidFill>
                  <a:srgbClr val="595959"/>
                </a:solidFill>
                <a:latin typeface="Calibri"/>
                <a:cs typeface="Calibri"/>
              </a:rPr>
              <a:t> </a:t>
            </a:r>
            <a:r>
              <a:rPr sz="898" dirty="0">
                <a:solidFill>
                  <a:srgbClr val="595959"/>
                </a:solidFill>
                <a:latin typeface="Calibri"/>
                <a:cs typeface="Calibri"/>
              </a:rPr>
              <a:t>H11</a:t>
            </a:r>
            <a:r>
              <a:rPr sz="898" spc="26" dirty="0">
                <a:solidFill>
                  <a:srgbClr val="595959"/>
                </a:solidFill>
                <a:latin typeface="Calibri"/>
                <a:cs typeface="Calibri"/>
              </a:rPr>
              <a:t> </a:t>
            </a:r>
            <a:r>
              <a:rPr sz="898" dirty="0">
                <a:solidFill>
                  <a:srgbClr val="595959"/>
                </a:solidFill>
                <a:latin typeface="Calibri"/>
                <a:cs typeface="Calibri"/>
              </a:rPr>
              <a:t>H12</a:t>
            </a:r>
            <a:r>
              <a:rPr sz="898" spc="43" dirty="0">
                <a:solidFill>
                  <a:srgbClr val="595959"/>
                </a:solidFill>
                <a:latin typeface="Calibri"/>
                <a:cs typeface="Calibri"/>
              </a:rPr>
              <a:t> </a:t>
            </a:r>
            <a:r>
              <a:rPr sz="898" dirty="0">
                <a:solidFill>
                  <a:srgbClr val="595959"/>
                </a:solidFill>
                <a:latin typeface="Calibri"/>
                <a:cs typeface="Calibri"/>
              </a:rPr>
              <a:t>H13</a:t>
            </a:r>
            <a:r>
              <a:rPr sz="898" spc="26" dirty="0">
                <a:solidFill>
                  <a:srgbClr val="595959"/>
                </a:solidFill>
                <a:latin typeface="Calibri"/>
                <a:cs typeface="Calibri"/>
              </a:rPr>
              <a:t> </a:t>
            </a:r>
            <a:r>
              <a:rPr sz="898" dirty="0">
                <a:solidFill>
                  <a:srgbClr val="595959"/>
                </a:solidFill>
                <a:latin typeface="Calibri"/>
                <a:cs typeface="Calibri"/>
              </a:rPr>
              <a:t>H14</a:t>
            </a:r>
            <a:r>
              <a:rPr sz="898" spc="26" dirty="0">
                <a:solidFill>
                  <a:srgbClr val="595959"/>
                </a:solidFill>
                <a:latin typeface="Calibri"/>
                <a:cs typeface="Calibri"/>
              </a:rPr>
              <a:t> </a:t>
            </a:r>
            <a:r>
              <a:rPr sz="898" dirty="0">
                <a:solidFill>
                  <a:srgbClr val="595959"/>
                </a:solidFill>
                <a:latin typeface="Calibri"/>
                <a:cs typeface="Calibri"/>
              </a:rPr>
              <a:t>H15</a:t>
            </a:r>
            <a:r>
              <a:rPr sz="898" spc="38" dirty="0">
                <a:solidFill>
                  <a:srgbClr val="595959"/>
                </a:solidFill>
                <a:latin typeface="Calibri"/>
                <a:cs typeface="Calibri"/>
              </a:rPr>
              <a:t> </a:t>
            </a:r>
            <a:r>
              <a:rPr sz="898" dirty="0">
                <a:solidFill>
                  <a:srgbClr val="595959"/>
                </a:solidFill>
                <a:latin typeface="Calibri"/>
                <a:cs typeface="Calibri"/>
              </a:rPr>
              <a:t>H16</a:t>
            </a:r>
            <a:r>
              <a:rPr sz="898" spc="26" dirty="0">
                <a:solidFill>
                  <a:srgbClr val="595959"/>
                </a:solidFill>
                <a:latin typeface="Calibri"/>
                <a:cs typeface="Calibri"/>
              </a:rPr>
              <a:t> </a:t>
            </a:r>
            <a:r>
              <a:rPr sz="898" dirty="0">
                <a:solidFill>
                  <a:srgbClr val="595959"/>
                </a:solidFill>
                <a:latin typeface="Calibri"/>
                <a:cs typeface="Calibri"/>
              </a:rPr>
              <a:t>H17</a:t>
            </a:r>
            <a:r>
              <a:rPr sz="898" spc="38" dirty="0">
                <a:solidFill>
                  <a:srgbClr val="595959"/>
                </a:solidFill>
                <a:latin typeface="Calibri"/>
                <a:cs typeface="Calibri"/>
              </a:rPr>
              <a:t> </a:t>
            </a:r>
            <a:r>
              <a:rPr sz="898" dirty="0">
                <a:solidFill>
                  <a:srgbClr val="595959"/>
                </a:solidFill>
                <a:latin typeface="Calibri"/>
                <a:cs typeface="Calibri"/>
              </a:rPr>
              <a:t>H18</a:t>
            </a:r>
            <a:r>
              <a:rPr sz="898" spc="26" dirty="0">
                <a:solidFill>
                  <a:srgbClr val="595959"/>
                </a:solidFill>
                <a:latin typeface="Calibri"/>
                <a:cs typeface="Calibri"/>
              </a:rPr>
              <a:t> </a:t>
            </a:r>
            <a:r>
              <a:rPr sz="898" dirty="0">
                <a:solidFill>
                  <a:srgbClr val="595959"/>
                </a:solidFill>
                <a:latin typeface="Calibri"/>
                <a:cs typeface="Calibri"/>
              </a:rPr>
              <a:t>H19</a:t>
            </a:r>
            <a:r>
              <a:rPr sz="898" spc="43" dirty="0">
                <a:solidFill>
                  <a:srgbClr val="595959"/>
                </a:solidFill>
                <a:latin typeface="Calibri"/>
                <a:cs typeface="Calibri"/>
              </a:rPr>
              <a:t> </a:t>
            </a:r>
            <a:r>
              <a:rPr sz="898" dirty="0">
                <a:solidFill>
                  <a:srgbClr val="595959"/>
                </a:solidFill>
                <a:latin typeface="Calibri"/>
                <a:cs typeface="Calibri"/>
              </a:rPr>
              <a:t>H20</a:t>
            </a:r>
            <a:r>
              <a:rPr sz="898" spc="26" dirty="0">
                <a:solidFill>
                  <a:srgbClr val="595959"/>
                </a:solidFill>
                <a:latin typeface="Calibri"/>
                <a:cs typeface="Calibri"/>
              </a:rPr>
              <a:t> </a:t>
            </a:r>
            <a:r>
              <a:rPr sz="898" dirty="0">
                <a:solidFill>
                  <a:srgbClr val="595959"/>
                </a:solidFill>
                <a:latin typeface="Calibri"/>
                <a:cs typeface="Calibri"/>
              </a:rPr>
              <a:t>H21</a:t>
            </a:r>
            <a:r>
              <a:rPr sz="898" spc="26" dirty="0">
                <a:solidFill>
                  <a:srgbClr val="595959"/>
                </a:solidFill>
                <a:latin typeface="Calibri"/>
                <a:cs typeface="Calibri"/>
              </a:rPr>
              <a:t> </a:t>
            </a:r>
            <a:r>
              <a:rPr sz="898" dirty="0">
                <a:solidFill>
                  <a:srgbClr val="595959"/>
                </a:solidFill>
                <a:latin typeface="Calibri"/>
                <a:cs typeface="Calibri"/>
              </a:rPr>
              <a:t>H22</a:t>
            </a:r>
            <a:r>
              <a:rPr sz="898" spc="38" dirty="0">
                <a:solidFill>
                  <a:srgbClr val="595959"/>
                </a:solidFill>
                <a:latin typeface="Calibri"/>
                <a:cs typeface="Calibri"/>
              </a:rPr>
              <a:t> </a:t>
            </a:r>
            <a:r>
              <a:rPr sz="898" dirty="0">
                <a:solidFill>
                  <a:srgbClr val="595959"/>
                </a:solidFill>
                <a:latin typeface="Calibri"/>
                <a:cs typeface="Calibri"/>
              </a:rPr>
              <a:t>H23</a:t>
            </a:r>
            <a:r>
              <a:rPr sz="898" spc="26" dirty="0">
                <a:solidFill>
                  <a:srgbClr val="595959"/>
                </a:solidFill>
                <a:latin typeface="Calibri"/>
                <a:cs typeface="Calibri"/>
              </a:rPr>
              <a:t> </a:t>
            </a:r>
            <a:r>
              <a:rPr sz="898" dirty="0">
                <a:solidFill>
                  <a:srgbClr val="595959"/>
                </a:solidFill>
                <a:latin typeface="Calibri"/>
                <a:cs typeface="Calibri"/>
              </a:rPr>
              <a:t>H24</a:t>
            </a:r>
            <a:r>
              <a:rPr sz="898" spc="38" dirty="0">
                <a:solidFill>
                  <a:srgbClr val="595959"/>
                </a:solidFill>
                <a:latin typeface="Calibri"/>
                <a:cs typeface="Calibri"/>
              </a:rPr>
              <a:t> </a:t>
            </a:r>
            <a:r>
              <a:rPr sz="898" dirty="0">
                <a:solidFill>
                  <a:srgbClr val="595959"/>
                </a:solidFill>
                <a:latin typeface="Calibri"/>
                <a:cs typeface="Calibri"/>
              </a:rPr>
              <a:t>H25</a:t>
            </a:r>
            <a:r>
              <a:rPr sz="898" spc="26" dirty="0">
                <a:solidFill>
                  <a:srgbClr val="595959"/>
                </a:solidFill>
                <a:latin typeface="Calibri"/>
                <a:cs typeface="Calibri"/>
              </a:rPr>
              <a:t> </a:t>
            </a:r>
            <a:r>
              <a:rPr sz="898" dirty="0">
                <a:solidFill>
                  <a:srgbClr val="595959"/>
                </a:solidFill>
                <a:latin typeface="Calibri"/>
                <a:cs typeface="Calibri"/>
              </a:rPr>
              <a:t>H26</a:t>
            </a:r>
            <a:r>
              <a:rPr sz="898" spc="43" dirty="0">
                <a:solidFill>
                  <a:srgbClr val="595959"/>
                </a:solidFill>
                <a:latin typeface="Calibri"/>
                <a:cs typeface="Calibri"/>
              </a:rPr>
              <a:t> </a:t>
            </a:r>
            <a:r>
              <a:rPr sz="898" spc="-21" dirty="0">
                <a:solidFill>
                  <a:srgbClr val="595959"/>
                </a:solidFill>
                <a:latin typeface="Calibri"/>
                <a:cs typeface="Calibri"/>
              </a:rPr>
              <a:t>H27</a:t>
            </a:r>
            <a:endParaRPr sz="898">
              <a:latin typeface="Calibri"/>
              <a:cs typeface="Calibri"/>
            </a:endParaRPr>
          </a:p>
          <a:p>
            <a:pPr marR="4344" algn="r">
              <a:spcBef>
                <a:spcPts val="103"/>
              </a:spcBef>
            </a:pPr>
            <a:r>
              <a:rPr sz="898" dirty="0">
                <a:latin typeface="ＭＳ Ｐゴシック"/>
                <a:cs typeface="ＭＳ Ｐゴシック"/>
              </a:rPr>
              <a:t>（年度</a:t>
            </a:r>
            <a:r>
              <a:rPr sz="898" spc="-43" dirty="0">
                <a:latin typeface="ＭＳ Ｐゴシック"/>
                <a:cs typeface="ＭＳ Ｐゴシック"/>
              </a:rPr>
              <a:t>）</a:t>
            </a:r>
            <a:endParaRPr sz="898">
              <a:latin typeface="ＭＳ Ｐゴシック"/>
              <a:cs typeface="ＭＳ Ｐゴシック"/>
            </a:endParaRPr>
          </a:p>
        </p:txBody>
      </p:sp>
      <p:sp>
        <p:nvSpPr>
          <p:cNvPr id="164" name="object 164"/>
          <p:cNvSpPr txBox="1"/>
          <p:nvPr/>
        </p:nvSpPr>
        <p:spPr>
          <a:xfrm>
            <a:off x="5363467" y="1528200"/>
            <a:ext cx="1721287" cy="237487"/>
          </a:xfrm>
          <a:prstGeom prst="rect">
            <a:avLst/>
          </a:prstGeom>
        </p:spPr>
        <p:txBody>
          <a:bodyPr vert="horz" wrap="square" lIns="0" tIns="13575" rIns="0" bIns="0" rtlCol="0">
            <a:spAutoFit/>
          </a:bodyPr>
          <a:lstStyle/>
          <a:p>
            <a:pPr marL="10860">
              <a:spcBef>
                <a:spcPts val="107"/>
              </a:spcBef>
            </a:pPr>
            <a:r>
              <a:rPr sz="1454" b="1" spc="-9" dirty="0">
                <a:latin typeface="ＭＳ Ｐゴシック"/>
                <a:cs typeface="ＭＳ Ｐゴシック"/>
              </a:rPr>
              <a:t>土木部門職員数推移</a:t>
            </a:r>
            <a:endParaRPr sz="1454">
              <a:latin typeface="ＭＳ Ｐゴシック"/>
              <a:cs typeface="ＭＳ Ｐゴシック"/>
            </a:endParaRPr>
          </a:p>
        </p:txBody>
      </p:sp>
      <p:sp>
        <p:nvSpPr>
          <p:cNvPr id="165" name="object 165"/>
          <p:cNvSpPr txBox="1"/>
          <p:nvPr/>
        </p:nvSpPr>
        <p:spPr>
          <a:xfrm>
            <a:off x="6296544" y="6349980"/>
            <a:ext cx="2384825" cy="164967"/>
          </a:xfrm>
          <a:prstGeom prst="rect">
            <a:avLst/>
          </a:prstGeom>
        </p:spPr>
        <p:txBody>
          <a:bodyPr vert="horz" wrap="square" lIns="0" tIns="13575" rIns="0" bIns="0" rtlCol="0">
            <a:spAutoFit/>
          </a:bodyPr>
          <a:lstStyle/>
          <a:p>
            <a:pPr marL="10860">
              <a:spcBef>
                <a:spcPts val="107"/>
              </a:spcBef>
            </a:pPr>
            <a:r>
              <a:rPr sz="983" spc="-4" dirty="0">
                <a:latin typeface="ＭＳ Ｐゴシック"/>
                <a:cs typeface="ＭＳ Ｐゴシック"/>
              </a:rPr>
              <a:t>出所：総務省「地方公共団体定員管理調査」</a:t>
            </a:r>
            <a:endParaRPr sz="983">
              <a:latin typeface="ＭＳ Ｐゴシック"/>
              <a:cs typeface="ＭＳ Ｐゴシック"/>
            </a:endParaRPr>
          </a:p>
        </p:txBody>
      </p:sp>
      <p:sp>
        <p:nvSpPr>
          <p:cNvPr id="166" name="object 166"/>
          <p:cNvSpPr/>
          <p:nvPr/>
        </p:nvSpPr>
        <p:spPr>
          <a:xfrm>
            <a:off x="104255" y="839250"/>
            <a:ext cx="8934948" cy="428964"/>
          </a:xfrm>
          <a:custGeom>
            <a:avLst/>
            <a:gdLst/>
            <a:ahLst/>
            <a:cxnLst/>
            <a:rect l="l" t="t" r="r" b="b"/>
            <a:pathLst>
              <a:path w="10448925" h="501650">
                <a:moveTo>
                  <a:pt x="10364724" y="0"/>
                </a:moveTo>
                <a:lnTo>
                  <a:pt x="83820" y="0"/>
                </a:lnTo>
                <a:lnTo>
                  <a:pt x="74676" y="1524"/>
                </a:lnTo>
                <a:lnTo>
                  <a:pt x="33528" y="21335"/>
                </a:lnTo>
                <a:lnTo>
                  <a:pt x="12192" y="48768"/>
                </a:lnTo>
                <a:lnTo>
                  <a:pt x="7619" y="56387"/>
                </a:lnTo>
                <a:lnTo>
                  <a:pt x="1524" y="74675"/>
                </a:lnTo>
                <a:lnTo>
                  <a:pt x="1524" y="83820"/>
                </a:lnTo>
                <a:lnTo>
                  <a:pt x="0" y="92963"/>
                </a:lnTo>
                <a:lnTo>
                  <a:pt x="0" y="409955"/>
                </a:lnTo>
                <a:lnTo>
                  <a:pt x="4572" y="437388"/>
                </a:lnTo>
                <a:lnTo>
                  <a:pt x="35052" y="481583"/>
                </a:lnTo>
                <a:lnTo>
                  <a:pt x="74676" y="499871"/>
                </a:lnTo>
                <a:lnTo>
                  <a:pt x="85344" y="501395"/>
                </a:lnTo>
                <a:lnTo>
                  <a:pt x="10366248" y="501395"/>
                </a:lnTo>
                <a:lnTo>
                  <a:pt x="10384536" y="498348"/>
                </a:lnTo>
                <a:lnTo>
                  <a:pt x="10392156" y="493775"/>
                </a:lnTo>
                <a:lnTo>
                  <a:pt x="10401300" y="490727"/>
                </a:lnTo>
                <a:lnTo>
                  <a:pt x="10408920" y="486155"/>
                </a:lnTo>
                <a:lnTo>
                  <a:pt x="10415016" y="480059"/>
                </a:lnTo>
                <a:lnTo>
                  <a:pt x="10422636" y="473963"/>
                </a:lnTo>
                <a:lnTo>
                  <a:pt x="85344" y="473963"/>
                </a:lnTo>
                <a:lnTo>
                  <a:pt x="67056" y="469391"/>
                </a:lnTo>
                <a:lnTo>
                  <a:pt x="62484" y="466343"/>
                </a:lnTo>
                <a:lnTo>
                  <a:pt x="56387" y="463295"/>
                </a:lnTo>
                <a:lnTo>
                  <a:pt x="51816" y="458724"/>
                </a:lnTo>
                <a:lnTo>
                  <a:pt x="47244" y="455675"/>
                </a:lnTo>
                <a:lnTo>
                  <a:pt x="42672" y="449579"/>
                </a:lnTo>
                <a:lnTo>
                  <a:pt x="27432" y="414527"/>
                </a:lnTo>
                <a:lnTo>
                  <a:pt x="27432" y="92963"/>
                </a:lnTo>
                <a:lnTo>
                  <a:pt x="28956" y="85344"/>
                </a:lnTo>
                <a:lnTo>
                  <a:pt x="28956" y="79248"/>
                </a:lnTo>
                <a:lnTo>
                  <a:pt x="51816" y="41148"/>
                </a:lnTo>
                <a:lnTo>
                  <a:pt x="57912" y="38100"/>
                </a:lnTo>
                <a:lnTo>
                  <a:pt x="62484" y="35051"/>
                </a:lnTo>
                <a:lnTo>
                  <a:pt x="68580" y="32003"/>
                </a:lnTo>
                <a:lnTo>
                  <a:pt x="86868" y="27431"/>
                </a:lnTo>
                <a:lnTo>
                  <a:pt x="10422331" y="27431"/>
                </a:lnTo>
                <a:lnTo>
                  <a:pt x="10421112" y="25907"/>
                </a:lnTo>
                <a:lnTo>
                  <a:pt x="10415016" y="19811"/>
                </a:lnTo>
                <a:lnTo>
                  <a:pt x="10392156" y="6096"/>
                </a:lnTo>
                <a:lnTo>
                  <a:pt x="10383012" y="3048"/>
                </a:lnTo>
                <a:lnTo>
                  <a:pt x="10364724" y="0"/>
                </a:lnTo>
                <a:close/>
              </a:path>
              <a:path w="10448925" h="501650">
                <a:moveTo>
                  <a:pt x="10422331" y="27431"/>
                </a:moveTo>
                <a:lnTo>
                  <a:pt x="10363200" y="27431"/>
                </a:lnTo>
                <a:lnTo>
                  <a:pt x="10369296" y="28955"/>
                </a:lnTo>
                <a:lnTo>
                  <a:pt x="10376916" y="30479"/>
                </a:lnTo>
                <a:lnTo>
                  <a:pt x="10381488" y="32003"/>
                </a:lnTo>
                <a:lnTo>
                  <a:pt x="10393680" y="38100"/>
                </a:lnTo>
                <a:lnTo>
                  <a:pt x="10407396" y="51815"/>
                </a:lnTo>
                <a:lnTo>
                  <a:pt x="10410444" y="56387"/>
                </a:lnTo>
                <a:lnTo>
                  <a:pt x="10413491" y="62483"/>
                </a:lnTo>
                <a:lnTo>
                  <a:pt x="10416540" y="67055"/>
                </a:lnTo>
                <a:lnTo>
                  <a:pt x="10419588" y="79248"/>
                </a:lnTo>
                <a:lnTo>
                  <a:pt x="10421112" y="86868"/>
                </a:lnTo>
                <a:lnTo>
                  <a:pt x="10421112" y="416051"/>
                </a:lnTo>
                <a:lnTo>
                  <a:pt x="10419588" y="423671"/>
                </a:lnTo>
                <a:lnTo>
                  <a:pt x="10416540" y="435863"/>
                </a:lnTo>
                <a:lnTo>
                  <a:pt x="10413491" y="440436"/>
                </a:lnTo>
                <a:lnTo>
                  <a:pt x="10410444" y="446531"/>
                </a:lnTo>
                <a:lnTo>
                  <a:pt x="10396728" y="460248"/>
                </a:lnTo>
                <a:lnTo>
                  <a:pt x="10392156" y="463295"/>
                </a:lnTo>
                <a:lnTo>
                  <a:pt x="10386060" y="467867"/>
                </a:lnTo>
                <a:lnTo>
                  <a:pt x="10381488" y="469391"/>
                </a:lnTo>
                <a:lnTo>
                  <a:pt x="10375391" y="472439"/>
                </a:lnTo>
                <a:lnTo>
                  <a:pt x="10369296" y="473963"/>
                </a:lnTo>
                <a:lnTo>
                  <a:pt x="10422636" y="473963"/>
                </a:lnTo>
                <a:lnTo>
                  <a:pt x="10428732" y="467867"/>
                </a:lnTo>
                <a:lnTo>
                  <a:pt x="10442448" y="445007"/>
                </a:lnTo>
                <a:lnTo>
                  <a:pt x="10445496" y="435863"/>
                </a:lnTo>
                <a:lnTo>
                  <a:pt x="10448544" y="417575"/>
                </a:lnTo>
                <a:lnTo>
                  <a:pt x="10448544" y="82296"/>
                </a:lnTo>
                <a:lnTo>
                  <a:pt x="10447020" y="73151"/>
                </a:lnTo>
                <a:lnTo>
                  <a:pt x="10443972" y="64007"/>
                </a:lnTo>
                <a:lnTo>
                  <a:pt x="10440924" y="56387"/>
                </a:lnTo>
                <a:lnTo>
                  <a:pt x="10437876" y="47244"/>
                </a:lnTo>
                <a:lnTo>
                  <a:pt x="10433304" y="39624"/>
                </a:lnTo>
                <a:lnTo>
                  <a:pt x="10427208" y="33527"/>
                </a:lnTo>
                <a:lnTo>
                  <a:pt x="10422331" y="27431"/>
                </a:lnTo>
                <a:close/>
              </a:path>
            </a:pathLst>
          </a:custGeom>
          <a:solidFill>
            <a:srgbClr val="4F80BC"/>
          </a:solidFill>
        </p:spPr>
        <p:txBody>
          <a:bodyPr wrap="square" lIns="0" tIns="0" rIns="0" bIns="0" rtlCol="0"/>
          <a:lstStyle/>
          <a:p>
            <a:endParaRPr sz="1539"/>
          </a:p>
        </p:txBody>
      </p:sp>
      <p:sp>
        <p:nvSpPr>
          <p:cNvPr id="167" name="object 167"/>
          <p:cNvSpPr txBox="1"/>
          <p:nvPr/>
        </p:nvSpPr>
        <p:spPr>
          <a:xfrm>
            <a:off x="209379" y="948283"/>
            <a:ext cx="8826349" cy="526364"/>
          </a:xfrm>
          <a:prstGeom prst="rect">
            <a:avLst/>
          </a:prstGeom>
        </p:spPr>
        <p:txBody>
          <a:bodyPr vert="horz" wrap="square" lIns="0" tIns="10860" rIns="0" bIns="0" rtlCol="0">
            <a:spAutoFit/>
          </a:bodyPr>
          <a:lstStyle/>
          <a:p>
            <a:pPr marL="336110" indent="-325250">
              <a:spcBef>
                <a:spcPts val="86"/>
              </a:spcBef>
              <a:buChar char="○"/>
              <a:tabLst>
                <a:tab pos="336110" algn="l"/>
              </a:tabLst>
            </a:pPr>
            <a:r>
              <a:rPr sz="1283" spc="-13" dirty="0">
                <a:latin typeface="ＭＳ ゴシック"/>
                <a:cs typeface="ＭＳ ゴシック"/>
              </a:rPr>
              <a:t>地方公共団体における土木部門の職員数は、建設投資ピーク時</a:t>
            </a:r>
            <a:r>
              <a:rPr sz="1283" spc="-9" dirty="0">
                <a:latin typeface="ＭＳ ゴシック"/>
                <a:cs typeface="ＭＳ ゴシック"/>
              </a:rPr>
              <a:t>（H4</a:t>
            </a:r>
            <a:r>
              <a:rPr sz="1283" dirty="0">
                <a:latin typeface="ＭＳ ゴシック"/>
                <a:cs typeface="ＭＳ ゴシック"/>
              </a:rPr>
              <a:t>年度）から約26</a:t>
            </a:r>
            <a:r>
              <a:rPr sz="1283" spc="-17" dirty="0">
                <a:latin typeface="ＭＳ ゴシック"/>
                <a:cs typeface="ＭＳ ゴシック"/>
              </a:rPr>
              <a:t>%減。</a:t>
            </a:r>
            <a:endParaRPr sz="1283">
              <a:latin typeface="ＭＳ ゴシック"/>
              <a:cs typeface="ＭＳ ゴシック"/>
            </a:endParaRPr>
          </a:p>
          <a:p>
            <a:pPr marL="5840927">
              <a:spcBef>
                <a:spcPts val="1343"/>
              </a:spcBef>
            </a:pPr>
            <a:r>
              <a:rPr sz="983" dirty="0">
                <a:latin typeface="ＭＳ ゴシック"/>
                <a:cs typeface="ＭＳ ゴシック"/>
              </a:rPr>
              <a:t>※</a:t>
            </a:r>
            <a:r>
              <a:rPr sz="983" spc="-4" dirty="0">
                <a:latin typeface="ＭＳ Ｐゴシック"/>
                <a:cs typeface="ＭＳ Ｐゴシック"/>
              </a:rPr>
              <a:t>各年度の職員数はその年度の４月１日現在の職員数</a:t>
            </a:r>
            <a:endParaRPr sz="983">
              <a:latin typeface="ＭＳ Ｐゴシック"/>
              <a:cs typeface="ＭＳ Ｐゴシック"/>
            </a:endParaRPr>
          </a:p>
        </p:txBody>
      </p:sp>
      <p:graphicFrame>
        <p:nvGraphicFramePr>
          <p:cNvPr id="168" name="object 168"/>
          <p:cNvGraphicFramePr>
            <a:graphicFrameLocks noGrp="1"/>
          </p:cNvGraphicFramePr>
          <p:nvPr/>
        </p:nvGraphicFramePr>
        <p:xfrm>
          <a:off x="89267" y="1885055"/>
          <a:ext cx="3027186" cy="4036639"/>
        </p:xfrm>
        <a:graphic>
          <a:graphicData uri="http://schemas.openxmlformats.org/drawingml/2006/table">
            <a:tbl>
              <a:tblPr firstRow="1" bandRow="1">
                <a:tableStyleId>{2D5ABB26-0587-4C30-8999-92F81FD0307C}</a:tableStyleId>
              </a:tblPr>
              <a:tblGrid>
                <a:gridCol w="336113">
                  <a:extLst>
                    <a:ext uri="{9D8B030D-6E8A-4147-A177-3AD203B41FA5}">
                      <a16:colId xmlns:a16="http://schemas.microsoft.com/office/drawing/2014/main" val="20000"/>
                    </a:ext>
                  </a:extLst>
                </a:gridCol>
                <a:gridCol w="861187">
                  <a:extLst>
                    <a:ext uri="{9D8B030D-6E8A-4147-A177-3AD203B41FA5}">
                      <a16:colId xmlns:a16="http://schemas.microsoft.com/office/drawing/2014/main" val="20001"/>
                    </a:ext>
                  </a:extLst>
                </a:gridCol>
                <a:gridCol w="866617">
                  <a:extLst>
                    <a:ext uri="{9D8B030D-6E8A-4147-A177-3AD203B41FA5}">
                      <a16:colId xmlns:a16="http://schemas.microsoft.com/office/drawing/2014/main" val="20002"/>
                    </a:ext>
                  </a:extLst>
                </a:gridCol>
                <a:gridCol w="963269">
                  <a:extLst>
                    <a:ext uri="{9D8B030D-6E8A-4147-A177-3AD203B41FA5}">
                      <a16:colId xmlns:a16="http://schemas.microsoft.com/office/drawing/2014/main" val="20003"/>
                    </a:ext>
                  </a:extLst>
                </a:gridCol>
              </a:tblGrid>
              <a:tr h="453399">
                <a:tc gridSpan="2">
                  <a:txBody>
                    <a:bodyPr/>
                    <a:lstStyle/>
                    <a:p>
                      <a:pPr algn="ctr">
                        <a:lnSpc>
                          <a:spcPct val="100000"/>
                        </a:lnSpc>
                        <a:spcBef>
                          <a:spcPts val="1340"/>
                        </a:spcBef>
                      </a:pPr>
                      <a:r>
                        <a:rPr sz="1100" b="1" spc="-30" dirty="0">
                          <a:solidFill>
                            <a:srgbClr val="FFFFFF"/>
                          </a:solidFill>
                          <a:latin typeface="ＭＳ Ｐゴシック"/>
                          <a:cs typeface="ＭＳ Ｐゴシック"/>
                        </a:rPr>
                        <a:t>区分</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4F80BC"/>
                    </a:solidFill>
                  </a:tcPr>
                </a:tc>
                <a:tc hMerge="1">
                  <a:txBody>
                    <a:bodyPr/>
                    <a:lstStyle/>
                    <a:p>
                      <a:endParaRPr/>
                    </a:p>
                  </a:txBody>
                  <a:tcPr marL="0" marR="0" marT="0" marB="0"/>
                </a:tc>
                <a:tc>
                  <a:txBody>
                    <a:bodyPr/>
                    <a:lstStyle/>
                    <a:p>
                      <a:pPr marR="109220" algn="r">
                        <a:lnSpc>
                          <a:spcPct val="100000"/>
                        </a:lnSpc>
                        <a:spcBef>
                          <a:spcPts val="1340"/>
                        </a:spcBef>
                      </a:pPr>
                      <a:r>
                        <a:rPr sz="1100" b="1" spc="-25" dirty="0">
                          <a:solidFill>
                            <a:srgbClr val="FFFFFF"/>
                          </a:solidFill>
                          <a:latin typeface="ＭＳ Ｐゴシック"/>
                          <a:cs typeface="ＭＳ Ｐゴシック"/>
                        </a:rPr>
                        <a:t>平成６年度</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4F80BC"/>
                    </a:solidFill>
                  </a:tcPr>
                </a:tc>
                <a:tc>
                  <a:txBody>
                    <a:bodyPr/>
                    <a:lstStyle/>
                    <a:p>
                      <a:pPr marL="118745">
                        <a:lnSpc>
                          <a:spcPct val="100000"/>
                        </a:lnSpc>
                        <a:spcBef>
                          <a:spcPts val="560"/>
                        </a:spcBef>
                      </a:pPr>
                      <a:r>
                        <a:rPr sz="1100" b="1" spc="-25" dirty="0">
                          <a:solidFill>
                            <a:srgbClr val="FFFFFF"/>
                          </a:solidFill>
                          <a:latin typeface="ＭＳ Ｐゴシック"/>
                          <a:cs typeface="ＭＳ Ｐゴシック"/>
                        </a:rPr>
                        <a:t>平成２６年度</a:t>
                      </a:r>
                      <a:endParaRPr sz="1100">
                        <a:latin typeface="ＭＳ Ｐゴシック"/>
                        <a:cs typeface="ＭＳ Ｐゴシック"/>
                      </a:endParaRPr>
                    </a:p>
                    <a:p>
                      <a:pPr marL="121285">
                        <a:lnSpc>
                          <a:spcPct val="100000"/>
                        </a:lnSpc>
                      </a:pPr>
                      <a:r>
                        <a:rPr sz="1100" b="1" spc="-10" dirty="0">
                          <a:solidFill>
                            <a:srgbClr val="FFFFFF"/>
                          </a:solidFill>
                          <a:latin typeface="ＭＳ Ｐゴシック"/>
                          <a:cs typeface="ＭＳ Ｐゴシック"/>
                        </a:rPr>
                        <a:t>（H</a:t>
                      </a:r>
                      <a:r>
                        <a:rPr sz="1100" b="1" spc="-20" dirty="0">
                          <a:solidFill>
                            <a:srgbClr val="FFFFFF"/>
                          </a:solidFill>
                          <a:latin typeface="ＭＳ Ｐゴシック"/>
                          <a:cs typeface="ＭＳ Ｐゴシック"/>
                        </a:rPr>
                        <a:t>６年度比</a:t>
                      </a:r>
                      <a:r>
                        <a:rPr sz="1100" b="1" spc="-50" dirty="0">
                          <a:solidFill>
                            <a:srgbClr val="FFFFFF"/>
                          </a:solidFill>
                          <a:latin typeface="ＭＳ Ｐゴシック"/>
                          <a:cs typeface="ＭＳ Ｐゴシック"/>
                        </a:rPr>
                        <a:t>）</a:t>
                      </a:r>
                      <a:endParaRPr sz="1100">
                        <a:latin typeface="ＭＳ Ｐゴシック"/>
                        <a:cs typeface="ＭＳ Ｐゴシック"/>
                      </a:endParaRPr>
                    </a:p>
                  </a:txBody>
                  <a:tcPr marL="0" marR="0" marT="60815"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4F80BC"/>
                    </a:solidFill>
                  </a:tcPr>
                </a:tc>
                <a:extLst>
                  <a:ext uri="{0D108BD9-81ED-4DB2-BD59-A6C34878D82A}">
                    <a16:rowId xmlns:a16="http://schemas.microsoft.com/office/drawing/2014/main" val="10000"/>
                  </a:ext>
                </a:extLst>
              </a:tr>
              <a:tr h="250320">
                <a:tc rowSpan="8">
                  <a:txBody>
                    <a:bodyPr/>
                    <a:lstStyle/>
                    <a:p>
                      <a:pPr marL="2540" algn="ctr">
                        <a:lnSpc>
                          <a:spcPct val="100000"/>
                        </a:lnSpc>
                        <a:spcBef>
                          <a:spcPts val="250"/>
                        </a:spcBef>
                      </a:pPr>
                      <a:r>
                        <a:rPr sz="1100" spc="165" dirty="0">
                          <a:latin typeface="HGP教科書体"/>
                          <a:cs typeface="HGP教科書体"/>
                        </a:rPr>
                        <a:t>普 通 会 計</a:t>
                      </a:r>
                      <a:endParaRPr sz="1100">
                        <a:latin typeface="HGP教科書体"/>
                        <a:cs typeface="HGP教科書体"/>
                      </a:endParaRPr>
                    </a:p>
                  </a:txBody>
                  <a:tcPr marL="0" marR="0" marT="271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marL="1270" algn="ctr">
                        <a:lnSpc>
                          <a:spcPct val="100000"/>
                        </a:lnSpc>
                        <a:spcBef>
                          <a:spcPts val="415"/>
                        </a:spcBef>
                      </a:pPr>
                      <a:r>
                        <a:rPr sz="1100" spc="-30" dirty="0">
                          <a:latin typeface="ＭＳ Ｐゴシック"/>
                          <a:cs typeface="ＭＳ Ｐゴシック"/>
                        </a:rPr>
                        <a:t>一般行政</a:t>
                      </a:r>
                      <a:endParaRPr sz="1100">
                        <a:latin typeface="ＭＳ Ｐゴシック"/>
                        <a:cs typeface="ＭＳ Ｐゴシック"/>
                      </a:endParaRPr>
                    </a:p>
                  </a:txBody>
                  <a:tcPr marL="0" marR="0" marT="45068" marB="0">
                    <a:lnL w="19050">
                      <a:solidFill>
                        <a:srgbClr val="FFFFFF"/>
                      </a:solidFill>
                      <a:prstDash val="solid"/>
                    </a:lnL>
                    <a:lnR w="19050">
                      <a:solidFill>
                        <a:srgbClr val="FFFFFF"/>
                      </a:solidFill>
                      <a:prstDash val="solid"/>
                    </a:lnR>
                    <a:lnT w="57150">
                      <a:solidFill>
                        <a:srgbClr val="FFFFFF"/>
                      </a:solidFill>
                      <a:prstDash val="solid"/>
                    </a:lnT>
                    <a:solidFill>
                      <a:srgbClr val="CFD8E8"/>
                    </a:solidFill>
                  </a:tcPr>
                </a:tc>
                <a:tc>
                  <a:txBody>
                    <a:bodyPr/>
                    <a:lstStyle/>
                    <a:p>
                      <a:pPr marR="89535" algn="r">
                        <a:lnSpc>
                          <a:spcPts val="1515"/>
                        </a:lnSpc>
                        <a:spcBef>
                          <a:spcPts val="690"/>
                        </a:spcBef>
                      </a:pPr>
                      <a:r>
                        <a:rPr sz="1100" spc="-10" dirty="0">
                          <a:latin typeface="ＭＳ Ｐゴシック"/>
                          <a:cs typeface="ＭＳ Ｐゴシック"/>
                        </a:rPr>
                        <a:t>1,174,514</a:t>
                      </a:r>
                      <a:endParaRPr sz="1100">
                        <a:latin typeface="ＭＳ Ｐゴシック"/>
                        <a:cs typeface="ＭＳ Ｐゴシック"/>
                      </a:endParaRPr>
                    </a:p>
                  </a:txBody>
                  <a:tcPr marL="0" marR="0" marT="74933" marB="0">
                    <a:lnL w="19050">
                      <a:solidFill>
                        <a:srgbClr val="FFFFFF"/>
                      </a:solidFill>
                      <a:prstDash val="solid"/>
                    </a:lnL>
                    <a:lnR w="19050">
                      <a:solidFill>
                        <a:srgbClr val="FFFFFF"/>
                      </a:solidFill>
                      <a:prstDash val="solid"/>
                    </a:lnR>
                    <a:lnT w="57150">
                      <a:solidFill>
                        <a:srgbClr val="FFFFFF"/>
                      </a:solidFill>
                      <a:prstDash val="solid"/>
                    </a:lnT>
                    <a:solidFill>
                      <a:srgbClr val="CFD8E8"/>
                    </a:solidFill>
                  </a:tcPr>
                </a:tc>
                <a:tc>
                  <a:txBody>
                    <a:bodyPr/>
                    <a:lstStyle/>
                    <a:p>
                      <a:pPr marR="89535" algn="r">
                        <a:lnSpc>
                          <a:spcPts val="1515"/>
                        </a:lnSpc>
                        <a:spcBef>
                          <a:spcPts val="690"/>
                        </a:spcBef>
                      </a:pPr>
                      <a:r>
                        <a:rPr sz="1100" spc="-10" dirty="0">
                          <a:latin typeface="ＭＳ Ｐゴシック"/>
                          <a:cs typeface="ＭＳ Ｐゴシック"/>
                        </a:rPr>
                        <a:t>909,362</a:t>
                      </a:r>
                      <a:endParaRPr sz="1100">
                        <a:latin typeface="ＭＳ Ｐゴシック"/>
                        <a:cs typeface="ＭＳ Ｐゴシック"/>
                      </a:endParaRPr>
                    </a:p>
                  </a:txBody>
                  <a:tcPr marL="0" marR="0" marT="74933" marB="0">
                    <a:lnL w="19050">
                      <a:solidFill>
                        <a:srgbClr val="FFFFFF"/>
                      </a:solidFill>
                      <a:prstDash val="solid"/>
                    </a:lnL>
                    <a:lnR w="19050">
                      <a:solidFill>
                        <a:srgbClr val="FFFFFF"/>
                      </a:solidFill>
                      <a:prstDash val="solid"/>
                    </a:lnR>
                    <a:lnT w="57150">
                      <a:solidFill>
                        <a:srgbClr val="FFFFFF"/>
                      </a:solidFill>
                      <a:prstDash val="solid"/>
                    </a:lnT>
                    <a:solidFill>
                      <a:srgbClr val="CFD8E8"/>
                    </a:solidFill>
                  </a:tcPr>
                </a:tc>
                <a:extLst>
                  <a:ext uri="{0D108BD9-81ED-4DB2-BD59-A6C34878D82A}">
                    <a16:rowId xmlns:a16="http://schemas.microsoft.com/office/drawing/2014/main" val="10001"/>
                  </a:ext>
                </a:extLst>
              </a:tr>
              <a:tr h="154210">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a:lnSpc>
                          <a:spcPct val="100000"/>
                        </a:lnSpc>
                      </a:pPr>
                      <a:endParaRPr sz="900">
                        <a:latin typeface="Times New Roman"/>
                        <a:cs typeface="Times New Roman"/>
                      </a:endParaRPr>
                    </a:p>
                  </a:txBody>
                  <a:tcPr marL="0" marR="0" marT="0" marB="0">
                    <a:lnL w="19050">
                      <a:solidFill>
                        <a:srgbClr val="FFFFFF"/>
                      </a:solidFill>
                      <a:prstDash val="solid"/>
                    </a:lnL>
                    <a:lnR w="19050">
                      <a:solidFill>
                        <a:srgbClr val="FFFFFF"/>
                      </a:solidFill>
                      <a:prstDash val="solid"/>
                    </a:lnR>
                    <a:solidFill>
                      <a:srgbClr val="CFD8E8"/>
                    </a:solidFill>
                  </a:tcPr>
                </a:tc>
                <a:tc>
                  <a:txBody>
                    <a:bodyPr/>
                    <a:lstStyle/>
                    <a:p>
                      <a:pPr>
                        <a:lnSpc>
                          <a:spcPct val="100000"/>
                        </a:lnSpc>
                      </a:pPr>
                      <a:endParaRPr sz="900">
                        <a:latin typeface="Times New Roman"/>
                        <a:cs typeface="Times New Roman"/>
                      </a:endParaRPr>
                    </a:p>
                  </a:txBody>
                  <a:tcPr marL="0" marR="0" marT="0" marB="0">
                    <a:lnL w="19050">
                      <a:solidFill>
                        <a:srgbClr val="FFFFFF"/>
                      </a:solidFill>
                      <a:prstDash val="solid"/>
                    </a:lnL>
                    <a:lnR w="19050">
                      <a:solidFill>
                        <a:srgbClr val="FFFFFF"/>
                      </a:solidFill>
                      <a:prstDash val="solid"/>
                    </a:lnR>
                    <a:solidFill>
                      <a:srgbClr val="CFD8E8"/>
                    </a:solidFill>
                  </a:tcPr>
                </a:tc>
                <a:tc>
                  <a:txBody>
                    <a:bodyPr/>
                    <a:lstStyle/>
                    <a:p>
                      <a:pPr marR="89535" algn="r">
                        <a:lnSpc>
                          <a:spcPts val="1320"/>
                        </a:lnSpc>
                      </a:pPr>
                      <a:r>
                        <a:rPr sz="1100" spc="-10" dirty="0">
                          <a:latin typeface="ＭＳ Ｐゴシック"/>
                          <a:cs typeface="ＭＳ Ｐゴシック"/>
                        </a:rPr>
                        <a:t>（▲22.6）</a:t>
                      </a:r>
                      <a:endParaRPr sz="1100">
                        <a:latin typeface="ＭＳ Ｐゴシック"/>
                        <a:cs typeface="ＭＳ Ｐゴシック"/>
                      </a:endParaRPr>
                    </a:p>
                  </a:txBody>
                  <a:tcPr marL="0" marR="0" marT="0" marB="0">
                    <a:lnL w="19050">
                      <a:solidFill>
                        <a:srgbClr val="FFFFFF"/>
                      </a:solidFill>
                      <a:prstDash val="solid"/>
                    </a:lnL>
                    <a:lnR w="19050">
                      <a:solidFill>
                        <a:srgbClr val="FFFFFF"/>
                      </a:solidFill>
                      <a:prstDash val="solid"/>
                    </a:lnR>
                    <a:solidFill>
                      <a:srgbClr val="CFD8E8"/>
                    </a:solidFill>
                  </a:tcPr>
                </a:tc>
                <a:extLst>
                  <a:ext uri="{0D108BD9-81ED-4DB2-BD59-A6C34878D82A}">
                    <a16:rowId xmlns:a16="http://schemas.microsoft.com/office/drawing/2014/main" val="10002"/>
                  </a:ext>
                </a:extLst>
              </a:tr>
              <a:tr h="183531">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algn="ctr">
                        <a:lnSpc>
                          <a:spcPts val="1370"/>
                        </a:lnSpc>
                      </a:pPr>
                      <a:r>
                        <a:rPr sz="1100" spc="-30" dirty="0">
                          <a:latin typeface="ＭＳ Ｐゴシック"/>
                          <a:cs typeface="ＭＳ Ｐゴシック"/>
                        </a:rPr>
                        <a:t>【うち土木】</a:t>
                      </a:r>
                      <a:endParaRPr sz="1100">
                        <a:latin typeface="ＭＳ Ｐゴシック"/>
                        <a:cs typeface="ＭＳ Ｐゴシック"/>
                      </a:endParaRPr>
                    </a:p>
                  </a:txBody>
                  <a:tcPr marL="0" marR="0" marT="0" marB="0">
                    <a:lnL w="19050">
                      <a:solidFill>
                        <a:srgbClr val="FFFFFF"/>
                      </a:solidFill>
                      <a:prstDash val="solid"/>
                    </a:lnL>
                    <a:lnR w="19050">
                      <a:solidFill>
                        <a:srgbClr val="FFFFFF"/>
                      </a:solidFill>
                      <a:prstDash val="solid"/>
                    </a:lnR>
                    <a:solidFill>
                      <a:srgbClr val="CFD8E8"/>
                    </a:solidFill>
                  </a:tcPr>
                </a:tc>
                <a:tc>
                  <a:txBody>
                    <a:bodyPr/>
                    <a:lstStyle/>
                    <a:p>
                      <a:pPr marR="89535" algn="r">
                        <a:lnSpc>
                          <a:spcPts val="1510"/>
                        </a:lnSpc>
                        <a:spcBef>
                          <a:spcPts val="80"/>
                        </a:spcBef>
                      </a:pPr>
                      <a:r>
                        <a:rPr sz="1100" spc="-10" dirty="0">
                          <a:latin typeface="ＭＳ Ｐゴシック"/>
                          <a:cs typeface="ＭＳ Ｐゴシック"/>
                        </a:rPr>
                        <a:t>【193,143</a:t>
                      </a:r>
                      <a:r>
                        <a:rPr sz="1100" spc="-50" dirty="0">
                          <a:latin typeface="ＭＳ Ｐゴシック"/>
                          <a:cs typeface="ＭＳ Ｐゴシック"/>
                        </a:rPr>
                        <a:t>】</a:t>
                      </a:r>
                      <a:endParaRPr sz="1100">
                        <a:latin typeface="ＭＳ Ｐゴシック"/>
                        <a:cs typeface="ＭＳ Ｐゴシック"/>
                      </a:endParaRPr>
                    </a:p>
                  </a:txBody>
                  <a:tcPr marL="0" marR="0" marT="8688" marB="0">
                    <a:lnL w="19050">
                      <a:solidFill>
                        <a:srgbClr val="FFFFFF"/>
                      </a:solidFill>
                      <a:prstDash val="solid"/>
                    </a:lnL>
                    <a:lnR w="19050">
                      <a:solidFill>
                        <a:srgbClr val="FFFFFF"/>
                      </a:solidFill>
                      <a:prstDash val="solid"/>
                    </a:lnR>
                    <a:solidFill>
                      <a:srgbClr val="CFD8E8"/>
                    </a:solidFill>
                  </a:tcPr>
                </a:tc>
                <a:tc>
                  <a:txBody>
                    <a:bodyPr/>
                    <a:lstStyle/>
                    <a:p>
                      <a:pPr marR="89535" algn="r">
                        <a:lnSpc>
                          <a:spcPts val="1510"/>
                        </a:lnSpc>
                        <a:spcBef>
                          <a:spcPts val="80"/>
                        </a:spcBef>
                      </a:pPr>
                      <a:r>
                        <a:rPr sz="1100" spc="-10" dirty="0">
                          <a:latin typeface="ＭＳ Ｐゴシック"/>
                          <a:cs typeface="ＭＳ Ｐゴシック"/>
                        </a:rPr>
                        <a:t>【139,295</a:t>
                      </a:r>
                      <a:r>
                        <a:rPr sz="1100" spc="-50" dirty="0">
                          <a:latin typeface="ＭＳ Ｐゴシック"/>
                          <a:cs typeface="ＭＳ Ｐゴシック"/>
                        </a:rPr>
                        <a:t>】</a:t>
                      </a:r>
                      <a:endParaRPr sz="1100">
                        <a:latin typeface="ＭＳ Ｐゴシック"/>
                        <a:cs typeface="ＭＳ Ｐゴシック"/>
                      </a:endParaRPr>
                    </a:p>
                  </a:txBody>
                  <a:tcPr marL="0" marR="0" marT="8688" marB="0">
                    <a:lnL w="19050">
                      <a:solidFill>
                        <a:srgbClr val="FFFFFF"/>
                      </a:solidFill>
                      <a:prstDash val="solid"/>
                    </a:lnL>
                    <a:lnR w="19050">
                      <a:solidFill>
                        <a:srgbClr val="FFFFFF"/>
                      </a:solidFill>
                      <a:prstDash val="solid"/>
                    </a:lnR>
                    <a:solidFill>
                      <a:srgbClr val="CFD8E8"/>
                    </a:solidFill>
                  </a:tcPr>
                </a:tc>
                <a:extLst>
                  <a:ext uri="{0D108BD9-81ED-4DB2-BD59-A6C34878D82A}">
                    <a16:rowId xmlns:a16="http://schemas.microsoft.com/office/drawing/2014/main" val="10003"/>
                  </a:ext>
                </a:extLst>
              </a:tr>
              <a:tr h="229686">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a:lnSpc>
                          <a:spcPct val="100000"/>
                        </a:lnSpc>
                      </a:pPr>
                      <a:endParaRPr sz="1000">
                        <a:latin typeface="Times New Roman"/>
                        <a:cs typeface="Times New Roman"/>
                      </a:endParaRPr>
                    </a:p>
                  </a:txBody>
                  <a:tcPr marL="0" marR="0" marT="0" marB="0">
                    <a:lnL w="19050">
                      <a:solidFill>
                        <a:srgbClr val="FFFFFF"/>
                      </a:solidFill>
                      <a:prstDash val="solid"/>
                    </a:lnL>
                    <a:lnR w="19050">
                      <a:solidFill>
                        <a:srgbClr val="FFFFFF"/>
                      </a:solidFill>
                      <a:prstDash val="solid"/>
                    </a:lnR>
                    <a:lnB w="19050">
                      <a:solidFill>
                        <a:srgbClr val="FFFFFF"/>
                      </a:solidFill>
                      <a:prstDash val="solid"/>
                    </a:lnB>
                    <a:solidFill>
                      <a:srgbClr val="CFD8E8"/>
                    </a:solidFill>
                  </a:tcPr>
                </a:tc>
                <a:tc>
                  <a:txBody>
                    <a:bodyPr/>
                    <a:lstStyle/>
                    <a:p>
                      <a:pPr>
                        <a:lnSpc>
                          <a:spcPct val="100000"/>
                        </a:lnSpc>
                      </a:pPr>
                      <a:endParaRPr sz="1000">
                        <a:latin typeface="Times New Roman"/>
                        <a:cs typeface="Times New Roman"/>
                      </a:endParaRPr>
                    </a:p>
                  </a:txBody>
                  <a:tcPr marL="0" marR="0" marT="0" marB="0">
                    <a:lnL w="19050">
                      <a:solidFill>
                        <a:srgbClr val="FFFFFF"/>
                      </a:solidFill>
                      <a:prstDash val="solid"/>
                    </a:lnL>
                    <a:lnR w="19050">
                      <a:solidFill>
                        <a:srgbClr val="FFFFFF"/>
                      </a:solidFill>
                      <a:prstDash val="solid"/>
                    </a:lnR>
                    <a:lnB w="19050">
                      <a:solidFill>
                        <a:srgbClr val="FFFFFF"/>
                      </a:solidFill>
                      <a:prstDash val="solid"/>
                    </a:lnB>
                    <a:solidFill>
                      <a:srgbClr val="CFD8E8"/>
                    </a:solidFill>
                  </a:tcPr>
                </a:tc>
                <a:tc>
                  <a:txBody>
                    <a:bodyPr/>
                    <a:lstStyle/>
                    <a:p>
                      <a:pPr marR="89535" algn="r">
                        <a:lnSpc>
                          <a:spcPts val="1500"/>
                        </a:lnSpc>
                      </a:pPr>
                      <a:r>
                        <a:rPr sz="1100" spc="-10" dirty="0">
                          <a:latin typeface="ＭＳ Ｐゴシック"/>
                          <a:cs typeface="ＭＳ Ｐゴシック"/>
                        </a:rPr>
                        <a:t>（▲27.9）</a:t>
                      </a:r>
                      <a:endParaRPr sz="1100">
                        <a:latin typeface="ＭＳ Ｐゴシック"/>
                        <a:cs typeface="ＭＳ Ｐゴシック"/>
                      </a:endParaRPr>
                    </a:p>
                  </a:txBody>
                  <a:tcPr marL="0" marR="0" marT="0" marB="0">
                    <a:lnL w="19050">
                      <a:solidFill>
                        <a:srgbClr val="FFFFFF"/>
                      </a:solidFill>
                      <a:prstDash val="solid"/>
                    </a:lnL>
                    <a:lnR w="19050">
                      <a:solidFill>
                        <a:srgbClr val="FFFFFF"/>
                      </a:solidFill>
                      <a:prstDash val="solid"/>
                    </a:lnR>
                    <a:lnB w="19050">
                      <a:solidFill>
                        <a:srgbClr val="FFFFFF"/>
                      </a:solidFill>
                      <a:prstDash val="solid"/>
                    </a:lnB>
                    <a:solidFill>
                      <a:srgbClr val="CFD8E8"/>
                    </a:solidFill>
                  </a:tcPr>
                </a:tc>
                <a:extLst>
                  <a:ext uri="{0D108BD9-81ED-4DB2-BD59-A6C34878D82A}">
                    <a16:rowId xmlns:a16="http://schemas.microsoft.com/office/drawing/2014/main" val="10004"/>
                  </a:ext>
                </a:extLst>
              </a:tr>
              <a:tr h="453399">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marL="1270" algn="ctr">
                        <a:lnSpc>
                          <a:spcPct val="100000"/>
                        </a:lnSpc>
                        <a:spcBef>
                          <a:spcPts val="1340"/>
                        </a:spcBef>
                      </a:pPr>
                      <a:r>
                        <a:rPr sz="1100" spc="-35" dirty="0">
                          <a:latin typeface="ＭＳ Ｐゴシック"/>
                          <a:cs typeface="ＭＳ Ｐゴシック"/>
                        </a:rPr>
                        <a:t>教育</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a:txBody>
                    <a:bodyPr/>
                    <a:lstStyle/>
                    <a:p>
                      <a:pPr marR="89535" algn="r">
                        <a:lnSpc>
                          <a:spcPct val="100000"/>
                        </a:lnSpc>
                        <a:spcBef>
                          <a:spcPts val="560"/>
                        </a:spcBef>
                      </a:pPr>
                      <a:r>
                        <a:rPr sz="1100" spc="-10" dirty="0">
                          <a:latin typeface="ＭＳ Ｐゴシック"/>
                          <a:cs typeface="ＭＳ Ｐゴシック"/>
                        </a:rPr>
                        <a:t>1,281,001</a:t>
                      </a:r>
                      <a:endParaRPr sz="1100">
                        <a:latin typeface="ＭＳ Ｐゴシック"/>
                        <a:cs typeface="ＭＳ Ｐゴシック"/>
                      </a:endParaRPr>
                    </a:p>
                  </a:txBody>
                  <a:tcPr marL="0" marR="0" marT="6081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a:txBody>
                    <a:bodyPr/>
                    <a:lstStyle/>
                    <a:p>
                      <a:pPr marL="385445">
                        <a:lnSpc>
                          <a:spcPct val="100000"/>
                        </a:lnSpc>
                        <a:spcBef>
                          <a:spcPts val="560"/>
                        </a:spcBef>
                      </a:pPr>
                      <a:r>
                        <a:rPr sz="1100" spc="-10" dirty="0">
                          <a:latin typeface="ＭＳ Ｐゴシック"/>
                          <a:cs typeface="ＭＳ Ｐゴシック"/>
                        </a:rPr>
                        <a:t>1,024,691</a:t>
                      </a:r>
                      <a:endParaRPr sz="1100">
                        <a:latin typeface="ＭＳ Ｐゴシック"/>
                        <a:cs typeface="ＭＳ Ｐゴシック"/>
                      </a:endParaRPr>
                    </a:p>
                    <a:p>
                      <a:pPr marL="419100">
                        <a:lnSpc>
                          <a:spcPct val="100000"/>
                        </a:lnSpc>
                      </a:pPr>
                      <a:r>
                        <a:rPr sz="1100" spc="-10" dirty="0">
                          <a:latin typeface="ＭＳ Ｐゴシック"/>
                          <a:cs typeface="ＭＳ Ｐゴシック"/>
                        </a:rPr>
                        <a:t>（▲20.0）</a:t>
                      </a:r>
                      <a:endParaRPr sz="1100">
                        <a:latin typeface="ＭＳ Ｐゴシック"/>
                        <a:cs typeface="ＭＳ Ｐゴシック"/>
                      </a:endParaRPr>
                    </a:p>
                  </a:txBody>
                  <a:tcPr marL="0" marR="0" marT="6081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extLst>
                  <a:ext uri="{0D108BD9-81ED-4DB2-BD59-A6C34878D82A}">
                    <a16:rowId xmlns:a16="http://schemas.microsoft.com/office/drawing/2014/main" val="10005"/>
                  </a:ext>
                </a:extLst>
              </a:tr>
              <a:tr h="454485">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marL="1270" algn="ctr">
                        <a:lnSpc>
                          <a:spcPct val="100000"/>
                        </a:lnSpc>
                        <a:spcBef>
                          <a:spcPts val="1340"/>
                        </a:spcBef>
                      </a:pPr>
                      <a:r>
                        <a:rPr sz="1100" spc="-35" dirty="0">
                          <a:latin typeface="ＭＳ Ｐゴシック"/>
                          <a:cs typeface="ＭＳ Ｐゴシック"/>
                        </a:rPr>
                        <a:t>警察</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a:txBody>
                    <a:bodyPr/>
                    <a:lstStyle/>
                    <a:p>
                      <a:pPr marR="89535" algn="r">
                        <a:lnSpc>
                          <a:spcPct val="100000"/>
                        </a:lnSpc>
                        <a:spcBef>
                          <a:spcPts val="570"/>
                        </a:spcBef>
                      </a:pPr>
                      <a:r>
                        <a:rPr sz="1100" spc="-10" dirty="0">
                          <a:latin typeface="ＭＳ Ｐゴシック"/>
                          <a:cs typeface="ＭＳ Ｐゴシック"/>
                        </a:rPr>
                        <a:t>253,994</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a:txBody>
                    <a:bodyPr/>
                    <a:lstStyle/>
                    <a:p>
                      <a:pPr marR="89535" algn="r">
                        <a:lnSpc>
                          <a:spcPct val="100000"/>
                        </a:lnSpc>
                        <a:spcBef>
                          <a:spcPts val="570"/>
                        </a:spcBef>
                      </a:pPr>
                      <a:r>
                        <a:rPr sz="1100" spc="-10" dirty="0">
                          <a:latin typeface="ＭＳ Ｐゴシック"/>
                          <a:cs typeface="ＭＳ Ｐゴシック"/>
                        </a:rPr>
                        <a:t>285,751</a:t>
                      </a:r>
                      <a:endParaRPr sz="1100">
                        <a:latin typeface="ＭＳ Ｐゴシック"/>
                        <a:cs typeface="ＭＳ Ｐゴシック"/>
                      </a:endParaRPr>
                    </a:p>
                    <a:p>
                      <a:pPr marR="89535" algn="r">
                        <a:lnSpc>
                          <a:spcPct val="100000"/>
                        </a:lnSpc>
                      </a:pPr>
                      <a:r>
                        <a:rPr sz="1100" spc="-10" dirty="0">
                          <a:latin typeface="ＭＳ Ｐゴシック"/>
                          <a:cs typeface="ＭＳ Ｐゴシック"/>
                        </a:rPr>
                        <a:t>（12.5）</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extLst>
                  <a:ext uri="{0D108BD9-81ED-4DB2-BD59-A6C34878D82A}">
                    <a16:rowId xmlns:a16="http://schemas.microsoft.com/office/drawing/2014/main" val="10006"/>
                  </a:ext>
                </a:extLst>
              </a:tr>
              <a:tr h="453399">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marL="1270" algn="ctr">
                        <a:lnSpc>
                          <a:spcPct val="100000"/>
                        </a:lnSpc>
                        <a:spcBef>
                          <a:spcPts val="1340"/>
                        </a:spcBef>
                      </a:pPr>
                      <a:r>
                        <a:rPr sz="1100" spc="-35" dirty="0">
                          <a:latin typeface="ＭＳ Ｐゴシック"/>
                          <a:cs typeface="ＭＳ Ｐゴシック"/>
                        </a:rPr>
                        <a:t>消防</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a:txBody>
                    <a:bodyPr/>
                    <a:lstStyle/>
                    <a:p>
                      <a:pPr marR="89535" algn="r">
                        <a:lnSpc>
                          <a:spcPct val="100000"/>
                        </a:lnSpc>
                        <a:spcBef>
                          <a:spcPts val="560"/>
                        </a:spcBef>
                      </a:pPr>
                      <a:r>
                        <a:rPr sz="1100" spc="-10" dirty="0">
                          <a:latin typeface="ＭＳ Ｐゴシック"/>
                          <a:cs typeface="ＭＳ Ｐゴシック"/>
                        </a:rPr>
                        <a:t>145,535</a:t>
                      </a:r>
                      <a:endParaRPr sz="1100">
                        <a:latin typeface="ＭＳ Ｐゴシック"/>
                        <a:cs typeface="ＭＳ Ｐゴシック"/>
                      </a:endParaRPr>
                    </a:p>
                  </a:txBody>
                  <a:tcPr marL="0" marR="0" marT="6081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a:txBody>
                    <a:bodyPr/>
                    <a:lstStyle/>
                    <a:p>
                      <a:pPr marR="89535" algn="r">
                        <a:lnSpc>
                          <a:spcPct val="100000"/>
                        </a:lnSpc>
                        <a:spcBef>
                          <a:spcPts val="560"/>
                        </a:spcBef>
                      </a:pPr>
                      <a:r>
                        <a:rPr sz="1100" spc="-10" dirty="0">
                          <a:latin typeface="ＭＳ Ｐゴシック"/>
                          <a:cs typeface="ＭＳ Ｐゴシック"/>
                        </a:rPr>
                        <a:t>159,589</a:t>
                      </a:r>
                      <a:endParaRPr sz="1100">
                        <a:latin typeface="ＭＳ Ｐゴシック"/>
                        <a:cs typeface="ＭＳ Ｐゴシック"/>
                      </a:endParaRPr>
                    </a:p>
                    <a:p>
                      <a:pPr marR="89535" algn="r">
                        <a:lnSpc>
                          <a:spcPct val="100000"/>
                        </a:lnSpc>
                      </a:pPr>
                      <a:r>
                        <a:rPr sz="1100" spc="-10" dirty="0">
                          <a:latin typeface="ＭＳ Ｐゴシック"/>
                          <a:cs typeface="ＭＳ Ｐゴシック"/>
                        </a:rPr>
                        <a:t>（9.7）</a:t>
                      </a:r>
                      <a:endParaRPr sz="1100">
                        <a:latin typeface="ＭＳ Ｐゴシック"/>
                        <a:cs typeface="ＭＳ Ｐゴシック"/>
                      </a:endParaRPr>
                    </a:p>
                  </a:txBody>
                  <a:tcPr marL="0" marR="0" marT="6081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extLst>
                  <a:ext uri="{0D108BD9-81ED-4DB2-BD59-A6C34878D82A}">
                    <a16:rowId xmlns:a16="http://schemas.microsoft.com/office/drawing/2014/main" val="10007"/>
                  </a:ext>
                </a:extLst>
              </a:tr>
              <a:tr h="454485">
                <a:tc vMerge="1">
                  <a:txBody>
                    <a:bodyPr/>
                    <a:lstStyle/>
                    <a:p>
                      <a:endParaRPr/>
                    </a:p>
                  </a:txBody>
                  <a:tcPr marL="0" marR="0" marT="31750" marB="0" vert="vert">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8E8"/>
                    </a:solidFill>
                  </a:tcPr>
                </a:tc>
                <a:tc>
                  <a:txBody>
                    <a:bodyPr/>
                    <a:lstStyle/>
                    <a:p>
                      <a:pPr marL="1270" algn="ctr">
                        <a:lnSpc>
                          <a:spcPct val="100000"/>
                        </a:lnSpc>
                        <a:spcBef>
                          <a:spcPts val="1340"/>
                        </a:spcBef>
                      </a:pPr>
                      <a:r>
                        <a:rPr sz="1100" spc="-50" dirty="0">
                          <a:latin typeface="ＭＳ Ｐゴシック"/>
                          <a:cs typeface="ＭＳ Ｐゴシック"/>
                        </a:rPr>
                        <a:t>計</a:t>
                      </a:r>
                      <a:endParaRPr sz="1100">
                        <a:latin typeface="ＭＳ Ｐゴシック"/>
                        <a:cs typeface="ＭＳ Ｐゴシック"/>
                      </a:endParaRPr>
                    </a:p>
                  </a:txBody>
                  <a:tcPr marL="0" marR="0" marT="14552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a:txBody>
                    <a:bodyPr/>
                    <a:lstStyle/>
                    <a:p>
                      <a:pPr marR="89535" algn="r">
                        <a:lnSpc>
                          <a:spcPct val="100000"/>
                        </a:lnSpc>
                        <a:spcBef>
                          <a:spcPts val="570"/>
                        </a:spcBef>
                      </a:pPr>
                      <a:r>
                        <a:rPr sz="1100" spc="-10" dirty="0">
                          <a:latin typeface="ＭＳ Ｐゴシック"/>
                          <a:cs typeface="ＭＳ Ｐゴシック"/>
                        </a:rPr>
                        <a:t>2,855,044</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a:txBody>
                    <a:bodyPr/>
                    <a:lstStyle/>
                    <a:p>
                      <a:pPr marL="385445">
                        <a:lnSpc>
                          <a:spcPct val="100000"/>
                        </a:lnSpc>
                        <a:spcBef>
                          <a:spcPts val="570"/>
                        </a:spcBef>
                      </a:pPr>
                      <a:r>
                        <a:rPr sz="1100" spc="-10" dirty="0">
                          <a:latin typeface="ＭＳ Ｐゴシック"/>
                          <a:cs typeface="ＭＳ Ｐゴシック"/>
                        </a:rPr>
                        <a:t>2,379,393</a:t>
                      </a:r>
                      <a:endParaRPr sz="1100">
                        <a:latin typeface="ＭＳ Ｐゴシック"/>
                        <a:cs typeface="ＭＳ Ｐゴシック"/>
                      </a:endParaRPr>
                    </a:p>
                    <a:p>
                      <a:pPr marL="450850">
                        <a:lnSpc>
                          <a:spcPct val="100000"/>
                        </a:lnSpc>
                      </a:pPr>
                      <a:r>
                        <a:rPr sz="1100" spc="-10" dirty="0">
                          <a:latin typeface="ＭＳ Ｐゴシック"/>
                          <a:cs typeface="ＭＳ Ｐゴシック"/>
                        </a:rPr>
                        <a:t>（▲16.7)</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extLst>
                  <a:ext uri="{0D108BD9-81ED-4DB2-BD59-A6C34878D82A}">
                    <a16:rowId xmlns:a16="http://schemas.microsoft.com/office/drawing/2014/main" val="10008"/>
                  </a:ext>
                </a:extLst>
              </a:tr>
              <a:tr h="484350">
                <a:tc gridSpan="2">
                  <a:txBody>
                    <a:bodyPr/>
                    <a:lstStyle/>
                    <a:p>
                      <a:pPr marL="98425">
                        <a:lnSpc>
                          <a:spcPct val="100000"/>
                        </a:lnSpc>
                        <a:spcBef>
                          <a:spcPts val="1480"/>
                        </a:spcBef>
                      </a:pPr>
                      <a:r>
                        <a:rPr sz="1100" spc="-25" dirty="0">
                          <a:latin typeface="ＭＳ Ｐゴシック"/>
                          <a:cs typeface="ＭＳ Ｐゴシック"/>
                        </a:rPr>
                        <a:t>公営企業等会計</a:t>
                      </a:r>
                      <a:endParaRPr sz="1100">
                        <a:latin typeface="ＭＳ Ｐゴシック"/>
                        <a:cs typeface="ＭＳ Ｐゴシック"/>
                      </a:endParaRPr>
                    </a:p>
                  </a:txBody>
                  <a:tcPr marL="0" marR="0" marT="160726"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hMerge="1">
                  <a:txBody>
                    <a:bodyPr/>
                    <a:lstStyle/>
                    <a:p>
                      <a:endParaRPr/>
                    </a:p>
                  </a:txBody>
                  <a:tcPr marL="0" marR="0" marT="0" marB="0"/>
                </a:tc>
                <a:tc>
                  <a:txBody>
                    <a:bodyPr/>
                    <a:lstStyle/>
                    <a:p>
                      <a:pPr marR="89535" algn="r">
                        <a:lnSpc>
                          <a:spcPct val="100000"/>
                        </a:lnSpc>
                        <a:spcBef>
                          <a:spcPts val="700"/>
                        </a:spcBef>
                      </a:pPr>
                      <a:r>
                        <a:rPr sz="1100" spc="-10" dirty="0">
                          <a:latin typeface="ＭＳ Ｐゴシック"/>
                          <a:cs typeface="ＭＳ Ｐゴシック"/>
                        </a:rPr>
                        <a:t>437,448</a:t>
                      </a:r>
                      <a:endParaRPr sz="1100">
                        <a:latin typeface="ＭＳ Ｐゴシック"/>
                        <a:cs typeface="ＭＳ Ｐゴシック"/>
                      </a:endParaRPr>
                    </a:p>
                  </a:txBody>
                  <a:tcPr marL="0" marR="0" marT="76019"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tc>
                  <a:txBody>
                    <a:bodyPr/>
                    <a:lstStyle/>
                    <a:p>
                      <a:pPr marR="89535" algn="r">
                        <a:lnSpc>
                          <a:spcPct val="100000"/>
                        </a:lnSpc>
                        <a:spcBef>
                          <a:spcPts val="700"/>
                        </a:spcBef>
                      </a:pPr>
                      <a:r>
                        <a:rPr sz="1100" spc="-10" dirty="0">
                          <a:latin typeface="ＭＳ Ｐゴシック"/>
                          <a:cs typeface="ＭＳ Ｐゴシック"/>
                        </a:rPr>
                        <a:t>358,944</a:t>
                      </a:r>
                      <a:endParaRPr sz="1100">
                        <a:latin typeface="ＭＳ Ｐゴシック"/>
                        <a:cs typeface="ＭＳ Ｐゴシック"/>
                      </a:endParaRPr>
                    </a:p>
                    <a:p>
                      <a:pPr marR="89535" algn="r">
                        <a:lnSpc>
                          <a:spcPct val="100000"/>
                        </a:lnSpc>
                        <a:spcBef>
                          <a:spcPts val="5"/>
                        </a:spcBef>
                      </a:pPr>
                      <a:r>
                        <a:rPr sz="1100" spc="-10" dirty="0">
                          <a:latin typeface="ＭＳ Ｐゴシック"/>
                          <a:cs typeface="ＭＳ Ｐゴシック"/>
                        </a:rPr>
                        <a:t>（▲17.9）</a:t>
                      </a:r>
                      <a:endParaRPr sz="1100">
                        <a:latin typeface="ＭＳ Ｐゴシック"/>
                        <a:cs typeface="ＭＳ Ｐゴシック"/>
                      </a:endParaRPr>
                    </a:p>
                  </a:txBody>
                  <a:tcPr marL="0" marR="0" marT="76019"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DF4"/>
                    </a:solidFill>
                  </a:tcPr>
                </a:tc>
                <a:extLst>
                  <a:ext uri="{0D108BD9-81ED-4DB2-BD59-A6C34878D82A}">
                    <a16:rowId xmlns:a16="http://schemas.microsoft.com/office/drawing/2014/main" val="10009"/>
                  </a:ext>
                </a:extLst>
              </a:tr>
              <a:tr h="454485">
                <a:tc gridSpan="2">
                  <a:txBody>
                    <a:bodyPr/>
                    <a:lstStyle/>
                    <a:p>
                      <a:pPr marL="98425">
                        <a:lnSpc>
                          <a:spcPct val="100000"/>
                        </a:lnSpc>
                        <a:spcBef>
                          <a:spcPts val="1350"/>
                        </a:spcBef>
                      </a:pPr>
                      <a:r>
                        <a:rPr sz="1100" spc="-35" dirty="0">
                          <a:latin typeface="ＭＳ Ｐゴシック"/>
                          <a:cs typeface="ＭＳ Ｐゴシック"/>
                        </a:rPr>
                        <a:t>合計</a:t>
                      </a:r>
                      <a:endParaRPr sz="1100">
                        <a:latin typeface="ＭＳ Ｐゴシック"/>
                        <a:cs typeface="ＭＳ Ｐゴシック"/>
                      </a:endParaRPr>
                    </a:p>
                  </a:txBody>
                  <a:tcPr marL="0" marR="0" marT="146608"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hMerge="1">
                  <a:txBody>
                    <a:bodyPr/>
                    <a:lstStyle/>
                    <a:p>
                      <a:endParaRPr/>
                    </a:p>
                  </a:txBody>
                  <a:tcPr marL="0" marR="0" marT="0" marB="0"/>
                </a:tc>
                <a:tc>
                  <a:txBody>
                    <a:bodyPr/>
                    <a:lstStyle/>
                    <a:p>
                      <a:pPr marR="89535" algn="r">
                        <a:lnSpc>
                          <a:spcPct val="100000"/>
                        </a:lnSpc>
                        <a:spcBef>
                          <a:spcPts val="570"/>
                        </a:spcBef>
                      </a:pPr>
                      <a:r>
                        <a:rPr sz="1100" spc="-10" dirty="0">
                          <a:latin typeface="ＭＳ Ｐゴシック"/>
                          <a:cs typeface="ＭＳ Ｐゴシック"/>
                        </a:rPr>
                        <a:t>3,282,492</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tc>
                  <a:txBody>
                    <a:bodyPr/>
                    <a:lstStyle/>
                    <a:p>
                      <a:pPr marL="385445">
                        <a:lnSpc>
                          <a:spcPct val="100000"/>
                        </a:lnSpc>
                        <a:spcBef>
                          <a:spcPts val="570"/>
                        </a:spcBef>
                      </a:pPr>
                      <a:r>
                        <a:rPr sz="1100" spc="-10" dirty="0">
                          <a:latin typeface="ＭＳ Ｐゴシック"/>
                          <a:cs typeface="ＭＳ Ｐゴシック"/>
                        </a:rPr>
                        <a:t>2,738,337</a:t>
                      </a:r>
                      <a:endParaRPr sz="1100">
                        <a:latin typeface="ＭＳ Ｐゴシック"/>
                        <a:cs typeface="ＭＳ Ｐゴシック"/>
                      </a:endParaRPr>
                    </a:p>
                    <a:p>
                      <a:pPr marL="419100">
                        <a:lnSpc>
                          <a:spcPct val="100000"/>
                        </a:lnSpc>
                      </a:pPr>
                      <a:r>
                        <a:rPr sz="1100" spc="-10" dirty="0">
                          <a:latin typeface="ＭＳ Ｐゴシック"/>
                          <a:cs typeface="ＭＳ Ｐゴシック"/>
                        </a:rPr>
                        <a:t>（▲16.6）</a:t>
                      </a:r>
                      <a:endParaRPr sz="1100">
                        <a:latin typeface="ＭＳ Ｐゴシック"/>
                        <a:cs typeface="ＭＳ Ｐゴシック"/>
                      </a:endParaRPr>
                    </a:p>
                  </a:txBody>
                  <a:tcPr marL="0" marR="0" marT="6190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8E8"/>
                    </a:solidFill>
                  </a:tcPr>
                </a:tc>
                <a:extLst>
                  <a:ext uri="{0D108BD9-81ED-4DB2-BD59-A6C34878D82A}">
                    <a16:rowId xmlns:a16="http://schemas.microsoft.com/office/drawing/2014/main" val="10010"/>
                  </a:ext>
                </a:extLst>
              </a:tr>
            </a:tbl>
          </a:graphicData>
        </a:graphic>
      </p:graphicFrame>
      <p:sp>
        <p:nvSpPr>
          <p:cNvPr id="169" name="object 169"/>
          <p:cNvSpPr txBox="1"/>
          <p:nvPr/>
        </p:nvSpPr>
        <p:spPr>
          <a:xfrm>
            <a:off x="438738" y="1513863"/>
            <a:ext cx="2228443" cy="236389"/>
          </a:xfrm>
          <a:prstGeom prst="rect">
            <a:avLst/>
          </a:prstGeom>
        </p:spPr>
        <p:txBody>
          <a:bodyPr vert="horz" wrap="square" lIns="0" tIns="12488" rIns="0" bIns="0" rtlCol="0">
            <a:spAutoFit/>
          </a:bodyPr>
          <a:lstStyle/>
          <a:p>
            <a:pPr marL="10860">
              <a:spcBef>
                <a:spcPts val="97"/>
              </a:spcBef>
            </a:pPr>
            <a:r>
              <a:rPr sz="1454" b="1" spc="-4" dirty="0">
                <a:latin typeface="ＭＳ Ｐゴシック"/>
                <a:cs typeface="ＭＳ Ｐゴシック"/>
              </a:rPr>
              <a:t>部門別の職員数と増減状況</a:t>
            </a:r>
            <a:endParaRPr sz="1454">
              <a:latin typeface="ＭＳ Ｐゴシック"/>
              <a:cs typeface="ＭＳ Ｐゴシック"/>
            </a:endParaRPr>
          </a:p>
        </p:txBody>
      </p:sp>
      <p:sp>
        <p:nvSpPr>
          <p:cNvPr id="170" name="object 170"/>
          <p:cNvSpPr txBox="1"/>
          <p:nvPr/>
        </p:nvSpPr>
        <p:spPr>
          <a:xfrm>
            <a:off x="66028" y="6025487"/>
            <a:ext cx="2870803" cy="472753"/>
          </a:xfrm>
          <a:prstGeom prst="rect">
            <a:avLst/>
          </a:prstGeom>
        </p:spPr>
        <p:txBody>
          <a:bodyPr vert="horz" wrap="square" lIns="0" tIns="9774" rIns="0" bIns="0" rtlCol="0">
            <a:spAutoFit/>
          </a:bodyPr>
          <a:lstStyle/>
          <a:p>
            <a:pPr marL="181358" marR="323078" indent="-171041">
              <a:lnSpc>
                <a:spcPct val="102600"/>
              </a:lnSpc>
              <a:spcBef>
                <a:spcPts val="77"/>
              </a:spcBef>
            </a:pPr>
            <a:r>
              <a:rPr sz="983" dirty="0">
                <a:latin typeface="ＭＳ ゴシック"/>
                <a:cs typeface="ＭＳ ゴシック"/>
              </a:rPr>
              <a:t>※</a:t>
            </a:r>
            <a:r>
              <a:rPr sz="983" dirty="0">
                <a:latin typeface="ＭＳ Ｐゴシック"/>
                <a:cs typeface="ＭＳ Ｐゴシック"/>
              </a:rPr>
              <a:t>「一般行政」･･･</a:t>
            </a:r>
            <a:r>
              <a:rPr sz="983" spc="-4" dirty="0">
                <a:latin typeface="ＭＳ Ｐゴシック"/>
                <a:cs typeface="ＭＳ Ｐゴシック"/>
              </a:rPr>
              <a:t>総務・企画、税務、農林水産、</a:t>
            </a:r>
            <a:r>
              <a:rPr sz="983" dirty="0">
                <a:latin typeface="ＭＳ Ｐゴシック"/>
                <a:cs typeface="ＭＳ Ｐゴシック"/>
              </a:rPr>
              <a:t>土木、福祉関係（民政、衛生）</a:t>
            </a:r>
            <a:r>
              <a:rPr sz="983" spc="-43" dirty="0">
                <a:latin typeface="ＭＳ Ｐゴシック"/>
                <a:cs typeface="ＭＳ Ｐゴシック"/>
              </a:rPr>
              <a:t>等</a:t>
            </a:r>
            <a:endParaRPr sz="983">
              <a:latin typeface="ＭＳ Ｐゴシック"/>
              <a:cs typeface="ＭＳ Ｐゴシック"/>
            </a:endParaRPr>
          </a:p>
          <a:p>
            <a:pPr marL="10860">
              <a:spcBef>
                <a:spcPts val="30"/>
              </a:spcBef>
            </a:pPr>
            <a:r>
              <a:rPr sz="983" dirty="0">
                <a:latin typeface="ＭＳ ゴシック"/>
                <a:cs typeface="ＭＳ ゴシック"/>
              </a:rPr>
              <a:t>※</a:t>
            </a:r>
            <a:r>
              <a:rPr sz="983" dirty="0">
                <a:latin typeface="ＭＳ Ｐゴシック"/>
                <a:cs typeface="ＭＳ Ｐゴシック"/>
              </a:rPr>
              <a:t>「公営企業等会計」･･･</a:t>
            </a:r>
            <a:r>
              <a:rPr sz="983" spc="-4" dirty="0">
                <a:latin typeface="ＭＳ Ｐゴシック"/>
                <a:cs typeface="ＭＳ Ｐゴシック"/>
              </a:rPr>
              <a:t>病院、水道、下水道、交通等</a:t>
            </a:r>
            <a:endParaRPr sz="983">
              <a:latin typeface="ＭＳ Ｐゴシック"/>
              <a:cs typeface="ＭＳ Ｐゴシック"/>
            </a:endParaRPr>
          </a:p>
        </p:txBody>
      </p:sp>
      <p:sp>
        <p:nvSpPr>
          <p:cNvPr id="171" name="object 171"/>
          <p:cNvSpPr/>
          <p:nvPr/>
        </p:nvSpPr>
        <p:spPr>
          <a:xfrm>
            <a:off x="3131548" y="5745738"/>
            <a:ext cx="539735" cy="225885"/>
          </a:xfrm>
          <a:custGeom>
            <a:avLst/>
            <a:gdLst/>
            <a:ahLst/>
            <a:cxnLst/>
            <a:rect l="l" t="t" r="r" b="b"/>
            <a:pathLst>
              <a:path w="631189" h="264159">
                <a:moveTo>
                  <a:pt x="630936" y="0"/>
                </a:moveTo>
                <a:lnTo>
                  <a:pt x="0" y="0"/>
                </a:lnTo>
                <a:lnTo>
                  <a:pt x="0" y="263652"/>
                </a:lnTo>
                <a:lnTo>
                  <a:pt x="630936" y="263652"/>
                </a:lnTo>
                <a:lnTo>
                  <a:pt x="630936" y="0"/>
                </a:lnTo>
                <a:close/>
              </a:path>
            </a:pathLst>
          </a:custGeom>
          <a:solidFill>
            <a:srgbClr val="FFFFFF"/>
          </a:solidFill>
        </p:spPr>
        <p:txBody>
          <a:bodyPr wrap="square" lIns="0" tIns="0" rIns="0" bIns="0" rtlCol="0"/>
          <a:lstStyle/>
          <a:p>
            <a:endParaRPr sz="1539"/>
          </a:p>
        </p:txBody>
      </p:sp>
      <p:sp>
        <p:nvSpPr>
          <p:cNvPr id="172" name="object 172"/>
          <p:cNvSpPr txBox="1"/>
          <p:nvPr/>
        </p:nvSpPr>
        <p:spPr>
          <a:xfrm>
            <a:off x="3516856" y="5780489"/>
            <a:ext cx="79820" cy="150789"/>
          </a:xfrm>
          <a:prstGeom prst="rect">
            <a:avLst/>
          </a:prstGeom>
        </p:spPr>
        <p:txBody>
          <a:bodyPr vert="horz" wrap="square" lIns="0" tIns="12488" rIns="0" bIns="0" rtlCol="0">
            <a:spAutoFit/>
          </a:bodyPr>
          <a:lstStyle/>
          <a:p>
            <a:pPr marL="10860">
              <a:spcBef>
                <a:spcPts val="97"/>
              </a:spcBef>
            </a:pPr>
            <a:r>
              <a:rPr sz="898" spc="-43" dirty="0">
                <a:solidFill>
                  <a:srgbClr val="595959"/>
                </a:solidFill>
                <a:latin typeface="ＭＳ Ｐゴシック"/>
                <a:cs typeface="ＭＳ Ｐゴシック"/>
              </a:rPr>
              <a:t>0</a:t>
            </a:r>
            <a:endParaRPr sz="898">
              <a:latin typeface="ＭＳ Ｐゴシック"/>
              <a:cs typeface="ＭＳ Ｐゴシック"/>
            </a:endParaRPr>
          </a:p>
        </p:txBody>
      </p:sp>
      <p:pic>
        <p:nvPicPr>
          <p:cNvPr id="173" name="object 173"/>
          <p:cNvPicPr/>
          <p:nvPr/>
        </p:nvPicPr>
        <p:blipFill>
          <a:blip r:embed="rId2" cstate="print"/>
          <a:stretch>
            <a:fillRect/>
          </a:stretch>
        </p:blipFill>
        <p:spPr>
          <a:xfrm>
            <a:off x="3131548" y="5457734"/>
            <a:ext cx="5959455" cy="325796"/>
          </a:xfrm>
          <a:prstGeom prst="rect">
            <a:avLst/>
          </a:prstGeom>
        </p:spPr>
      </p:pic>
      <p:sp>
        <p:nvSpPr>
          <p:cNvPr id="174" name="object 174"/>
          <p:cNvSpPr txBox="1"/>
          <p:nvPr/>
        </p:nvSpPr>
        <p:spPr>
          <a:xfrm>
            <a:off x="8853390" y="6249636"/>
            <a:ext cx="256836" cy="266415"/>
          </a:xfrm>
          <a:prstGeom prst="rect">
            <a:avLst/>
          </a:prstGeom>
        </p:spPr>
        <p:txBody>
          <a:bodyPr vert="horz" wrap="square" lIns="0" tIns="9774" rIns="0" bIns="0" rtlCol="0">
            <a:spAutoFit/>
          </a:bodyPr>
          <a:lstStyle/>
          <a:p>
            <a:pPr marL="10860">
              <a:spcBef>
                <a:spcPts val="77"/>
              </a:spcBef>
            </a:pPr>
            <a:r>
              <a:rPr sz="1667" spc="-21" dirty="0">
                <a:latin typeface="Arial"/>
                <a:cs typeface="Arial"/>
              </a:rPr>
              <a:t>32</a:t>
            </a:r>
            <a:endParaRPr sz="1667">
              <a:latin typeface="Arial"/>
              <a:cs typeface="Arial"/>
            </a:endParaRPr>
          </a:p>
        </p:txBody>
      </p:sp>
      <p:sp>
        <p:nvSpPr>
          <p:cNvPr id="175" name="object 175"/>
          <p:cNvSpPr txBox="1">
            <a:spLocks noGrp="1"/>
          </p:cNvSpPr>
          <p:nvPr>
            <p:ph type="title"/>
          </p:nvPr>
        </p:nvSpPr>
        <p:spPr>
          <a:xfrm>
            <a:off x="269323" y="151047"/>
            <a:ext cx="7045441" cy="691364"/>
          </a:xfrm>
          <a:prstGeom prst="rect">
            <a:avLst/>
          </a:prstGeom>
        </p:spPr>
        <p:txBody>
          <a:bodyPr vert="horz" wrap="square" lIns="0" tIns="14118" rIns="0" bIns="0" rtlCol="0" anchor="ctr">
            <a:spAutoFit/>
          </a:bodyPr>
          <a:lstStyle/>
          <a:p>
            <a:pPr marL="10860">
              <a:lnSpc>
                <a:spcPct val="100000"/>
              </a:lnSpc>
              <a:spcBef>
                <a:spcPts val="111"/>
              </a:spcBef>
            </a:pPr>
            <a:r>
              <a:rPr spc="-4" dirty="0">
                <a:solidFill>
                  <a:srgbClr val="3F87C8"/>
                </a:solidFill>
              </a:rPr>
              <a:t>公共工事の発注者側の現状</a:t>
            </a: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F652D511-F8C6-862D-A92D-38D88A040697}"/>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18</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26B6B0B8-DE1A-4B7C-AAC8-E0AB6A360189}"/>
              </a:ext>
            </a:extLst>
          </p:cNvPr>
          <p:cNvSpPr txBox="1"/>
          <p:nvPr/>
        </p:nvSpPr>
        <p:spPr>
          <a:xfrm>
            <a:off x="1732762" y="1536415"/>
            <a:ext cx="5109091" cy="2816156"/>
          </a:xfrm>
          <a:prstGeom prst="rect">
            <a:avLst/>
          </a:prstGeom>
          <a:noFill/>
        </p:spPr>
        <p:txBody>
          <a:bodyPr wrap="none" rtlCol="0">
            <a:spAutoFit/>
          </a:bodyPr>
          <a:lstStyle/>
          <a:p>
            <a:r>
              <a:rPr lang="ja-JP" altLang="en-US" sz="3300" dirty="0"/>
              <a:t>橋梁等の老朽化対策</a:t>
            </a:r>
            <a:endParaRPr lang="en-US" altLang="ja-JP" sz="3300" dirty="0"/>
          </a:p>
          <a:p>
            <a:endParaRPr lang="en-US" altLang="ja-JP" sz="2400" dirty="0"/>
          </a:p>
          <a:p>
            <a:r>
              <a:rPr lang="ja-JP" altLang="en-US" sz="2400" dirty="0"/>
              <a:t>○ビックマーケットはずだが？</a:t>
            </a:r>
            <a:endParaRPr lang="en-US" altLang="ja-JP" sz="2400" dirty="0"/>
          </a:p>
          <a:p>
            <a:r>
              <a:rPr lang="ja-JP" altLang="en-US" sz="2400" dirty="0"/>
              <a:t>○政産官学民が理解不足</a:t>
            </a:r>
            <a:endParaRPr lang="en-US" altLang="ja-JP" sz="2400" dirty="0"/>
          </a:p>
          <a:p>
            <a:r>
              <a:rPr lang="ja-JP" altLang="en-US" sz="2400" dirty="0"/>
              <a:t>○建設業界の対応遅れ。思考遅れ。</a:t>
            </a:r>
            <a:endParaRPr lang="en-US" altLang="ja-JP" sz="2400" dirty="0"/>
          </a:p>
          <a:p>
            <a:r>
              <a:rPr lang="ja-JP" altLang="en-US" sz="2400" dirty="0"/>
              <a:t>○コンサルは点検で儲けている</a:t>
            </a:r>
            <a:endParaRPr lang="en-US" altLang="ja-JP" sz="2400" dirty="0"/>
          </a:p>
          <a:p>
            <a:endParaRPr lang="ja-JP" altLang="en-US" sz="2400" dirty="0"/>
          </a:p>
        </p:txBody>
      </p:sp>
    </p:spTree>
    <p:extLst>
      <p:ext uri="{BB962C8B-B14F-4D97-AF65-F5344CB8AC3E}">
        <p14:creationId xmlns:p14="http://schemas.microsoft.com/office/powerpoint/2010/main" val="416615791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E3FCCAC4-0157-57CB-5DCE-7D2B90C8AE2C}"/>
              </a:ext>
            </a:extLst>
          </p:cNvPr>
          <p:cNvSpPr>
            <a:spLocks noGrp="1"/>
          </p:cNvSpPr>
          <p:nvPr>
            <p:ph type="sldNum" sz="quarter" idx="12"/>
          </p:nvPr>
        </p:nvSpPr>
        <p:spPr/>
        <p:txBody>
          <a:bodyPr/>
          <a:lstStyle/>
          <a:p>
            <a:fld id="{66545E97-F017-4993-8E0F-1F0B98A93716}" type="slidenum">
              <a:rPr kumimoji="1" lang="ja-JP" altLang="en-US" smtClean="0"/>
              <a:t>19</a:t>
            </a:fld>
            <a:endParaRPr kumimoji="1" lang="ja-JP" altLang="en-US"/>
          </a:p>
        </p:txBody>
      </p:sp>
      <p:sp>
        <p:nvSpPr>
          <p:cNvPr id="4" name="テキスト ボックス 3">
            <a:extLst>
              <a:ext uri="{FF2B5EF4-FFF2-40B4-BE49-F238E27FC236}">
                <a16:creationId xmlns:a16="http://schemas.microsoft.com/office/drawing/2014/main" id="{FEEB6A0E-ED2F-D6F2-D839-8B9F614206AE}"/>
              </a:ext>
            </a:extLst>
          </p:cNvPr>
          <p:cNvSpPr txBox="1"/>
          <p:nvPr/>
        </p:nvSpPr>
        <p:spPr>
          <a:xfrm>
            <a:off x="662152" y="889844"/>
            <a:ext cx="7853198" cy="4832092"/>
          </a:xfrm>
          <a:prstGeom prst="rect">
            <a:avLst/>
          </a:prstGeom>
          <a:noFill/>
        </p:spPr>
        <p:txBody>
          <a:bodyPr wrap="square">
            <a:spAutoFit/>
          </a:bodyPr>
          <a:lstStyle/>
          <a:p>
            <a:pPr algn="l" fontAlgn="base"/>
            <a:r>
              <a:rPr lang="ja-JP" altLang="en-US" sz="2800" b="0" i="0" dirty="0">
                <a:solidFill>
                  <a:srgbClr val="333333"/>
                </a:solidFill>
                <a:effectLst/>
                <a:latin typeface="ヒラギノ角ゴ Pro W3"/>
              </a:rPr>
              <a:t>インフラメンテナンス国民会議</a:t>
            </a:r>
            <a:endParaRPr lang="en-US" altLang="ja-JP" sz="2800" b="0" i="0" dirty="0">
              <a:solidFill>
                <a:srgbClr val="333333"/>
              </a:solidFill>
              <a:effectLst/>
              <a:latin typeface="ヒラギノ角ゴ Pro W3"/>
            </a:endParaRPr>
          </a:p>
          <a:p>
            <a:pPr algn="l" fontAlgn="base"/>
            <a:endParaRPr lang="en-US" altLang="ja-JP" dirty="0">
              <a:solidFill>
                <a:srgbClr val="333333"/>
              </a:solidFill>
              <a:latin typeface="ヒラギノ角ゴ Pro W3"/>
            </a:endParaRPr>
          </a:p>
          <a:p>
            <a:pPr algn="l" fontAlgn="base"/>
            <a:r>
              <a:rPr lang="ja-JP" altLang="en-US" b="0" i="0" dirty="0">
                <a:solidFill>
                  <a:srgbClr val="333333"/>
                </a:solidFill>
                <a:effectLst/>
                <a:latin typeface="ヒラギノ角ゴ Pro W3"/>
              </a:rPr>
              <a:t>行政会員への加入率</a:t>
            </a:r>
            <a:r>
              <a:rPr lang="en-US" altLang="ja-JP" b="0" i="0" dirty="0">
                <a:solidFill>
                  <a:srgbClr val="333333"/>
                </a:solidFill>
                <a:effectLst/>
                <a:latin typeface="ヒラギノ角ゴ Pro W3"/>
              </a:rPr>
              <a:t>70%</a:t>
            </a:r>
            <a:r>
              <a:rPr lang="ja-JP" altLang="en-US" b="0" i="0" dirty="0">
                <a:solidFill>
                  <a:srgbClr val="333333"/>
                </a:solidFill>
                <a:effectLst/>
                <a:latin typeface="ヒラギノ角ゴ Pro W3"/>
              </a:rPr>
              <a:t>以上！（</a:t>
            </a:r>
            <a:r>
              <a:rPr lang="en-US" altLang="ja-JP" b="0" i="0" dirty="0">
                <a:solidFill>
                  <a:srgbClr val="333333"/>
                </a:solidFill>
                <a:effectLst/>
                <a:latin typeface="ヒラギノ角ゴ Pro W3"/>
              </a:rPr>
              <a:t>1,343/1,788</a:t>
            </a:r>
            <a:r>
              <a:rPr lang="ja-JP" altLang="en-US" b="0" i="0" dirty="0">
                <a:solidFill>
                  <a:srgbClr val="333333"/>
                </a:solidFill>
                <a:effectLst/>
                <a:latin typeface="ヒラギノ角ゴ Pro W3"/>
              </a:rPr>
              <a:t>自治体）</a:t>
            </a:r>
            <a:br>
              <a:rPr lang="ja-JP" altLang="en-US" b="0" i="0" dirty="0">
                <a:solidFill>
                  <a:srgbClr val="333333"/>
                </a:solidFill>
                <a:effectLst/>
                <a:latin typeface="ヒラギノ角ゴ Pro W3"/>
              </a:rPr>
            </a:br>
            <a:r>
              <a:rPr lang="ja-JP" altLang="en-US" b="0" i="0" dirty="0">
                <a:solidFill>
                  <a:srgbClr val="333333"/>
                </a:solidFill>
                <a:effectLst/>
                <a:latin typeface="ヒラギノ角ゴ Pro W3"/>
              </a:rPr>
              <a:t>市区町村長会議への参画率</a:t>
            </a:r>
            <a:r>
              <a:rPr lang="en-US" altLang="ja-JP" b="0" i="0" dirty="0">
                <a:solidFill>
                  <a:srgbClr val="333333"/>
                </a:solidFill>
                <a:effectLst/>
                <a:latin typeface="ヒラギノ角ゴ Pro W3"/>
              </a:rPr>
              <a:t>50%</a:t>
            </a:r>
            <a:r>
              <a:rPr lang="ja-JP" altLang="en-US" b="0" i="0" dirty="0">
                <a:solidFill>
                  <a:srgbClr val="333333"/>
                </a:solidFill>
                <a:effectLst/>
                <a:latin typeface="ヒラギノ角ゴ Pro W3"/>
              </a:rPr>
              <a:t>以上！（</a:t>
            </a:r>
            <a:r>
              <a:rPr lang="en-US" altLang="ja-JP" b="0" i="0" dirty="0">
                <a:solidFill>
                  <a:srgbClr val="333333"/>
                </a:solidFill>
                <a:effectLst/>
                <a:latin typeface="ヒラギノ角ゴ Pro W3"/>
              </a:rPr>
              <a:t>971/1,741</a:t>
            </a:r>
            <a:r>
              <a:rPr lang="ja-JP" altLang="en-US" b="0" i="0" dirty="0">
                <a:solidFill>
                  <a:srgbClr val="333333"/>
                </a:solidFill>
                <a:effectLst/>
                <a:latin typeface="ヒラギノ角ゴ Pro W3"/>
              </a:rPr>
              <a:t>自治体）</a:t>
            </a:r>
            <a:br>
              <a:rPr lang="ja-JP" altLang="en-US" b="0" i="0" dirty="0">
                <a:solidFill>
                  <a:srgbClr val="333333"/>
                </a:solidFill>
                <a:effectLst/>
                <a:latin typeface="ヒラギノ角ゴ Pro W3"/>
              </a:rPr>
            </a:br>
            <a:endParaRPr lang="ja-JP" altLang="en-US" b="0" i="0" dirty="0">
              <a:solidFill>
                <a:srgbClr val="333333"/>
              </a:solidFill>
              <a:effectLst/>
              <a:latin typeface="ヒラギノ角ゴ Pro W3"/>
            </a:endParaRPr>
          </a:p>
          <a:p>
            <a:pPr algn="l" fontAlgn="base"/>
            <a:r>
              <a:rPr lang="ja-JP" altLang="en-US" b="0" i="0" dirty="0">
                <a:effectLst/>
                <a:latin typeface="ヒラギノ角ゴ Pro W3"/>
              </a:rPr>
              <a:t>全体会員数：</a:t>
            </a:r>
            <a:r>
              <a:rPr lang="en-US" altLang="ja-JP" b="0" i="0" dirty="0">
                <a:effectLst/>
                <a:latin typeface="ヒラギノ角ゴ Pro W3"/>
              </a:rPr>
              <a:t>2,799</a:t>
            </a:r>
            <a:r>
              <a:rPr lang="ja-JP" altLang="en-US" b="0" i="0" dirty="0">
                <a:effectLst/>
                <a:latin typeface="ヒラギノ角ゴ Pro W3"/>
              </a:rPr>
              <a:t>者</a:t>
            </a:r>
          </a:p>
          <a:p>
            <a:pPr algn="l" fontAlgn="base"/>
            <a:r>
              <a:rPr lang="ja-JP" altLang="en-US" b="0" i="0" u="none" strike="noStrike" dirty="0">
                <a:effectLst/>
                <a:latin typeface="ヒラギノ角ゴ Pro W3"/>
                <a:hlinkClick r:id="rId2">
                  <a:extLst>
                    <a:ext uri="{A12FA001-AC4F-418D-AE19-62706E023703}">
                      <ahyp:hlinkClr xmlns:ahyp="http://schemas.microsoft.com/office/drawing/2018/hyperlinkcolor" val="tx"/>
                    </a:ext>
                  </a:extLst>
                </a:hlinkClick>
              </a:rPr>
              <a:t>企業会員： </a:t>
            </a:r>
            <a:r>
              <a:rPr lang="en-US" altLang="ja-JP" b="0" i="0" u="none" strike="noStrike" dirty="0">
                <a:effectLst/>
                <a:latin typeface="ヒラギノ角ゴ Pro W3"/>
                <a:hlinkClick r:id="rId2">
                  <a:extLst>
                    <a:ext uri="{A12FA001-AC4F-418D-AE19-62706E023703}">
                      <ahyp:hlinkClr xmlns:ahyp="http://schemas.microsoft.com/office/drawing/2018/hyperlinkcolor" val="tx"/>
                    </a:ext>
                  </a:extLst>
                </a:hlinkClick>
              </a:rPr>
              <a:t>990</a:t>
            </a:r>
            <a:r>
              <a:rPr lang="ja-JP" altLang="en-US" b="0" i="0" u="none" strike="noStrike" dirty="0">
                <a:effectLst/>
                <a:latin typeface="ヒラギノ角ゴ Pro W3"/>
                <a:hlinkClick r:id="rId2">
                  <a:extLst>
                    <a:ext uri="{A12FA001-AC4F-418D-AE19-62706E023703}">
                      <ahyp:hlinkClr xmlns:ahyp="http://schemas.microsoft.com/office/drawing/2018/hyperlinkcolor" val="tx"/>
                    </a:ext>
                  </a:extLst>
                </a:hlinkClick>
              </a:rPr>
              <a:t>者</a:t>
            </a:r>
            <a:endParaRPr lang="ja-JP" altLang="en-US" b="0" i="0" dirty="0">
              <a:effectLst/>
              <a:latin typeface="ヒラギノ角ゴ Pro W3"/>
            </a:endParaRPr>
          </a:p>
          <a:p>
            <a:pPr algn="l" fontAlgn="base"/>
            <a:r>
              <a:rPr lang="ja-JP" altLang="en-US" b="0" i="0" u="none" strike="noStrike" dirty="0">
                <a:effectLst/>
                <a:latin typeface="ヒラギノ角ゴ Pro W3"/>
                <a:hlinkClick r:id="rId3">
                  <a:extLst>
                    <a:ext uri="{A12FA001-AC4F-418D-AE19-62706E023703}">
                      <ahyp:hlinkClr xmlns:ahyp="http://schemas.microsoft.com/office/drawing/2018/hyperlinkcolor" val="tx"/>
                    </a:ext>
                  </a:extLst>
                </a:hlinkClick>
              </a:rPr>
              <a:t>行政会員：</a:t>
            </a:r>
            <a:r>
              <a:rPr lang="en-US" altLang="ja-JP" b="0" i="0" u="none" strike="noStrike" dirty="0">
                <a:effectLst/>
                <a:latin typeface="ヒラギノ角ゴ Pro W3"/>
                <a:hlinkClick r:id="rId3">
                  <a:extLst>
                    <a:ext uri="{A12FA001-AC4F-418D-AE19-62706E023703}">
                      <ahyp:hlinkClr xmlns:ahyp="http://schemas.microsoft.com/office/drawing/2018/hyperlinkcolor" val="tx"/>
                    </a:ext>
                  </a:extLst>
                </a:hlinkClick>
              </a:rPr>
              <a:t>1,343</a:t>
            </a:r>
            <a:r>
              <a:rPr lang="ja-JP" altLang="en-US" b="0" i="0" u="none" strike="noStrike" dirty="0">
                <a:effectLst/>
                <a:latin typeface="ヒラギノ角ゴ Pro W3"/>
                <a:hlinkClick r:id="rId3">
                  <a:extLst>
                    <a:ext uri="{A12FA001-AC4F-418D-AE19-62706E023703}">
                      <ahyp:hlinkClr xmlns:ahyp="http://schemas.microsoft.com/office/drawing/2018/hyperlinkcolor" val="tx"/>
                    </a:ext>
                  </a:extLst>
                </a:hlinkClick>
              </a:rPr>
              <a:t>者</a:t>
            </a:r>
            <a:endParaRPr lang="ja-JP" altLang="en-US" b="0" i="0" dirty="0">
              <a:effectLst/>
              <a:latin typeface="ヒラギノ角ゴ Pro W3"/>
            </a:endParaRPr>
          </a:p>
          <a:p>
            <a:pPr algn="l" fontAlgn="base"/>
            <a:r>
              <a:rPr lang="ja-JP" altLang="en-US" b="0" i="0" u="none" strike="noStrike" dirty="0">
                <a:effectLst/>
                <a:latin typeface="ヒラギノ角ゴ Pro W3"/>
                <a:hlinkClick r:id="rId4">
                  <a:extLst>
                    <a:ext uri="{A12FA001-AC4F-418D-AE19-62706E023703}">
                      <ahyp:hlinkClr xmlns:ahyp="http://schemas.microsoft.com/office/drawing/2018/hyperlinkcolor" val="tx"/>
                    </a:ext>
                  </a:extLst>
                </a:hlinkClick>
              </a:rPr>
              <a:t>団体会員： </a:t>
            </a:r>
            <a:r>
              <a:rPr lang="en-US" altLang="ja-JP" b="0" i="0" u="none" strike="noStrike" dirty="0">
                <a:effectLst/>
                <a:latin typeface="ヒラギノ角ゴ Pro W3"/>
                <a:hlinkClick r:id="rId4">
                  <a:extLst>
                    <a:ext uri="{A12FA001-AC4F-418D-AE19-62706E023703}">
                      <ahyp:hlinkClr xmlns:ahyp="http://schemas.microsoft.com/office/drawing/2018/hyperlinkcolor" val="tx"/>
                    </a:ext>
                  </a:extLst>
                </a:hlinkClick>
              </a:rPr>
              <a:t>174</a:t>
            </a:r>
            <a:r>
              <a:rPr lang="ja-JP" altLang="en-US" b="0" i="0" u="none" strike="noStrike" dirty="0">
                <a:effectLst/>
                <a:latin typeface="ヒラギノ角ゴ Pro W3"/>
                <a:hlinkClick r:id="rId4">
                  <a:extLst>
                    <a:ext uri="{A12FA001-AC4F-418D-AE19-62706E023703}">
                      <ahyp:hlinkClr xmlns:ahyp="http://schemas.microsoft.com/office/drawing/2018/hyperlinkcolor" val="tx"/>
                    </a:ext>
                  </a:extLst>
                </a:hlinkClick>
              </a:rPr>
              <a:t>者</a:t>
            </a:r>
            <a:endParaRPr lang="ja-JP" altLang="en-US" b="0" i="0" dirty="0">
              <a:effectLst/>
              <a:latin typeface="ヒラギノ角ゴ Pro W3"/>
            </a:endParaRPr>
          </a:p>
          <a:p>
            <a:pPr algn="l" fontAlgn="base"/>
            <a:r>
              <a:rPr lang="ja-JP" altLang="en-US" b="0" i="0" dirty="0">
                <a:effectLst/>
                <a:latin typeface="ヒラギノ角ゴ Pro W3"/>
              </a:rPr>
              <a:t>個人会員： </a:t>
            </a:r>
            <a:r>
              <a:rPr lang="en-US" altLang="ja-JP" b="0" i="0" dirty="0">
                <a:effectLst/>
                <a:latin typeface="ヒラギノ角ゴ Pro W3"/>
              </a:rPr>
              <a:t>292</a:t>
            </a:r>
            <a:r>
              <a:rPr lang="ja-JP" altLang="en-US" b="0" i="0" dirty="0">
                <a:effectLst/>
                <a:latin typeface="ヒラギノ角ゴ Pro W3"/>
              </a:rPr>
              <a:t>者</a:t>
            </a:r>
          </a:p>
          <a:p>
            <a:pPr algn="l" fontAlgn="base"/>
            <a:br>
              <a:rPr lang="ja-JP" altLang="en-US" dirty="0"/>
            </a:br>
            <a:br>
              <a:rPr lang="ja-JP" altLang="en-US" dirty="0"/>
            </a:br>
            <a:r>
              <a:rPr lang="ja-JP" altLang="en-US" sz="2800" b="0" i="0" dirty="0">
                <a:effectLst/>
                <a:latin typeface="ヒラギノ角ゴ Pro W3"/>
              </a:rPr>
              <a:t>インフラメンテナンス市区町村長会議　</a:t>
            </a:r>
          </a:p>
          <a:p>
            <a:pPr algn="l" fontAlgn="base"/>
            <a:r>
              <a:rPr lang="en-US" altLang="ja-JP" b="0" i="0" dirty="0">
                <a:effectLst/>
                <a:latin typeface="ヒラギノ角ゴ Pro W3"/>
              </a:rPr>
              <a:t>※</a:t>
            </a:r>
            <a:r>
              <a:rPr lang="ja-JP" altLang="en-US" b="0" i="0" dirty="0">
                <a:effectLst/>
                <a:latin typeface="ヒラギノ角ゴ Pro W3"/>
              </a:rPr>
              <a:t>市区町村長会議は、国民会議の行政会員である</a:t>
            </a:r>
            <a:r>
              <a:rPr lang="ja-JP" altLang="en-US" b="0" i="0" dirty="0">
                <a:effectLst/>
                <a:highlight>
                  <a:srgbClr val="FFFF00"/>
                </a:highlight>
                <a:latin typeface="ヒラギノ角ゴ Pro W3"/>
              </a:rPr>
              <a:t>市区町村の長</a:t>
            </a:r>
            <a:r>
              <a:rPr lang="ja-JP" altLang="en-US" b="0" i="0" dirty="0">
                <a:effectLst/>
                <a:latin typeface="ヒラギノ角ゴ Pro W3"/>
              </a:rPr>
              <a:t>によって構成する。（都道府県は含まない）　</a:t>
            </a:r>
          </a:p>
          <a:p>
            <a:pPr algn="l" fontAlgn="base"/>
            <a:r>
              <a:rPr lang="ja-JP" altLang="en-US" b="0" i="0" u="none" strike="noStrike" dirty="0">
                <a:effectLst/>
                <a:latin typeface="ヒラギノ角ゴ Pro W3"/>
                <a:hlinkClick r:id="rId5">
                  <a:extLst>
                    <a:ext uri="{A12FA001-AC4F-418D-AE19-62706E023703}">
                      <ahyp:hlinkClr xmlns:ahyp="http://schemas.microsoft.com/office/drawing/2018/hyperlinkcolor" val="tx"/>
                    </a:ext>
                  </a:extLst>
                </a:hlinkClick>
              </a:rPr>
              <a:t>構成員： </a:t>
            </a:r>
            <a:r>
              <a:rPr lang="en-US" altLang="ja-JP" b="0" i="0" u="none" strike="noStrike" dirty="0">
                <a:effectLst/>
                <a:latin typeface="ヒラギノ角ゴ Pro W3"/>
                <a:hlinkClick r:id="rId5">
                  <a:extLst>
                    <a:ext uri="{A12FA001-AC4F-418D-AE19-62706E023703}">
                      <ahyp:hlinkClr xmlns:ahyp="http://schemas.microsoft.com/office/drawing/2018/hyperlinkcolor" val="tx"/>
                    </a:ext>
                  </a:extLst>
                </a:hlinkClick>
              </a:rPr>
              <a:t>971</a:t>
            </a:r>
            <a:r>
              <a:rPr lang="ja-JP" altLang="en-US" b="0" i="0" u="none" strike="noStrike" dirty="0">
                <a:effectLst/>
                <a:latin typeface="ヒラギノ角ゴ Pro W3"/>
                <a:hlinkClick r:id="rId5">
                  <a:extLst>
                    <a:ext uri="{A12FA001-AC4F-418D-AE19-62706E023703}">
                      <ahyp:hlinkClr xmlns:ahyp="http://schemas.microsoft.com/office/drawing/2018/hyperlinkcolor" val="tx"/>
                    </a:ext>
                  </a:extLst>
                </a:hlinkClick>
              </a:rPr>
              <a:t>者</a:t>
            </a:r>
            <a:endParaRPr lang="ja-JP" altLang="en-US" b="0" i="0" dirty="0">
              <a:effectLst/>
              <a:latin typeface="ヒラギノ角ゴ Pro W3"/>
            </a:endParaRPr>
          </a:p>
        </p:txBody>
      </p:sp>
    </p:spTree>
    <p:extLst>
      <p:ext uri="{BB962C8B-B14F-4D97-AF65-F5344CB8AC3E}">
        <p14:creationId xmlns:p14="http://schemas.microsoft.com/office/powerpoint/2010/main" val="348437064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9" name="Rectangle 8">
            <a:extLst>
              <a:ext uri="{FF2B5EF4-FFF2-40B4-BE49-F238E27FC236}">
                <a16:creationId xmlns:a16="http://schemas.microsoft.com/office/drawing/2014/main" id="{57845966-6EFC-468A-9CC7-BAB4B95854E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1"/>
            <a:ext cx="9144000" cy="6858000"/>
          </a:xfrm>
          <a:prstGeom prst="rect">
            <a:avLst/>
          </a:prstGeom>
          <a:gradFill>
            <a:gsLst>
              <a:gs pos="0">
                <a:schemeClr val="accent1">
                  <a:lumMod val="100000"/>
                  <a:alpha val="82000"/>
                </a:schemeClr>
              </a:gs>
              <a:gs pos="25000">
                <a:schemeClr val="accent1">
                  <a:alpha val="60000"/>
                </a:schemeClr>
              </a:gs>
              <a:gs pos="94000">
                <a:schemeClr val="bg2">
                  <a:lumMod val="75000"/>
                </a:schemeClr>
              </a:gs>
              <a:gs pos="100000">
                <a:schemeClr val="bg2">
                  <a:lumMod val="75000"/>
                </a:schemeClr>
              </a:gs>
            </a:gsLst>
            <a:lin ang="4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pic>
        <p:nvPicPr>
          <p:cNvPr id="11" name="Picture 10">
            <a:extLst>
              <a:ext uri="{FF2B5EF4-FFF2-40B4-BE49-F238E27FC236}">
                <a16:creationId xmlns:a16="http://schemas.microsoft.com/office/drawing/2014/main" id="{75554383-98AF-4A47-BB65-705FAAA4BE6A}"/>
              </a:ext>
              <a:ext uri="{C183D7F6-B498-43B3-948B-1728B52AA6E4}">
                <adec:decorative xmlns:adec="http://schemas.microsoft.com/office/drawing/2017/decorative" val="1"/>
              </a:ext>
            </a:extLst>
          </p:cNvPr>
          <p:cNvPicPr>
            <a:picLocks noGrp="1" noRot="1" noChangeAspect="1" noMove="1" noResize="1" noEditPoints="1" noAdjustHandles="1" noChangeArrowheads="1" noChangeShapeType="1" noCrop="1"/>
          </p:cNvPicPr>
          <p:nvPr>
            <p:extLst>
              <p:ext uri="{386F3935-93C4-4BCD-93E2-E3B085C9AB24}">
                <p16:designElem xmlns:p16="http://schemas.microsoft.com/office/powerpoint/2015/main" val="1"/>
              </p:ext>
            </p:extLst>
          </p:nvPr>
        </p:nvPicPr>
        <p:blipFill rotWithShape="1">
          <a:blip r:embed="rId2">
            <a:extLst>
              <a:ext uri="{28A0092B-C50C-407E-A947-70E740481C1C}">
                <a14:useLocalDpi xmlns:a14="http://schemas.microsoft.com/office/drawing/2010/main" val="0"/>
              </a:ext>
            </a:extLst>
          </a:blip>
          <a:srcRect l="12500" r="12500"/>
          <a:stretch/>
        </p:blipFill>
        <p:spPr>
          <a:xfrm>
            <a:off x="0" y="0"/>
            <a:ext cx="9144000" cy="6858000"/>
          </a:xfrm>
          <a:prstGeom prst="rect">
            <a:avLst/>
          </a:prstGeom>
        </p:spPr>
      </p:pic>
      <p:sp>
        <p:nvSpPr>
          <p:cNvPr id="2" name="スライド番号プレースホルダー 1">
            <a:extLst>
              <a:ext uri="{FF2B5EF4-FFF2-40B4-BE49-F238E27FC236}">
                <a16:creationId xmlns:a16="http://schemas.microsoft.com/office/drawing/2014/main" id="{F8FFD6BE-3C30-1C67-73D2-5290E38EF655}"/>
              </a:ext>
            </a:extLst>
          </p:cNvPr>
          <p:cNvSpPr>
            <a:spLocks noGrp="1"/>
          </p:cNvSpPr>
          <p:nvPr>
            <p:ph type="sldNum" sz="quarter" idx="12"/>
          </p:nvPr>
        </p:nvSpPr>
        <p:spPr>
          <a:xfrm>
            <a:off x="6457950" y="6356351"/>
            <a:ext cx="2057400" cy="365125"/>
          </a:xfrm>
        </p:spPr>
        <p:txBody>
          <a:bodyPr>
            <a:normAutofit/>
          </a:bodyPr>
          <a:lstStyle/>
          <a:p>
            <a:pPr>
              <a:spcAft>
                <a:spcPts val="600"/>
              </a:spcAft>
            </a:pPr>
            <a:fld id="{66545E97-F017-4993-8E0F-1F0B98A93716}" type="slidenum">
              <a:rPr kumimoji="1" lang="ja-JP" altLang="en-US" sz="1050"/>
              <a:pPr>
                <a:spcAft>
                  <a:spcPts val="600"/>
                </a:spcAft>
              </a:pPr>
              <a:t>2</a:t>
            </a:fld>
            <a:endParaRPr kumimoji="1" lang="ja-JP" altLang="en-US" sz="1050"/>
          </a:p>
        </p:txBody>
      </p:sp>
      <p:sp>
        <p:nvSpPr>
          <p:cNvPr id="13" name="Freeform: Shape 12">
            <a:extLst>
              <a:ext uri="{FF2B5EF4-FFF2-40B4-BE49-F238E27FC236}">
                <a16:creationId xmlns:a16="http://schemas.microsoft.com/office/drawing/2014/main" id="{ADAD1991-FFD1-4E94-ABAB-7560D33008E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55410" y="-3970"/>
            <a:ext cx="7748362" cy="6874811"/>
          </a:xfrm>
          <a:custGeom>
            <a:avLst/>
            <a:gdLst>
              <a:gd name="connsiteX0" fmla="*/ 2232159 w 7837716"/>
              <a:gd name="connsiteY0" fmla="*/ 0 h 6858000"/>
              <a:gd name="connsiteX1" fmla="*/ 5605557 w 7837716"/>
              <a:gd name="connsiteY1" fmla="*/ 0 h 6858000"/>
              <a:gd name="connsiteX2" fmla="*/ 5617845 w 7837716"/>
              <a:gd name="connsiteY2" fmla="*/ 5384 h 6858000"/>
              <a:gd name="connsiteX3" fmla="*/ 7837716 w 7837716"/>
              <a:gd name="connsiteY3" fmla="*/ 3429000 h 6858000"/>
              <a:gd name="connsiteX4" fmla="*/ 5617845 w 7837716"/>
              <a:gd name="connsiteY4" fmla="*/ 6852616 h 6858000"/>
              <a:gd name="connsiteX5" fmla="*/ 5605557 w 7837716"/>
              <a:gd name="connsiteY5" fmla="*/ 6858000 h 6858000"/>
              <a:gd name="connsiteX6" fmla="*/ 2232159 w 7837716"/>
              <a:gd name="connsiteY6" fmla="*/ 6858000 h 6858000"/>
              <a:gd name="connsiteX7" fmla="*/ 2219871 w 7837716"/>
              <a:gd name="connsiteY7" fmla="*/ 6852616 h 6858000"/>
              <a:gd name="connsiteX8" fmla="*/ 0 w 7837716"/>
              <a:gd name="connsiteY8" fmla="*/ 3429000 h 6858000"/>
              <a:gd name="connsiteX9" fmla="*/ 2219871 w 7837716"/>
              <a:gd name="connsiteY9" fmla="*/ 5384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7837716" h="6858000">
                <a:moveTo>
                  <a:pt x="2232159" y="0"/>
                </a:moveTo>
                <a:lnTo>
                  <a:pt x="5605557" y="0"/>
                </a:lnTo>
                <a:lnTo>
                  <a:pt x="5617845" y="5384"/>
                </a:lnTo>
                <a:cubicBezTo>
                  <a:pt x="6931322" y="618789"/>
                  <a:pt x="7837716" y="1921305"/>
                  <a:pt x="7837716" y="3429000"/>
                </a:cubicBezTo>
                <a:cubicBezTo>
                  <a:pt x="7837716" y="4936696"/>
                  <a:pt x="6931322" y="6239212"/>
                  <a:pt x="5617845" y="6852616"/>
                </a:cubicBezTo>
                <a:lnTo>
                  <a:pt x="5605557" y="6858000"/>
                </a:lnTo>
                <a:lnTo>
                  <a:pt x="2232159" y="6858000"/>
                </a:lnTo>
                <a:lnTo>
                  <a:pt x="2219871" y="6852616"/>
                </a:lnTo>
                <a:cubicBezTo>
                  <a:pt x="906394" y="6239212"/>
                  <a:pt x="0" y="4936696"/>
                  <a:pt x="0" y="3429000"/>
                </a:cubicBezTo>
                <a:cubicBezTo>
                  <a:pt x="0" y="1921305"/>
                  <a:pt x="906394" y="618789"/>
                  <a:pt x="2219871" y="5384"/>
                </a:cubicBezTo>
                <a:close/>
              </a:path>
            </a:pathLst>
          </a:custGeom>
          <a:solidFill>
            <a:schemeClr val="bg1"/>
          </a:solidFill>
          <a:ln>
            <a:gradFill>
              <a:gsLst>
                <a:gs pos="0">
                  <a:schemeClr val="accent1">
                    <a:lumMod val="40000"/>
                    <a:lumOff val="60000"/>
                  </a:schemeClr>
                </a:gs>
                <a:gs pos="23000">
                  <a:schemeClr val="accent1">
                    <a:lumMod val="45000"/>
                    <a:lumOff val="55000"/>
                  </a:schemeClr>
                </a:gs>
                <a:gs pos="83000">
                  <a:schemeClr val="bg2">
                    <a:lumMod val="82000"/>
                  </a:schemeClr>
                </a:gs>
                <a:gs pos="100000">
                  <a:schemeClr val="bg2">
                    <a:lumMod val="87000"/>
                  </a:schemeClr>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sz="1350"/>
          </a:p>
        </p:txBody>
      </p:sp>
      <p:pic>
        <p:nvPicPr>
          <p:cNvPr id="4" name="図 3">
            <a:extLst>
              <a:ext uri="{FF2B5EF4-FFF2-40B4-BE49-F238E27FC236}">
                <a16:creationId xmlns:a16="http://schemas.microsoft.com/office/drawing/2014/main" id="{13AF4251-E2BE-2FA6-DA13-BC8F1796551D}"/>
              </a:ext>
            </a:extLst>
          </p:cNvPr>
          <p:cNvPicPr>
            <a:picLocks noChangeAspect="1"/>
          </p:cNvPicPr>
          <p:nvPr/>
        </p:nvPicPr>
        <p:blipFill>
          <a:blip r:embed="rId3"/>
          <a:stretch>
            <a:fillRect/>
          </a:stretch>
        </p:blipFill>
        <p:spPr>
          <a:xfrm>
            <a:off x="1434662" y="1030175"/>
            <a:ext cx="6195848" cy="4793015"/>
          </a:xfrm>
          <a:prstGeom prst="rect">
            <a:avLst/>
          </a:prstGeom>
        </p:spPr>
      </p:pic>
    </p:spTree>
    <p:extLst>
      <p:ext uri="{BB962C8B-B14F-4D97-AF65-F5344CB8AC3E}">
        <p14:creationId xmlns:p14="http://schemas.microsoft.com/office/powerpoint/2010/main" val="310686231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7E42634C-F68C-EB27-C299-0AE29FCF036D}"/>
              </a:ext>
            </a:extLst>
          </p:cNvPr>
          <p:cNvSpPr>
            <a:spLocks noGrp="1"/>
          </p:cNvSpPr>
          <p:nvPr>
            <p:ph type="sldNum" sz="quarter" idx="12"/>
          </p:nvPr>
        </p:nvSpPr>
        <p:spPr/>
        <p:txBody>
          <a:bodyPr/>
          <a:lstStyle/>
          <a:p>
            <a:fld id="{66545E97-F017-4993-8E0F-1F0B98A93716}" type="slidenum">
              <a:rPr kumimoji="1" lang="ja-JP" altLang="en-US" smtClean="0"/>
              <a:t>20</a:t>
            </a:fld>
            <a:endParaRPr kumimoji="1" lang="ja-JP" altLang="en-US"/>
          </a:p>
        </p:txBody>
      </p:sp>
      <p:sp>
        <p:nvSpPr>
          <p:cNvPr id="4" name="テキスト ボックス 3">
            <a:extLst>
              <a:ext uri="{FF2B5EF4-FFF2-40B4-BE49-F238E27FC236}">
                <a16:creationId xmlns:a16="http://schemas.microsoft.com/office/drawing/2014/main" id="{74664C3E-526D-35FE-181F-6004688A9478}"/>
              </a:ext>
            </a:extLst>
          </p:cNvPr>
          <p:cNvSpPr txBox="1"/>
          <p:nvPr/>
        </p:nvSpPr>
        <p:spPr>
          <a:xfrm>
            <a:off x="748862" y="994442"/>
            <a:ext cx="7646275" cy="2246769"/>
          </a:xfrm>
          <a:prstGeom prst="rect">
            <a:avLst/>
          </a:prstGeom>
          <a:noFill/>
        </p:spPr>
        <p:txBody>
          <a:bodyPr wrap="square">
            <a:spAutoFit/>
          </a:bodyPr>
          <a:lstStyle/>
          <a:p>
            <a:r>
              <a:rPr lang="ja-JP" altLang="en-US" sz="2800" b="0" i="0" dirty="0">
                <a:solidFill>
                  <a:srgbClr val="333333"/>
                </a:solidFill>
                <a:effectLst/>
                <a:latin typeface="ヒラギノ角ゴ Pro W3"/>
              </a:rPr>
              <a:t>① 革新的技術の発掘と社会実装</a:t>
            </a:r>
            <a:br>
              <a:rPr lang="ja-JP" altLang="en-US" sz="2800" dirty="0"/>
            </a:br>
            <a:r>
              <a:rPr lang="ja-JP" altLang="en-US" sz="2800" b="0" i="0" dirty="0">
                <a:solidFill>
                  <a:srgbClr val="333333"/>
                </a:solidFill>
                <a:effectLst/>
                <a:latin typeface="ヒラギノ角ゴ Pro W3"/>
              </a:rPr>
              <a:t>② 企業等の連携の促進</a:t>
            </a:r>
            <a:br>
              <a:rPr lang="ja-JP" altLang="en-US" sz="2800" dirty="0"/>
            </a:br>
            <a:r>
              <a:rPr lang="ja-JP" altLang="en-US" sz="2800" b="0" i="0" dirty="0">
                <a:solidFill>
                  <a:srgbClr val="333333"/>
                </a:solidFill>
                <a:effectLst/>
                <a:latin typeface="ヒラギノ角ゴ Pro W3"/>
              </a:rPr>
              <a:t>③ 地方自治体への支援</a:t>
            </a:r>
            <a:br>
              <a:rPr lang="ja-JP" altLang="en-US" sz="2800" dirty="0"/>
            </a:br>
            <a:r>
              <a:rPr lang="ja-JP" altLang="en-US" sz="2800" b="0" i="0" dirty="0">
                <a:solidFill>
                  <a:srgbClr val="333333"/>
                </a:solidFill>
                <a:effectLst/>
                <a:latin typeface="ヒラギノ角ゴ Pro W3"/>
              </a:rPr>
              <a:t>④ インフラメンテナンスの理念の普及</a:t>
            </a:r>
            <a:br>
              <a:rPr lang="ja-JP" altLang="en-US" sz="2800" dirty="0"/>
            </a:br>
            <a:r>
              <a:rPr lang="ja-JP" altLang="en-US" sz="2800" b="0" i="0" dirty="0">
                <a:solidFill>
                  <a:srgbClr val="333333"/>
                </a:solidFill>
                <a:effectLst/>
                <a:latin typeface="ヒラギノ角ゴ Pro W3"/>
              </a:rPr>
              <a:t>⑤ インフラメンテナンスへの市民参画の推進</a:t>
            </a:r>
            <a:endParaRPr lang="ja-JP" altLang="en-US" sz="2800" dirty="0"/>
          </a:p>
        </p:txBody>
      </p:sp>
    </p:spTree>
    <p:extLst>
      <p:ext uri="{BB962C8B-B14F-4D97-AF65-F5344CB8AC3E}">
        <p14:creationId xmlns:p14="http://schemas.microsoft.com/office/powerpoint/2010/main" val="409109936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FF7EFBD-4544-96F5-84C0-6DC06EC68836}"/>
              </a:ext>
            </a:extLst>
          </p:cNvPr>
          <p:cNvSpPr>
            <a:spLocks noGrp="1"/>
          </p:cNvSpPr>
          <p:nvPr>
            <p:ph type="sldNum" sz="quarter" idx="12"/>
          </p:nvPr>
        </p:nvSpPr>
        <p:spPr/>
        <p:txBody>
          <a:bodyPr/>
          <a:lstStyle/>
          <a:p>
            <a:fld id="{66545E97-F017-4993-8E0F-1F0B98A93716}" type="slidenum">
              <a:rPr kumimoji="1" lang="ja-JP" altLang="en-US" smtClean="0"/>
              <a:t>21</a:t>
            </a:fld>
            <a:endParaRPr kumimoji="1" lang="ja-JP" altLang="en-US"/>
          </a:p>
        </p:txBody>
      </p:sp>
      <p:pic>
        <p:nvPicPr>
          <p:cNvPr id="4" name="図 3">
            <a:extLst>
              <a:ext uri="{FF2B5EF4-FFF2-40B4-BE49-F238E27FC236}">
                <a16:creationId xmlns:a16="http://schemas.microsoft.com/office/drawing/2014/main" id="{248D0735-EE51-7F12-2B63-F137619B0901}"/>
              </a:ext>
            </a:extLst>
          </p:cNvPr>
          <p:cNvPicPr>
            <a:picLocks noChangeAspect="1"/>
          </p:cNvPicPr>
          <p:nvPr/>
        </p:nvPicPr>
        <p:blipFill>
          <a:blip r:embed="rId2"/>
          <a:stretch>
            <a:fillRect/>
          </a:stretch>
        </p:blipFill>
        <p:spPr>
          <a:xfrm>
            <a:off x="165538" y="136524"/>
            <a:ext cx="8812924" cy="6721722"/>
          </a:xfrm>
          <a:prstGeom prst="rect">
            <a:avLst/>
          </a:prstGeom>
        </p:spPr>
      </p:pic>
    </p:spTree>
    <p:extLst>
      <p:ext uri="{BB962C8B-B14F-4D97-AF65-F5344CB8AC3E}">
        <p14:creationId xmlns:p14="http://schemas.microsoft.com/office/powerpoint/2010/main" val="55159806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C5122D5F-5408-E94E-5D9B-EA860930C16E}"/>
              </a:ext>
            </a:extLst>
          </p:cNvPr>
          <p:cNvSpPr>
            <a:spLocks noGrp="1"/>
          </p:cNvSpPr>
          <p:nvPr>
            <p:ph type="sldNum" sz="quarter" idx="12"/>
          </p:nvPr>
        </p:nvSpPr>
        <p:spPr/>
        <p:txBody>
          <a:bodyPr/>
          <a:lstStyle/>
          <a:p>
            <a:fld id="{66545E97-F017-4993-8E0F-1F0B98A93716}" type="slidenum">
              <a:rPr kumimoji="1" lang="ja-JP" altLang="en-US" smtClean="0"/>
              <a:t>22</a:t>
            </a:fld>
            <a:endParaRPr kumimoji="1" lang="ja-JP" altLang="en-US"/>
          </a:p>
        </p:txBody>
      </p:sp>
      <p:pic>
        <p:nvPicPr>
          <p:cNvPr id="4" name="図 3">
            <a:extLst>
              <a:ext uri="{FF2B5EF4-FFF2-40B4-BE49-F238E27FC236}">
                <a16:creationId xmlns:a16="http://schemas.microsoft.com/office/drawing/2014/main" id="{31099FAB-ACE0-56C8-7973-DEDFCBE22348}"/>
              </a:ext>
            </a:extLst>
          </p:cNvPr>
          <p:cNvPicPr>
            <a:picLocks noChangeAspect="1"/>
          </p:cNvPicPr>
          <p:nvPr/>
        </p:nvPicPr>
        <p:blipFill>
          <a:blip r:embed="rId2"/>
          <a:stretch>
            <a:fillRect/>
          </a:stretch>
        </p:blipFill>
        <p:spPr>
          <a:xfrm>
            <a:off x="1158310" y="0"/>
            <a:ext cx="6328340" cy="6858000"/>
          </a:xfrm>
          <a:prstGeom prst="rect">
            <a:avLst/>
          </a:prstGeom>
        </p:spPr>
      </p:pic>
    </p:spTree>
    <p:extLst>
      <p:ext uri="{BB962C8B-B14F-4D97-AF65-F5344CB8AC3E}">
        <p14:creationId xmlns:p14="http://schemas.microsoft.com/office/powerpoint/2010/main" val="46379306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2100494C-BF74-C30A-662F-D9A673AA83EF}"/>
              </a:ext>
            </a:extLst>
          </p:cNvPr>
          <p:cNvSpPr>
            <a:spLocks noGrp="1"/>
          </p:cNvSpPr>
          <p:nvPr>
            <p:ph type="sldNum" sz="quarter" idx="12"/>
          </p:nvPr>
        </p:nvSpPr>
        <p:spPr/>
        <p:txBody>
          <a:bodyPr/>
          <a:lstStyle/>
          <a:p>
            <a:fld id="{66545E97-F017-4993-8E0F-1F0B98A93716}" type="slidenum">
              <a:rPr kumimoji="1" lang="ja-JP" altLang="en-US" smtClean="0"/>
              <a:t>23</a:t>
            </a:fld>
            <a:endParaRPr kumimoji="1" lang="ja-JP" altLang="en-US"/>
          </a:p>
        </p:txBody>
      </p:sp>
      <p:pic>
        <p:nvPicPr>
          <p:cNvPr id="4" name="図 3">
            <a:extLst>
              <a:ext uri="{FF2B5EF4-FFF2-40B4-BE49-F238E27FC236}">
                <a16:creationId xmlns:a16="http://schemas.microsoft.com/office/drawing/2014/main" id="{6A140CCC-7F58-788A-BCBA-2FB587B6BC4A}"/>
              </a:ext>
            </a:extLst>
          </p:cNvPr>
          <p:cNvPicPr>
            <a:picLocks noChangeAspect="1"/>
          </p:cNvPicPr>
          <p:nvPr/>
        </p:nvPicPr>
        <p:blipFill>
          <a:blip r:embed="rId2"/>
          <a:stretch>
            <a:fillRect/>
          </a:stretch>
        </p:blipFill>
        <p:spPr>
          <a:xfrm>
            <a:off x="0" y="136524"/>
            <a:ext cx="9144000" cy="6584951"/>
          </a:xfrm>
          <a:prstGeom prst="rect">
            <a:avLst/>
          </a:prstGeom>
        </p:spPr>
      </p:pic>
    </p:spTree>
    <p:extLst>
      <p:ext uri="{BB962C8B-B14F-4D97-AF65-F5344CB8AC3E}">
        <p14:creationId xmlns:p14="http://schemas.microsoft.com/office/powerpoint/2010/main" val="126798379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F652D511-F8C6-862D-A92D-38D88A040697}"/>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24</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26B6B0B8-DE1A-4B7C-AAC8-E0AB6A360189}"/>
              </a:ext>
            </a:extLst>
          </p:cNvPr>
          <p:cNvSpPr txBox="1"/>
          <p:nvPr/>
        </p:nvSpPr>
        <p:spPr>
          <a:xfrm>
            <a:off x="1732762" y="1536415"/>
            <a:ext cx="4161852" cy="2077492"/>
          </a:xfrm>
          <a:prstGeom prst="rect">
            <a:avLst/>
          </a:prstGeom>
          <a:noFill/>
        </p:spPr>
        <p:txBody>
          <a:bodyPr wrap="square" rtlCol="0">
            <a:spAutoFit/>
          </a:bodyPr>
          <a:lstStyle/>
          <a:p>
            <a:r>
              <a:rPr lang="ja-JP" altLang="en-US" sz="3300" dirty="0"/>
              <a:t>国の方針</a:t>
            </a:r>
            <a:endParaRPr lang="en-US" altLang="ja-JP" sz="3300" dirty="0"/>
          </a:p>
          <a:p>
            <a:endParaRPr lang="en-US" altLang="ja-JP" sz="2400" dirty="0"/>
          </a:p>
          <a:p>
            <a:r>
              <a:rPr lang="ja-JP" altLang="en-US" sz="2400" dirty="0"/>
              <a:t>新技術導入</a:t>
            </a:r>
            <a:endParaRPr lang="en-US" altLang="ja-JP" sz="2400" dirty="0"/>
          </a:p>
          <a:p>
            <a:endParaRPr lang="en-US" altLang="ja-JP" sz="2400" dirty="0"/>
          </a:p>
          <a:p>
            <a:r>
              <a:rPr lang="ja-JP" altLang="en-US" sz="2400" dirty="0"/>
              <a:t>包括管理、“群”管理</a:t>
            </a:r>
          </a:p>
        </p:txBody>
      </p:sp>
    </p:spTree>
    <p:extLst>
      <p:ext uri="{BB962C8B-B14F-4D97-AF65-F5344CB8AC3E}">
        <p14:creationId xmlns:p14="http://schemas.microsoft.com/office/powerpoint/2010/main" val="207453332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65" name="テキスト ボックス 1">
            <a:extLst>
              <a:ext uri="{FF2B5EF4-FFF2-40B4-BE49-F238E27FC236}">
                <a16:creationId xmlns:a16="http://schemas.microsoft.com/office/drawing/2014/main" id="{68EACB01-14C3-DC6D-664A-FBB3796D1895}"/>
              </a:ext>
            </a:extLst>
          </p:cNvPr>
          <p:cNvSpPr txBox="1">
            <a:spLocks noChangeArrowheads="1"/>
          </p:cNvSpPr>
          <p:nvPr/>
        </p:nvSpPr>
        <p:spPr bwMode="auto">
          <a:xfrm>
            <a:off x="483928" y="3745452"/>
            <a:ext cx="3139746" cy="2802405"/>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lIns="68580" tIns="34290" rIns="68580" bIns="34290" rtlCol="0" anchor="b">
            <a:no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a:lnSpc>
                <a:spcPct val="90000"/>
              </a:lnSpc>
              <a:spcBef>
                <a:spcPct val="0"/>
              </a:spcBef>
              <a:spcAft>
                <a:spcPts val="450"/>
              </a:spcAft>
            </a:pPr>
            <a:r>
              <a:rPr lang="ja-JP" altLang="en-US" sz="3200" dirty="0">
                <a:effectLst>
                  <a:outerShdw blurRad="38100" dist="38100" dir="2700000" algn="tl">
                    <a:srgbClr val="000000">
                      <a:alpha val="43137"/>
                    </a:srgbClr>
                  </a:outerShdw>
                </a:effectLst>
                <a:highlight>
                  <a:srgbClr val="FFFF00"/>
                </a:highlight>
                <a:latin typeface="+mj-lt"/>
                <a:ea typeface="+mj-ea"/>
                <a:cs typeface="+mj-cs"/>
              </a:rPr>
              <a:t>昨年度</a:t>
            </a:r>
            <a:endParaRPr lang="en-US" altLang="ja-JP" sz="3200" dirty="0">
              <a:effectLst>
                <a:outerShdw blurRad="38100" dist="38100" dir="2700000" algn="tl">
                  <a:srgbClr val="000000">
                    <a:alpha val="43137"/>
                  </a:srgbClr>
                </a:outerShdw>
              </a:effectLst>
              <a:highlight>
                <a:srgbClr val="FFFF00"/>
              </a:highlight>
              <a:latin typeface="+mj-lt"/>
              <a:ea typeface="+mj-ea"/>
              <a:cs typeface="+mj-cs"/>
            </a:endParaRPr>
          </a:p>
          <a:p>
            <a:pPr>
              <a:lnSpc>
                <a:spcPct val="90000"/>
              </a:lnSpc>
              <a:spcBef>
                <a:spcPct val="0"/>
              </a:spcBef>
              <a:spcAft>
                <a:spcPts val="450"/>
              </a:spcAft>
            </a:pPr>
            <a:endParaRPr lang="en-US" altLang="ja-JP" sz="3200" dirty="0">
              <a:latin typeface="+mj-lt"/>
              <a:ea typeface="+mj-ea"/>
              <a:cs typeface="+mj-cs"/>
            </a:endParaRPr>
          </a:p>
          <a:p>
            <a:pPr>
              <a:lnSpc>
                <a:spcPct val="90000"/>
              </a:lnSpc>
              <a:spcBef>
                <a:spcPct val="0"/>
              </a:spcBef>
              <a:spcAft>
                <a:spcPts val="450"/>
              </a:spcAft>
            </a:pPr>
            <a:r>
              <a:rPr lang="ja-JP" altLang="en-US" sz="3200" dirty="0">
                <a:latin typeface="+mj-lt"/>
                <a:ea typeface="+mj-ea"/>
                <a:cs typeface="+mj-cs"/>
              </a:rPr>
              <a:t>国の新たな動き　　　　</a:t>
            </a:r>
            <a:endParaRPr lang="en-US" altLang="ja-JP" sz="3200" dirty="0">
              <a:latin typeface="+mj-lt"/>
              <a:ea typeface="+mj-ea"/>
              <a:cs typeface="+mj-cs"/>
            </a:endParaRPr>
          </a:p>
          <a:p>
            <a:pPr>
              <a:lnSpc>
                <a:spcPct val="90000"/>
              </a:lnSpc>
              <a:spcBef>
                <a:spcPct val="0"/>
              </a:spcBef>
              <a:spcAft>
                <a:spcPts val="450"/>
              </a:spcAft>
            </a:pPr>
            <a:r>
              <a:rPr lang="en-US" altLang="ja-JP" sz="3200" dirty="0">
                <a:latin typeface="+mj-lt"/>
                <a:ea typeface="+mj-ea"/>
                <a:cs typeface="+mj-cs"/>
              </a:rPr>
              <a:t>2</a:t>
            </a:r>
            <a:r>
              <a:rPr lang="ja-JP" altLang="en-US" sz="3200" dirty="0">
                <a:latin typeface="+mj-lt"/>
                <a:ea typeface="+mj-ea"/>
                <a:cs typeface="+mj-cs"/>
              </a:rPr>
              <a:t>つの方針</a:t>
            </a:r>
            <a:endParaRPr lang="en-US" altLang="ja-JP" sz="3200" dirty="0">
              <a:latin typeface="+mj-lt"/>
              <a:ea typeface="+mj-ea"/>
              <a:cs typeface="+mj-cs"/>
            </a:endParaRPr>
          </a:p>
          <a:p>
            <a:pPr>
              <a:lnSpc>
                <a:spcPct val="90000"/>
              </a:lnSpc>
              <a:spcBef>
                <a:spcPct val="0"/>
              </a:spcBef>
              <a:spcAft>
                <a:spcPts val="450"/>
              </a:spcAft>
            </a:pPr>
            <a:endParaRPr lang="en-US" altLang="ja-JP" sz="3200" dirty="0">
              <a:latin typeface="+mj-lt"/>
              <a:ea typeface="+mj-ea"/>
              <a:cs typeface="+mj-cs"/>
            </a:endParaRPr>
          </a:p>
          <a:p>
            <a:pPr>
              <a:lnSpc>
                <a:spcPct val="90000"/>
              </a:lnSpc>
              <a:spcBef>
                <a:spcPct val="0"/>
              </a:spcBef>
              <a:spcAft>
                <a:spcPts val="450"/>
              </a:spcAft>
            </a:pPr>
            <a:r>
              <a:rPr lang="ja-JP" altLang="en-US" sz="3200" dirty="0">
                <a:latin typeface="+mj-lt"/>
                <a:ea typeface="+mj-ea"/>
                <a:cs typeface="+mj-cs"/>
              </a:rPr>
              <a:t>新技術導入</a:t>
            </a:r>
            <a:endParaRPr lang="en-US" altLang="ja-JP" sz="3200" dirty="0">
              <a:latin typeface="+mj-lt"/>
              <a:ea typeface="+mj-ea"/>
              <a:cs typeface="+mj-cs"/>
            </a:endParaRPr>
          </a:p>
          <a:p>
            <a:pPr>
              <a:lnSpc>
                <a:spcPct val="90000"/>
              </a:lnSpc>
              <a:spcBef>
                <a:spcPct val="0"/>
              </a:spcBef>
              <a:spcAft>
                <a:spcPts val="450"/>
              </a:spcAft>
            </a:pPr>
            <a:r>
              <a:rPr lang="ja-JP" altLang="en-US" sz="3200" dirty="0">
                <a:latin typeface="+mj-lt"/>
                <a:ea typeface="+mj-ea"/>
                <a:cs typeface="+mj-cs"/>
              </a:rPr>
              <a:t>　　と　　　　　　　　　　　　包括管理</a:t>
            </a:r>
            <a:endParaRPr lang="en-US" altLang="ja-JP" sz="3200" dirty="0">
              <a:latin typeface="+mj-lt"/>
              <a:ea typeface="+mj-ea"/>
              <a:cs typeface="+mj-cs"/>
            </a:endParaRPr>
          </a:p>
          <a:p>
            <a:pPr>
              <a:lnSpc>
                <a:spcPct val="90000"/>
              </a:lnSpc>
              <a:spcBef>
                <a:spcPct val="0"/>
              </a:spcBef>
              <a:spcAft>
                <a:spcPts val="450"/>
              </a:spcAft>
            </a:pPr>
            <a:endParaRPr lang="en-US" altLang="ja-JP" sz="3200" dirty="0">
              <a:latin typeface="+mj-lt"/>
              <a:ea typeface="+mj-ea"/>
              <a:cs typeface="+mj-cs"/>
            </a:endParaRPr>
          </a:p>
          <a:p>
            <a:pPr>
              <a:lnSpc>
                <a:spcPct val="90000"/>
              </a:lnSpc>
              <a:spcBef>
                <a:spcPct val="0"/>
              </a:spcBef>
              <a:spcAft>
                <a:spcPts val="450"/>
              </a:spcAft>
            </a:pPr>
            <a:r>
              <a:rPr lang="ja-JP" altLang="en-US" sz="3200" dirty="0">
                <a:latin typeface="+mj-lt"/>
                <a:ea typeface="+mj-ea"/>
                <a:cs typeface="+mj-cs"/>
              </a:rPr>
              <a:t>マニュアル策定</a:t>
            </a:r>
          </a:p>
        </p:txBody>
      </p:sp>
      <p:pic>
        <p:nvPicPr>
          <p:cNvPr id="92163" name="図 2">
            <a:extLst>
              <a:ext uri="{FF2B5EF4-FFF2-40B4-BE49-F238E27FC236}">
                <a16:creationId xmlns:a16="http://schemas.microsoft.com/office/drawing/2014/main" id="{6FC849F4-5C7A-130C-ADF5-92A8808B7847}"/>
              </a:ext>
            </a:extLst>
          </p:cNvPr>
          <p:cNvPicPr>
            <a:picLocks noChangeAspect="1" noChangeArrowheads="1"/>
          </p:cNvPicPr>
          <p:nvPr/>
        </p:nvPicPr>
        <p:blipFill>
          <a:blip r:embed="rId2">
            <a:extLst>
              <a:ext uri="{28A0092B-C50C-407E-A947-70E740481C1C}">
                <a14:useLocalDpi xmlns:a14="http://schemas.microsoft.com/office/drawing/2010/main" val="0"/>
              </a:ext>
            </a:extLst>
          </a:blip>
          <a:stretch>
            <a:fillRect/>
          </a:stretch>
        </p:blipFill>
        <p:spPr bwMode="auto">
          <a:xfrm>
            <a:off x="3303270" y="1711346"/>
            <a:ext cx="2537460" cy="3360875"/>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164" name="図 3">
            <a:extLst>
              <a:ext uri="{FF2B5EF4-FFF2-40B4-BE49-F238E27FC236}">
                <a16:creationId xmlns:a16="http://schemas.microsoft.com/office/drawing/2014/main" id="{C69DFC64-A13C-14DA-260C-196A9B1FD711}"/>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5751132" y="1366571"/>
            <a:ext cx="2876401" cy="3780083"/>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2162" name="スライド番号プレースホルダー 1">
            <a:extLst>
              <a:ext uri="{FF2B5EF4-FFF2-40B4-BE49-F238E27FC236}">
                <a16:creationId xmlns:a16="http://schemas.microsoft.com/office/drawing/2014/main" id="{EEF22499-55FB-641C-9607-BD18192BD347}"/>
              </a:ext>
            </a:extLst>
          </p:cNvPr>
          <p:cNvSpPr>
            <a:spLocks noGrp="1" noChangeArrowheads="1"/>
          </p:cNvSpPr>
          <p:nvPr>
            <p:ph type="sldNum" sz="quarter" idx="12"/>
          </p:nvPr>
        </p:nvSpPr>
        <p:spPr bwMode="auto">
          <a:xfrm>
            <a:off x="7843058" y="5726430"/>
            <a:ext cx="784475" cy="274320"/>
          </a:xfr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lIns="68580" tIns="34290" rIns="68580" bIns="34290" rtlCol="0" anchor="ctr">
            <a:normAutofit/>
          </a:bodyPr>
          <a:lstStyle>
            <a:lvl1pPr>
              <a:defRPr>
                <a:solidFill>
                  <a:schemeClr val="tx1"/>
                </a:solidFill>
                <a:latin typeface="Calibri" panose="020F0502020204030204" pitchFamily="34" charset="0"/>
              </a:defRPr>
            </a:lvl1pPr>
            <a:lvl2pPr marL="557213" indent="-214313">
              <a:defRPr>
                <a:solidFill>
                  <a:schemeClr val="tx1"/>
                </a:solidFill>
                <a:latin typeface="Calibri" panose="020F0502020204030204" pitchFamily="34" charset="0"/>
              </a:defRPr>
            </a:lvl2pPr>
            <a:lvl3pPr marL="857250" indent="-171450">
              <a:defRPr>
                <a:solidFill>
                  <a:schemeClr val="tx1"/>
                </a:solidFill>
                <a:latin typeface="Calibri" panose="020F0502020204030204" pitchFamily="34" charset="0"/>
              </a:defRPr>
            </a:lvl3pPr>
            <a:lvl4pPr marL="1200150" indent="-171450">
              <a:defRPr>
                <a:solidFill>
                  <a:schemeClr val="tx1"/>
                </a:solidFill>
                <a:latin typeface="Calibri" panose="020F0502020204030204" pitchFamily="34" charset="0"/>
              </a:defRPr>
            </a:lvl4pPr>
            <a:lvl5pPr marL="1543050" indent="-171450">
              <a:defRPr>
                <a:solidFill>
                  <a:schemeClr val="tx1"/>
                </a:solidFill>
                <a:latin typeface="Calibri" panose="020F0502020204030204" pitchFamily="34" charset="0"/>
              </a:defRPr>
            </a:lvl5pPr>
            <a:lvl6pPr marL="1885950" indent="-171450" eaLnBrk="0" fontAlgn="base" hangingPunct="0">
              <a:spcBef>
                <a:spcPct val="0"/>
              </a:spcBef>
              <a:spcAft>
                <a:spcPct val="0"/>
              </a:spcAft>
              <a:defRPr>
                <a:solidFill>
                  <a:schemeClr val="tx1"/>
                </a:solidFill>
                <a:latin typeface="Calibri" panose="020F0502020204030204" pitchFamily="34" charset="0"/>
              </a:defRPr>
            </a:lvl6pPr>
            <a:lvl7pPr marL="2228850" indent="-171450" eaLnBrk="0" fontAlgn="base" hangingPunct="0">
              <a:spcBef>
                <a:spcPct val="0"/>
              </a:spcBef>
              <a:spcAft>
                <a:spcPct val="0"/>
              </a:spcAft>
              <a:defRPr>
                <a:solidFill>
                  <a:schemeClr val="tx1"/>
                </a:solidFill>
                <a:latin typeface="Calibri" panose="020F0502020204030204" pitchFamily="34" charset="0"/>
              </a:defRPr>
            </a:lvl7pPr>
            <a:lvl8pPr marL="2571750" indent="-171450" eaLnBrk="0" fontAlgn="base" hangingPunct="0">
              <a:spcBef>
                <a:spcPct val="0"/>
              </a:spcBef>
              <a:spcAft>
                <a:spcPct val="0"/>
              </a:spcAft>
              <a:defRPr>
                <a:solidFill>
                  <a:schemeClr val="tx1"/>
                </a:solidFill>
                <a:latin typeface="Calibri" panose="020F0502020204030204" pitchFamily="34" charset="0"/>
              </a:defRPr>
            </a:lvl8pPr>
            <a:lvl9pPr marL="2914650" indent="-171450" eaLnBrk="0" fontAlgn="base" hangingPunct="0">
              <a:spcBef>
                <a:spcPct val="0"/>
              </a:spcBef>
              <a:spcAft>
                <a:spcPct val="0"/>
              </a:spcAft>
              <a:defRPr>
                <a:solidFill>
                  <a:schemeClr val="tx1"/>
                </a:solidFill>
                <a:latin typeface="Calibri" panose="020F0502020204030204" pitchFamily="34" charset="0"/>
              </a:defRPr>
            </a:lvl9pPr>
          </a:lstStyle>
          <a:p>
            <a:pPr>
              <a:spcAft>
                <a:spcPts val="450"/>
              </a:spcAft>
            </a:pPr>
            <a:r>
              <a:rPr lang="en-US" altLang="ja-JP">
                <a:solidFill>
                  <a:schemeClr val="tx1">
                    <a:tint val="75000"/>
                  </a:schemeClr>
                </a:solidFill>
                <a:latin typeface="+mn-lt"/>
              </a:rPr>
              <a:t>-</a:t>
            </a:r>
            <a:fld id="{ADBD97E9-7711-49C1-8F10-C9177A0571BB}" type="slidenum">
              <a:rPr lang="en-US" altLang="ja-JP" smtClean="0">
                <a:solidFill>
                  <a:schemeClr val="tx1">
                    <a:tint val="75000"/>
                  </a:schemeClr>
                </a:solidFill>
                <a:latin typeface="+mn-lt"/>
              </a:rPr>
              <a:pPr>
                <a:spcAft>
                  <a:spcPts val="450"/>
                </a:spcAft>
              </a:pPr>
              <a:t>25</a:t>
            </a:fld>
            <a:r>
              <a:rPr lang="en-US" altLang="ja-JP">
                <a:solidFill>
                  <a:schemeClr val="tx1">
                    <a:tint val="75000"/>
                  </a:schemeClr>
                </a:solidFill>
                <a:latin typeface="+mn-lt"/>
              </a:rPr>
              <a:t>-</a:t>
            </a:r>
          </a:p>
        </p:txBody>
      </p:sp>
    </p:spTree>
    <p:extLst>
      <p:ext uri="{BB962C8B-B14F-4D97-AF65-F5344CB8AC3E}">
        <p14:creationId xmlns:p14="http://schemas.microsoft.com/office/powerpoint/2010/main" val="210939548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8913621" y="6494779"/>
            <a:ext cx="142240" cy="250825"/>
          </a:xfrm>
          <a:prstGeom prst="rect">
            <a:avLst/>
          </a:prstGeom>
        </p:spPr>
        <p:txBody>
          <a:bodyPr vert="horz" wrap="square" lIns="0" tIns="15875" rIns="0" bIns="0" rtlCol="0">
            <a:spAutoFit/>
          </a:bodyPr>
          <a:lstStyle/>
          <a:p>
            <a:pPr marL="12700">
              <a:lnSpc>
                <a:spcPct val="100000"/>
              </a:lnSpc>
              <a:spcBef>
                <a:spcPts val="125"/>
              </a:spcBef>
            </a:pPr>
            <a:r>
              <a:rPr sz="1450" spc="-50" dirty="0">
                <a:latin typeface="Meiryo UI"/>
                <a:cs typeface="Meiryo UI"/>
              </a:rPr>
              <a:t>3</a:t>
            </a:r>
            <a:endParaRPr sz="1450">
              <a:latin typeface="Meiryo UI"/>
              <a:cs typeface="Meiryo UI"/>
            </a:endParaRPr>
          </a:p>
        </p:txBody>
      </p:sp>
      <p:grpSp>
        <p:nvGrpSpPr>
          <p:cNvPr id="3" name="object 3"/>
          <p:cNvGrpSpPr/>
          <p:nvPr/>
        </p:nvGrpSpPr>
        <p:grpSpPr>
          <a:xfrm>
            <a:off x="88392" y="32003"/>
            <a:ext cx="8945880" cy="635635"/>
            <a:chOff x="88392" y="32003"/>
            <a:chExt cx="8945880" cy="635635"/>
          </a:xfrm>
        </p:grpSpPr>
        <p:sp>
          <p:nvSpPr>
            <p:cNvPr id="4" name="object 4"/>
            <p:cNvSpPr/>
            <p:nvPr/>
          </p:nvSpPr>
          <p:spPr>
            <a:xfrm>
              <a:off x="101346" y="44957"/>
              <a:ext cx="8920480" cy="609600"/>
            </a:xfrm>
            <a:custGeom>
              <a:avLst/>
              <a:gdLst/>
              <a:ahLst/>
              <a:cxnLst/>
              <a:rect l="l" t="t" r="r" b="b"/>
              <a:pathLst>
                <a:path w="8920480" h="609600">
                  <a:moveTo>
                    <a:pt x="8851519" y="0"/>
                  </a:moveTo>
                  <a:lnTo>
                    <a:pt x="68402" y="0"/>
                  </a:lnTo>
                  <a:lnTo>
                    <a:pt x="41774" y="5373"/>
                  </a:lnTo>
                  <a:lnTo>
                    <a:pt x="20032" y="20034"/>
                  </a:lnTo>
                  <a:lnTo>
                    <a:pt x="5374" y="41790"/>
                  </a:lnTo>
                  <a:lnTo>
                    <a:pt x="0" y="68452"/>
                  </a:lnTo>
                  <a:lnTo>
                    <a:pt x="0" y="541147"/>
                  </a:lnTo>
                  <a:lnTo>
                    <a:pt x="5374" y="567809"/>
                  </a:lnTo>
                  <a:lnTo>
                    <a:pt x="20032" y="589565"/>
                  </a:lnTo>
                  <a:lnTo>
                    <a:pt x="41774" y="604226"/>
                  </a:lnTo>
                  <a:lnTo>
                    <a:pt x="68402" y="609600"/>
                  </a:lnTo>
                  <a:lnTo>
                    <a:pt x="8851519" y="609600"/>
                  </a:lnTo>
                  <a:lnTo>
                    <a:pt x="8878181" y="604226"/>
                  </a:lnTo>
                  <a:lnTo>
                    <a:pt x="8899937" y="589565"/>
                  </a:lnTo>
                  <a:lnTo>
                    <a:pt x="8914598" y="567809"/>
                  </a:lnTo>
                  <a:lnTo>
                    <a:pt x="8919972" y="541147"/>
                  </a:lnTo>
                  <a:lnTo>
                    <a:pt x="8919972" y="68452"/>
                  </a:lnTo>
                  <a:lnTo>
                    <a:pt x="8914598" y="41790"/>
                  </a:lnTo>
                  <a:lnTo>
                    <a:pt x="8899937" y="20034"/>
                  </a:lnTo>
                  <a:lnTo>
                    <a:pt x="8878181" y="5373"/>
                  </a:lnTo>
                  <a:lnTo>
                    <a:pt x="8851519" y="0"/>
                  </a:lnTo>
                  <a:close/>
                </a:path>
              </a:pathLst>
            </a:custGeom>
            <a:solidFill>
              <a:srgbClr val="DBEDF4"/>
            </a:solidFill>
          </p:spPr>
          <p:txBody>
            <a:bodyPr wrap="square" lIns="0" tIns="0" rIns="0" bIns="0" rtlCol="0"/>
            <a:lstStyle/>
            <a:p>
              <a:endParaRPr/>
            </a:p>
          </p:txBody>
        </p:sp>
        <p:sp>
          <p:nvSpPr>
            <p:cNvPr id="5" name="object 5"/>
            <p:cNvSpPr/>
            <p:nvPr/>
          </p:nvSpPr>
          <p:spPr>
            <a:xfrm>
              <a:off x="101346" y="44957"/>
              <a:ext cx="8920480" cy="609600"/>
            </a:xfrm>
            <a:custGeom>
              <a:avLst/>
              <a:gdLst/>
              <a:ahLst/>
              <a:cxnLst/>
              <a:rect l="l" t="t" r="r" b="b"/>
              <a:pathLst>
                <a:path w="8920480" h="609600">
                  <a:moveTo>
                    <a:pt x="0" y="68452"/>
                  </a:moveTo>
                  <a:lnTo>
                    <a:pt x="5374" y="41790"/>
                  </a:lnTo>
                  <a:lnTo>
                    <a:pt x="20032" y="20034"/>
                  </a:lnTo>
                  <a:lnTo>
                    <a:pt x="41774" y="5373"/>
                  </a:lnTo>
                  <a:lnTo>
                    <a:pt x="68402" y="0"/>
                  </a:lnTo>
                  <a:lnTo>
                    <a:pt x="8851519" y="0"/>
                  </a:lnTo>
                  <a:lnTo>
                    <a:pt x="8878181" y="5373"/>
                  </a:lnTo>
                  <a:lnTo>
                    <a:pt x="8899937" y="20034"/>
                  </a:lnTo>
                  <a:lnTo>
                    <a:pt x="8914598" y="41790"/>
                  </a:lnTo>
                  <a:lnTo>
                    <a:pt x="8919972" y="68452"/>
                  </a:lnTo>
                  <a:lnTo>
                    <a:pt x="8919972" y="541147"/>
                  </a:lnTo>
                  <a:lnTo>
                    <a:pt x="8914598" y="567809"/>
                  </a:lnTo>
                  <a:lnTo>
                    <a:pt x="8899937" y="589565"/>
                  </a:lnTo>
                  <a:lnTo>
                    <a:pt x="8878181" y="604226"/>
                  </a:lnTo>
                  <a:lnTo>
                    <a:pt x="8851519" y="609600"/>
                  </a:lnTo>
                  <a:lnTo>
                    <a:pt x="68402" y="609600"/>
                  </a:lnTo>
                  <a:lnTo>
                    <a:pt x="41774" y="604226"/>
                  </a:lnTo>
                  <a:lnTo>
                    <a:pt x="20032" y="589565"/>
                  </a:lnTo>
                  <a:lnTo>
                    <a:pt x="5374" y="567809"/>
                  </a:lnTo>
                  <a:lnTo>
                    <a:pt x="0" y="541147"/>
                  </a:lnTo>
                  <a:lnTo>
                    <a:pt x="0" y="68452"/>
                  </a:lnTo>
                  <a:close/>
                </a:path>
              </a:pathLst>
            </a:custGeom>
            <a:ln w="25908">
              <a:solidFill>
                <a:srgbClr val="000000"/>
              </a:solidFill>
            </a:ln>
          </p:spPr>
          <p:txBody>
            <a:bodyPr wrap="square" lIns="0" tIns="0" rIns="0" bIns="0" rtlCol="0"/>
            <a:lstStyle/>
            <a:p>
              <a:endParaRPr/>
            </a:p>
          </p:txBody>
        </p:sp>
      </p:grpSp>
      <p:sp>
        <p:nvSpPr>
          <p:cNvPr id="6" name="object 6"/>
          <p:cNvSpPr txBox="1">
            <a:spLocks noGrp="1"/>
          </p:cNvSpPr>
          <p:nvPr>
            <p:ph type="title"/>
          </p:nvPr>
        </p:nvSpPr>
        <p:spPr>
          <a:xfrm>
            <a:off x="1111249" y="111482"/>
            <a:ext cx="7147560" cy="443711"/>
          </a:xfrm>
          <a:prstGeom prst="rect">
            <a:avLst/>
          </a:prstGeom>
        </p:spPr>
        <p:txBody>
          <a:bodyPr vert="horz" wrap="square" lIns="0" tIns="12700" rIns="0" bIns="0" rtlCol="0">
            <a:spAutoFit/>
          </a:bodyPr>
          <a:lstStyle/>
          <a:p>
            <a:pPr marL="12700">
              <a:lnSpc>
                <a:spcPct val="100000"/>
              </a:lnSpc>
              <a:spcBef>
                <a:spcPts val="100"/>
              </a:spcBef>
            </a:pPr>
            <a:r>
              <a:rPr sz="2800" spc="-5" dirty="0"/>
              <a:t>群マネにおける「広域」の考え方について</a:t>
            </a:r>
          </a:p>
        </p:txBody>
      </p:sp>
      <p:sp>
        <p:nvSpPr>
          <p:cNvPr id="7" name="object 7"/>
          <p:cNvSpPr/>
          <p:nvPr/>
        </p:nvSpPr>
        <p:spPr>
          <a:xfrm>
            <a:off x="6838188" y="998219"/>
            <a:ext cx="1076325" cy="1074420"/>
          </a:xfrm>
          <a:custGeom>
            <a:avLst/>
            <a:gdLst/>
            <a:ahLst/>
            <a:cxnLst/>
            <a:rect l="l" t="t" r="r" b="b"/>
            <a:pathLst>
              <a:path w="1076325" h="1074420">
                <a:moveTo>
                  <a:pt x="928369" y="0"/>
                </a:moveTo>
                <a:lnTo>
                  <a:pt x="147573" y="0"/>
                </a:lnTo>
                <a:lnTo>
                  <a:pt x="100917" y="7520"/>
                </a:lnTo>
                <a:lnTo>
                  <a:pt x="60405" y="28464"/>
                </a:lnTo>
                <a:lnTo>
                  <a:pt x="28464" y="60405"/>
                </a:lnTo>
                <a:lnTo>
                  <a:pt x="7520" y="100917"/>
                </a:lnTo>
                <a:lnTo>
                  <a:pt x="0" y="147574"/>
                </a:lnTo>
                <a:lnTo>
                  <a:pt x="0" y="926845"/>
                </a:lnTo>
                <a:lnTo>
                  <a:pt x="7520" y="973502"/>
                </a:lnTo>
                <a:lnTo>
                  <a:pt x="28464" y="1014014"/>
                </a:lnTo>
                <a:lnTo>
                  <a:pt x="60405" y="1045955"/>
                </a:lnTo>
                <a:lnTo>
                  <a:pt x="100917" y="1066899"/>
                </a:lnTo>
                <a:lnTo>
                  <a:pt x="147573" y="1074419"/>
                </a:lnTo>
                <a:lnTo>
                  <a:pt x="928369" y="1074419"/>
                </a:lnTo>
                <a:lnTo>
                  <a:pt x="975026" y="1066899"/>
                </a:lnTo>
                <a:lnTo>
                  <a:pt x="1015538" y="1045955"/>
                </a:lnTo>
                <a:lnTo>
                  <a:pt x="1047479" y="1014014"/>
                </a:lnTo>
                <a:lnTo>
                  <a:pt x="1068423" y="973502"/>
                </a:lnTo>
                <a:lnTo>
                  <a:pt x="1075943" y="926845"/>
                </a:lnTo>
                <a:lnTo>
                  <a:pt x="1075943" y="147574"/>
                </a:lnTo>
                <a:lnTo>
                  <a:pt x="1068423" y="100917"/>
                </a:lnTo>
                <a:lnTo>
                  <a:pt x="1047479" y="60405"/>
                </a:lnTo>
                <a:lnTo>
                  <a:pt x="1015538" y="28464"/>
                </a:lnTo>
                <a:lnTo>
                  <a:pt x="975026" y="7520"/>
                </a:lnTo>
                <a:lnTo>
                  <a:pt x="928369" y="0"/>
                </a:lnTo>
                <a:close/>
              </a:path>
            </a:pathLst>
          </a:custGeom>
          <a:solidFill>
            <a:srgbClr val="00AF50"/>
          </a:solidFill>
        </p:spPr>
        <p:txBody>
          <a:bodyPr wrap="square" lIns="0" tIns="0" rIns="0" bIns="0" rtlCol="0"/>
          <a:lstStyle/>
          <a:p>
            <a:endParaRPr/>
          </a:p>
        </p:txBody>
      </p:sp>
      <p:sp>
        <p:nvSpPr>
          <p:cNvPr id="8" name="object 8"/>
          <p:cNvSpPr txBox="1"/>
          <p:nvPr/>
        </p:nvSpPr>
        <p:spPr>
          <a:xfrm>
            <a:off x="7162038" y="1402842"/>
            <a:ext cx="431165" cy="269240"/>
          </a:xfrm>
          <a:prstGeom prst="rect">
            <a:avLst/>
          </a:prstGeom>
        </p:spPr>
        <p:txBody>
          <a:bodyPr vert="horz" wrap="square" lIns="0" tIns="12065" rIns="0" bIns="0" rtlCol="0">
            <a:spAutoFit/>
          </a:bodyPr>
          <a:lstStyle/>
          <a:p>
            <a:pPr marL="12700">
              <a:lnSpc>
                <a:spcPct val="100000"/>
              </a:lnSpc>
              <a:spcBef>
                <a:spcPts val="95"/>
              </a:spcBef>
            </a:pPr>
            <a:r>
              <a:rPr sz="1600" b="1" spc="-40" dirty="0">
                <a:latin typeface="Meiryo UI"/>
                <a:cs typeface="Meiryo UI"/>
              </a:rPr>
              <a:t>Ａ市</a:t>
            </a:r>
            <a:endParaRPr sz="1600">
              <a:latin typeface="Meiryo UI"/>
              <a:cs typeface="Meiryo UI"/>
            </a:endParaRPr>
          </a:p>
        </p:txBody>
      </p:sp>
      <p:sp>
        <p:nvSpPr>
          <p:cNvPr id="9" name="object 9"/>
          <p:cNvSpPr/>
          <p:nvPr/>
        </p:nvSpPr>
        <p:spPr>
          <a:xfrm>
            <a:off x="6480047" y="2106167"/>
            <a:ext cx="861060" cy="859790"/>
          </a:xfrm>
          <a:custGeom>
            <a:avLst/>
            <a:gdLst/>
            <a:ahLst/>
            <a:cxnLst/>
            <a:rect l="l" t="t" r="r" b="b"/>
            <a:pathLst>
              <a:path w="861059" h="859789">
                <a:moveTo>
                  <a:pt x="717803" y="0"/>
                </a:moveTo>
                <a:lnTo>
                  <a:pt x="143255" y="0"/>
                </a:lnTo>
                <a:lnTo>
                  <a:pt x="97974" y="7303"/>
                </a:lnTo>
                <a:lnTo>
                  <a:pt x="58649" y="27639"/>
                </a:lnTo>
                <a:lnTo>
                  <a:pt x="27639" y="58649"/>
                </a:lnTo>
                <a:lnTo>
                  <a:pt x="7303" y="97974"/>
                </a:lnTo>
                <a:lnTo>
                  <a:pt x="0" y="143256"/>
                </a:lnTo>
                <a:lnTo>
                  <a:pt x="0" y="716280"/>
                </a:lnTo>
                <a:lnTo>
                  <a:pt x="7303" y="761561"/>
                </a:lnTo>
                <a:lnTo>
                  <a:pt x="27639" y="800886"/>
                </a:lnTo>
                <a:lnTo>
                  <a:pt x="58649" y="831896"/>
                </a:lnTo>
                <a:lnTo>
                  <a:pt x="97974" y="852232"/>
                </a:lnTo>
                <a:lnTo>
                  <a:pt x="143255" y="859536"/>
                </a:lnTo>
                <a:lnTo>
                  <a:pt x="717803" y="859536"/>
                </a:lnTo>
                <a:lnTo>
                  <a:pt x="763085" y="852232"/>
                </a:lnTo>
                <a:lnTo>
                  <a:pt x="802410" y="831896"/>
                </a:lnTo>
                <a:lnTo>
                  <a:pt x="833420" y="800886"/>
                </a:lnTo>
                <a:lnTo>
                  <a:pt x="853756" y="761561"/>
                </a:lnTo>
                <a:lnTo>
                  <a:pt x="861059" y="716280"/>
                </a:lnTo>
                <a:lnTo>
                  <a:pt x="861059" y="143256"/>
                </a:lnTo>
                <a:lnTo>
                  <a:pt x="853756" y="97974"/>
                </a:lnTo>
                <a:lnTo>
                  <a:pt x="833420" y="58649"/>
                </a:lnTo>
                <a:lnTo>
                  <a:pt x="802410" y="27639"/>
                </a:lnTo>
                <a:lnTo>
                  <a:pt x="763085" y="7303"/>
                </a:lnTo>
                <a:lnTo>
                  <a:pt x="717803" y="0"/>
                </a:lnTo>
                <a:close/>
              </a:path>
            </a:pathLst>
          </a:custGeom>
          <a:solidFill>
            <a:srgbClr val="4F81BC"/>
          </a:solidFill>
        </p:spPr>
        <p:txBody>
          <a:bodyPr wrap="square" lIns="0" tIns="0" rIns="0" bIns="0" rtlCol="0"/>
          <a:lstStyle/>
          <a:p>
            <a:endParaRPr/>
          </a:p>
        </p:txBody>
      </p:sp>
      <p:sp>
        <p:nvSpPr>
          <p:cNvPr id="10" name="object 10"/>
          <p:cNvSpPr txBox="1"/>
          <p:nvPr/>
        </p:nvSpPr>
        <p:spPr>
          <a:xfrm>
            <a:off x="6696202" y="2403474"/>
            <a:ext cx="431165" cy="269240"/>
          </a:xfrm>
          <a:prstGeom prst="rect">
            <a:avLst/>
          </a:prstGeom>
        </p:spPr>
        <p:txBody>
          <a:bodyPr vert="horz" wrap="square" lIns="0" tIns="12065" rIns="0" bIns="0" rtlCol="0">
            <a:spAutoFit/>
          </a:bodyPr>
          <a:lstStyle/>
          <a:p>
            <a:pPr marL="12700">
              <a:lnSpc>
                <a:spcPct val="100000"/>
              </a:lnSpc>
              <a:spcBef>
                <a:spcPts val="95"/>
              </a:spcBef>
            </a:pPr>
            <a:r>
              <a:rPr sz="1600" b="1" spc="-40" dirty="0">
                <a:latin typeface="Meiryo UI"/>
                <a:cs typeface="Meiryo UI"/>
              </a:rPr>
              <a:t>Ｂ町</a:t>
            </a:r>
            <a:endParaRPr sz="1600">
              <a:latin typeface="Meiryo UI"/>
              <a:cs typeface="Meiryo UI"/>
            </a:endParaRPr>
          </a:p>
        </p:txBody>
      </p:sp>
      <p:sp>
        <p:nvSpPr>
          <p:cNvPr id="11" name="object 11"/>
          <p:cNvSpPr/>
          <p:nvPr/>
        </p:nvSpPr>
        <p:spPr>
          <a:xfrm>
            <a:off x="7399019" y="2106167"/>
            <a:ext cx="859790" cy="859790"/>
          </a:xfrm>
          <a:custGeom>
            <a:avLst/>
            <a:gdLst/>
            <a:ahLst/>
            <a:cxnLst/>
            <a:rect l="l" t="t" r="r" b="b"/>
            <a:pathLst>
              <a:path w="859790" h="859789">
                <a:moveTo>
                  <a:pt x="716279" y="0"/>
                </a:moveTo>
                <a:lnTo>
                  <a:pt x="143255" y="0"/>
                </a:lnTo>
                <a:lnTo>
                  <a:pt x="97974" y="7303"/>
                </a:lnTo>
                <a:lnTo>
                  <a:pt x="58649" y="27639"/>
                </a:lnTo>
                <a:lnTo>
                  <a:pt x="27639" y="58649"/>
                </a:lnTo>
                <a:lnTo>
                  <a:pt x="7303" y="97974"/>
                </a:lnTo>
                <a:lnTo>
                  <a:pt x="0" y="143256"/>
                </a:lnTo>
                <a:lnTo>
                  <a:pt x="0" y="716280"/>
                </a:lnTo>
                <a:lnTo>
                  <a:pt x="7303" y="761561"/>
                </a:lnTo>
                <a:lnTo>
                  <a:pt x="27639" y="800886"/>
                </a:lnTo>
                <a:lnTo>
                  <a:pt x="58649" y="831896"/>
                </a:lnTo>
                <a:lnTo>
                  <a:pt x="97974" y="852232"/>
                </a:lnTo>
                <a:lnTo>
                  <a:pt x="143255" y="859536"/>
                </a:lnTo>
                <a:lnTo>
                  <a:pt x="716279" y="859536"/>
                </a:lnTo>
                <a:lnTo>
                  <a:pt x="761561" y="852232"/>
                </a:lnTo>
                <a:lnTo>
                  <a:pt x="800886" y="831896"/>
                </a:lnTo>
                <a:lnTo>
                  <a:pt x="831896" y="800886"/>
                </a:lnTo>
                <a:lnTo>
                  <a:pt x="852232" y="761561"/>
                </a:lnTo>
                <a:lnTo>
                  <a:pt x="859535" y="716280"/>
                </a:lnTo>
                <a:lnTo>
                  <a:pt x="859535" y="143256"/>
                </a:lnTo>
                <a:lnTo>
                  <a:pt x="852232" y="97974"/>
                </a:lnTo>
                <a:lnTo>
                  <a:pt x="831896" y="58649"/>
                </a:lnTo>
                <a:lnTo>
                  <a:pt x="800886" y="27639"/>
                </a:lnTo>
                <a:lnTo>
                  <a:pt x="761561" y="7303"/>
                </a:lnTo>
                <a:lnTo>
                  <a:pt x="716279" y="0"/>
                </a:lnTo>
                <a:close/>
              </a:path>
            </a:pathLst>
          </a:custGeom>
          <a:solidFill>
            <a:srgbClr val="4F81BC"/>
          </a:solidFill>
        </p:spPr>
        <p:txBody>
          <a:bodyPr wrap="square" lIns="0" tIns="0" rIns="0" bIns="0" rtlCol="0"/>
          <a:lstStyle/>
          <a:p>
            <a:endParaRPr/>
          </a:p>
        </p:txBody>
      </p:sp>
      <p:sp>
        <p:nvSpPr>
          <p:cNvPr id="12" name="object 12"/>
          <p:cNvSpPr txBox="1"/>
          <p:nvPr/>
        </p:nvSpPr>
        <p:spPr>
          <a:xfrm>
            <a:off x="7614284" y="2403474"/>
            <a:ext cx="431165" cy="269240"/>
          </a:xfrm>
          <a:prstGeom prst="rect">
            <a:avLst/>
          </a:prstGeom>
        </p:spPr>
        <p:txBody>
          <a:bodyPr vert="horz" wrap="square" lIns="0" tIns="12065" rIns="0" bIns="0" rtlCol="0">
            <a:spAutoFit/>
          </a:bodyPr>
          <a:lstStyle/>
          <a:p>
            <a:pPr marL="12700">
              <a:lnSpc>
                <a:spcPct val="100000"/>
              </a:lnSpc>
              <a:spcBef>
                <a:spcPts val="95"/>
              </a:spcBef>
            </a:pPr>
            <a:r>
              <a:rPr sz="1600" b="1" spc="-40" dirty="0">
                <a:latin typeface="Meiryo UI"/>
                <a:cs typeface="Meiryo UI"/>
              </a:rPr>
              <a:t>Ｃ村</a:t>
            </a:r>
            <a:endParaRPr sz="1600">
              <a:latin typeface="Meiryo UI"/>
              <a:cs typeface="Meiryo UI"/>
            </a:endParaRPr>
          </a:p>
        </p:txBody>
      </p:sp>
      <p:grpSp>
        <p:nvGrpSpPr>
          <p:cNvPr id="13" name="object 13"/>
          <p:cNvGrpSpPr/>
          <p:nvPr/>
        </p:nvGrpSpPr>
        <p:grpSpPr>
          <a:xfrm>
            <a:off x="6153658" y="827277"/>
            <a:ext cx="2434590" cy="2542540"/>
            <a:chOff x="6153658" y="827277"/>
            <a:chExt cx="2434590" cy="2542540"/>
          </a:xfrm>
        </p:grpSpPr>
        <p:sp>
          <p:nvSpPr>
            <p:cNvPr id="14" name="object 14"/>
            <p:cNvSpPr/>
            <p:nvPr/>
          </p:nvSpPr>
          <p:spPr>
            <a:xfrm>
              <a:off x="6182868" y="856487"/>
              <a:ext cx="2376170" cy="2484120"/>
            </a:xfrm>
            <a:custGeom>
              <a:avLst/>
              <a:gdLst/>
              <a:ahLst/>
              <a:cxnLst/>
              <a:rect l="l" t="t" r="r" b="b"/>
              <a:pathLst>
                <a:path w="2376170" h="2484120">
                  <a:moveTo>
                    <a:pt x="0" y="1242060"/>
                  </a:moveTo>
                  <a:lnTo>
                    <a:pt x="899" y="1193291"/>
                  </a:lnTo>
                  <a:lnTo>
                    <a:pt x="3574" y="1144999"/>
                  </a:lnTo>
                  <a:lnTo>
                    <a:pt x="7992" y="1097217"/>
                  </a:lnTo>
                  <a:lnTo>
                    <a:pt x="14120" y="1049980"/>
                  </a:lnTo>
                  <a:lnTo>
                    <a:pt x="21925" y="1003323"/>
                  </a:lnTo>
                  <a:lnTo>
                    <a:pt x="31375" y="957280"/>
                  </a:lnTo>
                  <a:lnTo>
                    <a:pt x="42435" y="911886"/>
                  </a:lnTo>
                  <a:lnTo>
                    <a:pt x="55073" y="867175"/>
                  </a:lnTo>
                  <a:lnTo>
                    <a:pt x="69257" y="823181"/>
                  </a:lnTo>
                  <a:lnTo>
                    <a:pt x="84952" y="779940"/>
                  </a:lnTo>
                  <a:lnTo>
                    <a:pt x="102126" y="737485"/>
                  </a:lnTo>
                  <a:lnTo>
                    <a:pt x="120747" y="695852"/>
                  </a:lnTo>
                  <a:lnTo>
                    <a:pt x="140780" y="655075"/>
                  </a:lnTo>
                  <a:lnTo>
                    <a:pt x="162193" y="615187"/>
                  </a:lnTo>
                  <a:lnTo>
                    <a:pt x="184953" y="576225"/>
                  </a:lnTo>
                  <a:lnTo>
                    <a:pt x="209026" y="538222"/>
                  </a:lnTo>
                  <a:lnTo>
                    <a:pt x="234381" y="501213"/>
                  </a:lnTo>
                  <a:lnTo>
                    <a:pt x="260983" y="465233"/>
                  </a:lnTo>
                  <a:lnTo>
                    <a:pt x="288801" y="430315"/>
                  </a:lnTo>
                  <a:lnTo>
                    <a:pt x="317800" y="396495"/>
                  </a:lnTo>
                  <a:lnTo>
                    <a:pt x="347948" y="363807"/>
                  </a:lnTo>
                  <a:lnTo>
                    <a:pt x="379211" y="332285"/>
                  </a:lnTo>
                  <a:lnTo>
                    <a:pt x="411558" y="301965"/>
                  </a:lnTo>
                  <a:lnTo>
                    <a:pt x="444954" y="272880"/>
                  </a:lnTo>
                  <a:lnTo>
                    <a:pt x="479367" y="245065"/>
                  </a:lnTo>
                  <a:lnTo>
                    <a:pt x="514764" y="218555"/>
                  </a:lnTo>
                  <a:lnTo>
                    <a:pt x="551111" y="193384"/>
                  </a:lnTo>
                  <a:lnTo>
                    <a:pt x="588376" y="169587"/>
                  </a:lnTo>
                  <a:lnTo>
                    <a:pt x="626526" y="147198"/>
                  </a:lnTo>
                  <a:lnTo>
                    <a:pt x="665528" y="126252"/>
                  </a:lnTo>
                  <a:lnTo>
                    <a:pt x="705348" y="106783"/>
                  </a:lnTo>
                  <a:lnTo>
                    <a:pt x="745953" y="88825"/>
                  </a:lnTo>
                  <a:lnTo>
                    <a:pt x="787312" y="72415"/>
                  </a:lnTo>
                  <a:lnTo>
                    <a:pt x="829390" y="57585"/>
                  </a:lnTo>
                  <a:lnTo>
                    <a:pt x="872154" y="44370"/>
                  </a:lnTo>
                  <a:lnTo>
                    <a:pt x="915572" y="32805"/>
                  </a:lnTo>
                  <a:lnTo>
                    <a:pt x="959611" y="22925"/>
                  </a:lnTo>
                  <a:lnTo>
                    <a:pt x="1004237" y="14764"/>
                  </a:lnTo>
                  <a:lnTo>
                    <a:pt x="1049418" y="8356"/>
                  </a:lnTo>
                  <a:lnTo>
                    <a:pt x="1095120" y="3737"/>
                  </a:lnTo>
                  <a:lnTo>
                    <a:pt x="1141311" y="940"/>
                  </a:lnTo>
                  <a:lnTo>
                    <a:pt x="1187958" y="0"/>
                  </a:lnTo>
                  <a:lnTo>
                    <a:pt x="1234604" y="940"/>
                  </a:lnTo>
                  <a:lnTo>
                    <a:pt x="1280795" y="3737"/>
                  </a:lnTo>
                  <a:lnTo>
                    <a:pt x="1326497" y="8356"/>
                  </a:lnTo>
                  <a:lnTo>
                    <a:pt x="1371678" y="14764"/>
                  </a:lnTo>
                  <a:lnTo>
                    <a:pt x="1416304" y="22925"/>
                  </a:lnTo>
                  <a:lnTo>
                    <a:pt x="1460343" y="32805"/>
                  </a:lnTo>
                  <a:lnTo>
                    <a:pt x="1503761" y="44370"/>
                  </a:lnTo>
                  <a:lnTo>
                    <a:pt x="1546525" y="57585"/>
                  </a:lnTo>
                  <a:lnTo>
                    <a:pt x="1588603" y="72415"/>
                  </a:lnTo>
                  <a:lnTo>
                    <a:pt x="1629962" y="88825"/>
                  </a:lnTo>
                  <a:lnTo>
                    <a:pt x="1670567" y="106783"/>
                  </a:lnTo>
                  <a:lnTo>
                    <a:pt x="1710387" y="126252"/>
                  </a:lnTo>
                  <a:lnTo>
                    <a:pt x="1749389" y="147198"/>
                  </a:lnTo>
                  <a:lnTo>
                    <a:pt x="1787539" y="169587"/>
                  </a:lnTo>
                  <a:lnTo>
                    <a:pt x="1824804" y="193384"/>
                  </a:lnTo>
                  <a:lnTo>
                    <a:pt x="1861151" y="218555"/>
                  </a:lnTo>
                  <a:lnTo>
                    <a:pt x="1896548" y="245065"/>
                  </a:lnTo>
                  <a:lnTo>
                    <a:pt x="1930961" y="272880"/>
                  </a:lnTo>
                  <a:lnTo>
                    <a:pt x="1964357" y="301965"/>
                  </a:lnTo>
                  <a:lnTo>
                    <a:pt x="1996704" y="332285"/>
                  </a:lnTo>
                  <a:lnTo>
                    <a:pt x="2027967" y="363807"/>
                  </a:lnTo>
                  <a:lnTo>
                    <a:pt x="2058115" y="396495"/>
                  </a:lnTo>
                  <a:lnTo>
                    <a:pt x="2087114" y="430315"/>
                  </a:lnTo>
                  <a:lnTo>
                    <a:pt x="2114932" y="465233"/>
                  </a:lnTo>
                  <a:lnTo>
                    <a:pt x="2141534" y="501213"/>
                  </a:lnTo>
                  <a:lnTo>
                    <a:pt x="2166889" y="538222"/>
                  </a:lnTo>
                  <a:lnTo>
                    <a:pt x="2190962" y="576225"/>
                  </a:lnTo>
                  <a:lnTo>
                    <a:pt x="2213722" y="615188"/>
                  </a:lnTo>
                  <a:lnTo>
                    <a:pt x="2235135" y="655075"/>
                  </a:lnTo>
                  <a:lnTo>
                    <a:pt x="2255168" y="695852"/>
                  </a:lnTo>
                  <a:lnTo>
                    <a:pt x="2273789" y="737485"/>
                  </a:lnTo>
                  <a:lnTo>
                    <a:pt x="2290963" y="779940"/>
                  </a:lnTo>
                  <a:lnTo>
                    <a:pt x="2306658" y="823181"/>
                  </a:lnTo>
                  <a:lnTo>
                    <a:pt x="2320842" y="867175"/>
                  </a:lnTo>
                  <a:lnTo>
                    <a:pt x="2333480" y="911886"/>
                  </a:lnTo>
                  <a:lnTo>
                    <a:pt x="2344540" y="957280"/>
                  </a:lnTo>
                  <a:lnTo>
                    <a:pt x="2353990" y="1003323"/>
                  </a:lnTo>
                  <a:lnTo>
                    <a:pt x="2361795" y="1049980"/>
                  </a:lnTo>
                  <a:lnTo>
                    <a:pt x="2367923" y="1097217"/>
                  </a:lnTo>
                  <a:lnTo>
                    <a:pt x="2372341" y="1144999"/>
                  </a:lnTo>
                  <a:lnTo>
                    <a:pt x="2375016" y="1193291"/>
                  </a:lnTo>
                  <a:lnTo>
                    <a:pt x="2375916" y="1242060"/>
                  </a:lnTo>
                  <a:lnTo>
                    <a:pt x="2375016" y="1290828"/>
                  </a:lnTo>
                  <a:lnTo>
                    <a:pt x="2372341" y="1339120"/>
                  </a:lnTo>
                  <a:lnTo>
                    <a:pt x="2367923" y="1386902"/>
                  </a:lnTo>
                  <a:lnTo>
                    <a:pt x="2361795" y="1434139"/>
                  </a:lnTo>
                  <a:lnTo>
                    <a:pt x="2353990" y="1480796"/>
                  </a:lnTo>
                  <a:lnTo>
                    <a:pt x="2344540" y="1526839"/>
                  </a:lnTo>
                  <a:lnTo>
                    <a:pt x="2333480" y="1572233"/>
                  </a:lnTo>
                  <a:lnTo>
                    <a:pt x="2320842" y="1616944"/>
                  </a:lnTo>
                  <a:lnTo>
                    <a:pt x="2306658" y="1660938"/>
                  </a:lnTo>
                  <a:lnTo>
                    <a:pt x="2290963" y="1704179"/>
                  </a:lnTo>
                  <a:lnTo>
                    <a:pt x="2273789" y="1746634"/>
                  </a:lnTo>
                  <a:lnTo>
                    <a:pt x="2255168" y="1788267"/>
                  </a:lnTo>
                  <a:lnTo>
                    <a:pt x="2235135" y="1829044"/>
                  </a:lnTo>
                  <a:lnTo>
                    <a:pt x="2213722" y="1868932"/>
                  </a:lnTo>
                  <a:lnTo>
                    <a:pt x="2190962" y="1907894"/>
                  </a:lnTo>
                  <a:lnTo>
                    <a:pt x="2166889" y="1945897"/>
                  </a:lnTo>
                  <a:lnTo>
                    <a:pt x="2141534" y="1982906"/>
                  </a:lnTo>
                  <a:lnTo>
                    <a:pt x="2114932" y="2018886"/>
                  </a:lnTo>
                  <a:lnTo>
                    <a:pt x="2087114" y="2053804"/>
                  </a:lnTo>
                  <a:lnTo>
                    <a:pt x="2058115" y="2087624"/>
                  </a:lnTo>
                  <a:lnTo>
                    <a:pt x="2027967" y="2120312"/>
                  </a:lnTo>
                  <a:lnTo>
                    <a:pt x="1996704" y="2151834"/>
                  </a:lnTo>
                  <a:lnTo>
                    <a:pt x="1964357" y="2182154"/>
                  </a:lnTo>
                  <a:lnTo>
                    <a:pt x="1930961" y="2211239"/>
                  </a:lnTo>
                  <a:lnTo>
                    <a:pt x="1896548" y="2239054"/>
                  </a:lnTo>
                  <a:lnTo>
                    <a:pt x="1861151" y="2265564"/>
                  </a:lnTo>
                  <a:lnTo>
                    <a:pt x="1824804" y="2290735"/>
                  </a:lnTo>
                  <a:lnTo>
                    <a:pt x="1787539" y="2314532"/>
                  </a:lnTo>
                  <a:lnTo>
                    <a:pt x="1749389" y="2336921"/>
                  </a:lnTo>
                  <a:lnTo>
                    <a:pt x="1710387" y="2357867"/>
                  </a:lnTo>
                  <a:lnTo>
                    <a:pt x="1670567" y="2377336"/>
                  </a:lnTo>
                  <a:lnTo>
                    <a:pt x="1629962" y="2395294"/>
                  </a:lnTo>
                  <a:lnTo>
                    <a:pt x="1588603" y="2411704"/>
                  </a:lnTo>
                  <a:lnTo>
                    <a:pt x="1546525" y="2426534"/>
                  </a:lnTo>
                  <a:lnTo>
                    <a:pt x="1503761" y="2439749"/>
                  </a:lnTo>
                  <a:lnTo>
                    <a:pt x="1460343" y="2451314"/>
                  </a:lnTo>
                  <a:lnTo>
                    <a:pt x="1416304" y="2461194"/>
                  </a:lnTo>
                  <a:lnTo>
                    <a:pt x="1371678" y="2469355"/>
                  </a:lnTo>
                  <a:lnTo>
                    <a:pt x="1326497" y="2475763"/>
                  </a:lnTo>
                  <a:lnTo>
                    <a:pt x="1280795" y="2480382"/>
                  </a:lnTo>
                  <a:lnTo>
                    <a:pt x="1234604" y="2483179"/>
                  </a:lnTo>
                  <a:lnTo>
                    <a:pt x="1187958" y="2484120"/>
                  </a:lnTo>
                  <a:lnTo>
                    <a:pt x="1141311" y="2483179"/>
                  </a:lnTo>
                  <a:lnTo>
                    <a:pt x="1095120" y="2480382"/>
                  </a:lnTo>
                  <a:lnTo>
                    <a:pt x="1049418" y="2475763"/>
                  </a:lnTo>
                  <a:lnTo>
                    <a:pt x="1004237" y="2469355"/>
                  </a:lnTo>
                  <a:lnTo>
                    <a:pt x="959611" y="2461194"/>
                  </a:lnTo>
                  <a:lnTo>
                    <a:pt x="915572" y="2451314"/>
                  </a:lnTo>
                  <a:lnTo>
                    <a:pt x="872154" y="2439749"/>
                  </a:lnTo>
                  <a:lnTo>
                    <a:pt x="829390" y="2426534"/>
                  </a:lnTo>
                  <a:lnTo>
                    <a:pt x="787312" y="2411704"/>
                  </a:lnTo>
                  <a:lnTo>
                    <a:pt x="745953" y="2395294"/>
                  </a:lnTo>
                  <a:lnTo>
                    <a:pt x="705348" y="2377336"/>
                  </a:lnTo>
                  <a:lnTo>
                    <a:pt x="665528" y="2357867"/>
                  </a:lnTo>
                  <a:lnTo>
                    <a:pt x="626526" y="2336921"/>
                  </a:lnTo>
                  <a:lnTo>
                    <a:pt x="588376" y="2314532"/>
                  </a:lnTo>
                  <a:lnTo>
                    <a:pt x="551111" y="2290735"/>
                  </a:lnTo>
                  <a:lnTo>
                    <a:pt x="514764" y="2265564"/>
                  </a:lnTo>
                  <a:lnTo>
                    <a:pt x="479367" y="2239054"/>
                  </a:lnTo>
                  <a:lnTo>
                    <a:pt x="444954" y="2211239"/>
                  </a:lnTo>
                  <a:lnTo>
                    <a:pt x="411558" y="2182154"/>
                  </a:lnTo>
                  <a:lnTo>
                    <a:pt x="379211" y="2151834"/>
                  </a:lnTo>
                  <a:lnTo>
                    <a:pt x="347948" y="2120312"/>
                  </a:lnTo>
                  <a:lnTo>
                    <a:pt x="317800" y="2087624"/>
                  </a:lnTo>
                  <a:lnTo>
                    <a:pt x="288801" y="2053804"/>
                  </a:lnTo>
                  <a:lnTo>
                    <a:pt x="260983" y="2018886"/>
                  </a:lnTo>
                  <a:lnTo>
                    <a:pt x="234381" y="1982906"/>
                  </a:lnTo>
                  <a:lnTo>
                    <a:pt x="209026" y="1945897"/>
                  </a:lnTo>
                  <a:lnTo>
                    <a:pt x="184953" y="1907894"/>
                  </a:lnTo>
                  <a:lnTo>
                    <a:pt x="162193" y="1868932"/>
                  </a:lnTo>
                  <a:lnTo>
                    <a:pt x="140780" y="1829044"/>
                  </a:lnTo>
                  <a:lnTo>
                    <a:pt x="120747" y="1788267"/>
                  </a:lnTo>
                  <a:lnTo>
                    <a:pt x="102126" y="1746634"/>
                  </a:lnTo>
                  <a:lnTo>
                    <a:pt x="84952" y="1704179"/>
                  </a:lnTo>
                  <a:lnTo>
                    <a:pt x="69257" y="1660938"/>
                  </a:lnTo>
                  <a:lnTo>
                    <a:pt x="55073" y="1616944"/>
                  </a:lnTo>
                  <a:lnTo>
                    <a:pt x="42435" y="1572233"/>
                  </a:lnTo>
                  <a:lnTo>
                    <a:pt x="31375" y="1526839"/>
                  </a:lnTo>
                  <a:lnTo>
                    <a:pt x="21925" y="1480796"/>
                  </a:lnTo>
                  <a:lnTo>
                    <a:pt x="14120" y="1434139"/>
                  </a:lnTo>
                  <a:lnTo>
                    <a:pt x="7992" y="1386902"/>
                  </a:lnTo>
                  <a:lnTo>
                    <a:pt x="3574" y="1339120"/>
                  </a:lnTo>
                  <a:lnTo>
                    <a:pt x="899" y="1290828"/>
                  </a:lnTo>
                  <a:lnTo>
                    <a:pt x="0" y="1242060"/>
                  </a:lnTo>
                  <a:close/>
                </a:path>
              </a:pathLst>
            </a:custGeom>
            <a:ln w="57912">
              <a:solidFill>
                <a:srgbClr val="FF5050"/>
              </a:solidFill>
            </a:ln>
          </p:spPr>
          <p:txBody>
            <a:bodyPr wrap="square" lIns="0" tIns="0" rIns="0" bIns="0" rtlCol="0"/>
            <a:lstStyle/>
            <a:p>
              <a:endParaRPr/>
            </a:p>
          </p:txBody>
        </p:sp>
        <p:sp>
          <p:nvSpPr>
            <p:cNvPr id="15" name="object 15"/>
            <p:cNvSpPr/>
            <p:nvPr/>
          </p:nvSpPr>
          <p:spPr>
            <a:xfrm>
              <a:off x="6917436" y="2979419"/>
              <a:ext cx="571500" cy="265430"/>
            </a:xfrm>
            <a:custGeom>
              <a:avLst/>
              <a:gdLst/>
              <a:ahLst/>
              <a:cxnLst/>
              <a:rect l="l" t="t" r="r" b="b"/>
              <a:pathLst>
                <a:path w="571500" h="265430">
                  <a:moveTo>
                    <a:pt x="257556" y="42926"/>
                  </a:moveTo>
                  <a:lnTo>
                    <a:pt x="254177" y="26200"/>
                  </a:lnTo>
                  <a:lnTo>
                    <a:pt x="244995" y="12560"/>
                  </a:lnTo>
                  <a:lnTo>
                    <a:pt x="231355" y="3378"/>
                  </a:lnTo>
                  <a:lnTo>
                    <a:pt x="214630" y="0"/>
                  </a:lnTo>
                  <a:lnTo>
                    <a:pt x="42926" y="0"/>
                  </a:lnTo>
                  <a:lnTo>
                    <a:pt x="26187" y="3378"/>
                  </a:lnTo>
                  <a:lnTo>
                    <a:pt x="12547" y="12560"/>
                  </a:lnTo>
                  <a:lnTo>
                    <a:pt x="3365" y="26200"/>
                  </a:lnTo>
                  <a:lnTo>
                    <a:pt x="0" y="42926"/>
                  </a:lnTo>
                  <a:lnTo>
                    <a:pt x="0" y="216154"/>
                  </a:lnTo>
                  <a:lnTo>
                    <a:pt x="3365" y="232892"/>
                  </a:lnTo>
                  <a:lnTo>
                    <a:pt x="12547" y="246532"/>
                  </a:lnTo>
                  <a:lnTo>
                    <a:pt x="26187" y="255714"/>
                  </a:lnTo>
                  <a:lnTo>
                    <a:pt x="42926" y="259080"/>
                  </a:lnTo>
                  <a:lnTo>
                    <a:pt x="214630" y="259080"/>
                  </a:lnTo>
                  <a:lnTo>
                    <a:pt x="231355" y="255714"/>
                  </a:lnTo>
                  <a:lnTo>
                    <a:pt x="244995" y="246532"/>
                  </a:lnTo>
                  <a:lnTo>
                    <a:pt x="254177" y="232892"/>
                  </a:lnTo>
                  <a:lnTo>
                    <a:pt x="257556" y="216154"/>
                  </a:lnTo>
                  <a:lnTo>
                    <a:pt x="257556" y="42926"/>
                  </a:lnTo>
                  <a:close/>
                </a:path>
                <a:path w="571500" h="265430">
                  <a:moveTo>
                    <a:pt x="571500" y="50546"/>
                  </a:moveTo>
                  <a:lnTo>
                    <a:pt x="568121" y="33820"/>
                  </a:lnTo>
                  <a:lnTo>
                    <a:pt x="558939" y="20180"/>
                  </a:lnTo>
                  <a:lnTo>
                    <a:pt x="545299" y="10998"/>
                  </a:lnTo>
                  <a:lnTo>
                    <a:pt x="528574" y="7620"/>
                  </a:lnTo>
                  <a:lnTo>
                    <a:pt x="356870" y="7620"/>
                  </a:lnTo>
                  <a:lnTo>
                    <a:pt x="340131" y="10998"/>
                  </a:lnTo>
                  <a:lnTo>
                    <a:pt x="326491" y="20180"/>
                  </a:lnTo>
                  <a:lnTo>
                    <a:pt x="317309" y="33820"/>
                  </a:lnTo>
                  <a:lnTo>
                    <a:pt x="313944" y="50546"/>
                  </a:lnTo>
                  <a:lnTo>
                    <a:pt x="313944" y="222250"/>
                  </a:lnTo>
                  <a:lnTo>
                    <a:pt x="317309" y="238988"/>
                  </a:lnTo>
                  <a:lnTo>
                    <a:pt x="326491" y="252628"/>
                  </a:lnTo>
                  <a:lnTo>
                    <a:pt x="340131" y="261810"/>
                  </a:lnTo>
                  <a:lnTo>
                    <a:pt x="356870" y="265176"/>
                  </a:lnTo>
                  <a:lnTo>
                    <a:pt x="528574" y="265176"/>
                  </a:lnTo>
                  <a:lnTo>
                    <a:pt x="545299" y="261810"/>
                  </a:lnTo>
                  <a:lnTo>
                    <a:pt x="558939" y="252628"/>
                  </a:lnTo>
                  <a:lnTo>
                    <a:pt x="568121" y="238988"/>
                  </a:lnTo>
                  <a:lnTo>
                    <a:pt x="571500" y="222250"/>
                  </a:lnTo>
                  <a:lnTo>
                    <a:pt x="571500" y="50546"/>
                  </a:lnTo>
                  <a:close/>
                </a:path>
              </a:pathLst>
            </a:custGeom>
            <a:solidFill>
              <a:srgbClr val="4F81BC"/>
            </a:solidFill>
          </p:spPr>
          <p:txBody>
            <a:bodyPr wrap="square" lIns="0" tIns="0" rIns="0" bIns="0" rtlCol="0"/>
            <a:lstStyle/>
            <a:p>
              <a:endParaRPr/>
            </a:p>
          </p:txBody>
        </p:sp>
      </p:grpSp>
      <p:sp>
        <p:nvSpPr>
          <p:cNvPr id="16" name="object 16"/>
          <p:cNvSpPr txBox="1"/>
          <p:nvPr/>
        </p:nvSpPr>
        <p:spPr>
          <a:xfrm>
            <a:off x="7503668" y="2939033"/>
            <a:ext cx="423545" cy="330835"/>
          </a:xfrm>
          <a:prstGeom prst="rect">
            <a:avLst/>
          </a:prstGeom>
        </p:spPr>
        <p:txBody>
          <a:bodyPr vert="horz" wrap="square" lIns="0" tIns="13335" rIns="0" bIns="0" rtlCol="0">
            <a:spAutoFit/>
          </a:bodyPr>
          <a:lstStyle/>
          <a:p>
            <a:pPr marL="12700">
              <a:lnSpc>
                <a:spcPct val="100000"/>
              </a:lnSpc>
              <a:spcBef>
                <a:spcPts val="105"/>
              </a:spcBef>
            </a:pPr>
            <a:r>
              <a:rPr sz="2000" b="1" spc="-20" dirty="0">
                <a:latin typeface="Meiryo UI"/>
                <a:cs typeface="Meiryo UI"/>
              </a:rPr>
              <a:t>・・・</a:t>
            </a:r>
            <a:endParaRPr sz="2000">
              <a:latin typeface="Meiryo UI"/>
              <a:cs typeface="Meiryo UI"/>
            </a:endParaRPr>
          </a:p>
        </p:txBody>
      </p:sp>
      <p:sp>
        <p:nvSpPr>
          <p:cNvPr id="17" name="object 17"/>
          <p:cNvSpPr txBox="1"/>
          <p:nvPr/>
        </p:nvSpPr>
        <p:spPr>
          <a:xfrm>
            <a:off x="218338" y="1365250"/>
            <a:ext cx="4670425" cy="941069"/>
          </a:xfrm>
          <a:prstGeom prst="rect">
            <a:avLst/>
          </a:prstGeom>
        </p:spPr>
        <p:txBody>
          <a:bodyPr vert="horz" wrap="square" lIns="0" tIns="13335" rIns="0" bIns="0" rtlCol="0">
            <a:spAutoFit/>
          </a:bodyPr>
          <a:lstStyle/>
          <a:p>
            <a:pPr marL="12700">
              <a:lnSpc>
                <a:spcPct val="100000"/>
              </a:lnSpc>
              <a:spcBef>
                <a:spcPts val="105"/>
              </a:spcBef>
            </a:pPr>
            <a:r>
              <a:rPr sz="2000" b="1" spc="-10" dirty="0">
                <a:latin typeface="Meiryo UI"/>
                <a:cs typeface="Meiryo UI"/>
              </a:rPr>
              <a:t>＜ケース１＞</a:t>
            </a:r>
            <a:endParaRPr sz="2000">
              <a:latin typeface="Meiryo UI"/>
              <a:cs typeface="Meiryo UI"/>
            </a:endParaRPr>
          </a:p>
          <a:p>
            <a:pPr marL="193675" marR="5080">
              <a:lnSpc>
                <a:spcPct val="100000"/>
              </a:lnSpc>
            </a:pPr>
            <a:r>
              <a:rPr sz="2000" spc="-15" dirty="0">
                <a:latin typeface="Meiryo UI"/>
                <a:cs typeface="Meiryo UI"/>
              </a:rPr>
              <a:t>一つの市区町村がリードし、複数市区町村と</a:t>
            </a:r>
            <a:r>
              <a:rPr sz="2000" dirty="0">
                <a:latin typeface="Meiryo UI"/>
                <a:cs typeface="Meiryo UI"/>
              </a:rPr>
              <a:t>連携（都道府県は入らない</a:t>
            </a:r>
            <a:r>
              <a:rPr sz="2000" spc="-50" dirty="0">
                <a:latin typeface="Meiryo UI"/>
                <a:cs typeface="Meiryo UI"/>
              </a:rPr>
              <a:t>）</a:t>
            </a:r>
            <a:endParaRPr sz="2000">
              <a:latin typeface="Meiryo UI"/>
              <a:cs typeface="Meiryo UI"/>
            </a:endParaRPr>
          </a:p>
        </p:txBody>
      </p:sp>
      <p:sp>
        <p:nvSpPr>
          <p:cNvPr id="18" name="object 18"/>
          <p:cNvSpPr txBox="1"/>
          <p:nvPr/>
        </p:nvSpPr>
        <p:spPr>
          <a:xfrm>
            <a:off x="218338" y="2584831"/>
            <a:ext cx="4728845" cy="941069"/>
          </a:xfrm>
          <a:prstGeom prst="rect">
            <a:avLst/>
          </a:prstGeom>
        </p:spPr>
        <p:txBody>
          <a:bodyPr vert="horz" wrap="square" lIns="0" tIns="13335" rIns="0" bIns="0" rtlCol="0">
            <a:spAutoFit/>
          </a:bodyPr>
          <a:lstStyle/>
          <a:p>
            <a:pPr marL="12700">
              <a:lnSpc>
                <a:spcPct val="100000"/>
              </a:lnSpc>
              <a:spcBef>
                <a:spcPts val="105"/>
              </a:spcBef>
            </a:pPr>
            <a:r>
              <a:rPr sz="2000" b="1" spc="-25" dirty="0">
                <a:latin typeface="Meiryo UI"/>
                <a:cs typeface="Meiryo UI"/>
              </a:rPr>
              <a:t>＜ケース１‘＞</a:t>
            </a:r>
            <a:endParaRPr sz="2000">
              <a:latin typeface="Meiryo UI"/>
              <a:cs typeface="Meiryo UI"/>
            </a:endParaRPr>
          </a:p>
          <a:p>
            <a:pPr marL="193675">
              <a:lnSpc>
                <a:spcPct val="100000"/>
              </a:lnSpc>
            </a:pPr>
            <a:r>
              <a:rPr sz="2000" spc="-15" dirty="0">
                <a:latin typeface="Meiryo UI"/>
                <a:cs typeface="Meiryo UI"/>
              </a:rPr>
              <a:t>既存の広域連携の組織体や協議会等の体</a:t>
            </a:r>
            <a:endParaRPr sz="2000">
              <a:latin typeface="Meiryo UI"/>
              <a:cs typeface="Meiryo UI"/>
            </a:endParaRPr>
          </a:p>
          <a:p>
            <a:pPr marL="193675">
              <a:lnSpc>
                <a:spcPct val="100000"/>
              </a:lnSpc>
            </a:pPr>
            <a:r>
              <a:rPr sz="2000" spc="-25" dirty="0">
                <a:latin typeface="Meiryo UI"/>
                <a:cs typeface="Meiryo UI"/>
              </a:rPr>
              <a:t>制をベースとして、管内複数市区町村が連携</a:t>
            </a:r>
            <a:endParaRPr sz="2000">
              <a:latin typeface="Meiryo UI"/>
              <a:cs typeface="Meiryo UI"/>
            </a:endParaRPr>
          </a:p>
        </p:txBody>
      </p:sp>
      <p:sp>
        <p:nvSpPr>
          <p:cNvPr id="19" name="object 19"/>
          <p:cNvSpPr txBox="1"/>
          <p:nvPr/>
        </p:nvSpPr>
        <p:spPr>
          <a:xfrm>
            <a:off x="218338" y="4719065"/>
            <a:ext cx="4823460" cy="940435"/>
          </a:xfrm>
          <a:prstGeom prst="rect">
            <a:avLst/>
          </a:prstGeom>
        </p:spPr>
        <p:txBody>
          <a:bodyPr vert="horz" wrap="square" lIns="0" tIns="12700" rIns="0" bIns="0" rtlCol="0">
            <a:spAutoFit/>
          </a:bodyPr>
          <a:lstStyle/>
          <a:p>
            <a:pPr marL="12700">
              <a:lnSpc>
                <a:spcPct val="100000"/>
              </a:lnSpc>
              <a:spcBef>
                <a:spcPts val="100"/>
              </a:spcBef>
            </a:pPr>
            <a:r>
              <a:rPr sz="2000" b="1" spc="-10" dirty="0">
                <a:latin typeface="Meiryo UI"/>
                <a:cs typeface="Meiryo UI"/>
              </a:rPr>
              <a:t>＜ケース２＞</a:t>
            </a:r>
            <a:endParaRPr sz="2000">
              <a:latin typeface="Meiryo UI"/>
              <a:cs typeface="Meiryo UI"/>
            </a:endParaRPr>
          </a:p>
          <a:p>
            <a:pPr marL="193675" marR="5080">
              <a:lnSpc>
                <a:spcPct val="100000"/>
              </a:lnSpc>
              <a:spcBef>
                <a:spcPts val="5"/>
              </a:spcBef>
            </a:pPr>
            <a:r>
              <a:rPr sz="2000" spc="-5" dirty="0">
                <a:latin typeface="Meiryo UI"/>
                <a:cs typeface="Meiryo UI"/>
              </a:rPr>
              <a:t>都道府県</a:t>
            </a:r>
            <a:r>
              <a:rPr sz="2000" dirty="0">
                <a:latin typeface="Meiryo UI"/>
                <a:cs typeface="Meiryo UI"/>
              </a:rPr>
              <a:t>（</a:t>
            </a:r>
            <a:r>
              <a:rPr sz="2000" spc="-15" dirty="0">
                <a:latin typeface="Meiryo UI"/>
                <a:cs typeface="Meiryo UI"/>
              </a:rPr>
              <a:t>本庁や出先機関等</a:t>
            </a:r>
            <a:r>
              <a:rPr sz="2000" spc="-10" dirty="0">
                <a:latin typeface="Meiryo UI"/>
                <a:cs typeface="Meiryo UI"/>
              </a:rPr>
              <a:t>）</a:t>
            </a:r>
            <a:r>
              <a:rPr sz="2000" spc="-20" dirty="0">
                <a:latin typeface="Meiryo UI"/>
                <a:cs typeface="Meiryo UI"/>
              </a:rPr>
              <a:t>がリードし、</a:t>
            </a:r>
            <a:r>
              <a:rPr sz="2000" spc="-5" dirty="0">
                <a:latin typeface="Meiryo UI"/>
                <a:cs typeface="Meiryo UI"/>
              </a:rPr>
              <a:t>管内の複数市区町村と連携</a:t>
            </a:r>
            <a:endParaRPr sz="2000">
              <a:latin typeface="Meiryo UI"/>
              <a:cs typeface="Meiryo UI"/>
            </a:endParaRPr>
          </a:p>
        </p:txBody>
      </p:sp>
      <p:sp>
        <p:nvSpPr>
          <p:cNvPr id="20" name="object 20"/>
          <p:cNvSpPr txBox="1"/>
          <p:nvPr/>
        </p:nvSpPr>
        <p:spPr>
          <a:xfrm>
            <a:off x="4734559" y="6243320"/>
            <a:ext cx="280035" cy="330835"/>
          </a:xfrm>
          <a:prstGeom prst="rect">
            <a:avLst/>
          </a:prstGeom>
        </p:spPr>
        <p:txBody>
          <a:bodyPr vert="horz" wrap="square" lIns="0" tIns="12700" rIns="0" bIns="0" rtlCol="0">
            <a:spAutoFit/>
          </a:bodyPr>
          <a:lstStyle/>
          <a:p>
            <a:pPr marL="12700">
              <a:lnSpc>
                <a:spcPct val="100000"/>
              </a:lnSpc>
              <a:spcBef>
                <a:spcPts val="100"/>
              </a:spcBef>
            </a:pPr>
            <a:r>
              <a:rPr sz="2000" spc="-50" dirty="0">
                <a:latin typeface="Meiryo UI"/>
                <a:cs typeface="Meiryo UI"/>
              </a:rPr>
              <a:t>等</a:t>
            </a:r>
            <a:endParaRPr sz="2000">
              <a:latin typeface="Meiryo UI"/>
              <a:cs typeface="Meiryo UI"/>
            </a:endParaRPr>
          </a:p>
        </p:txBody>
      </p:sp>
      <p:sp>
        <p:nvSpPr>
          <p:cNvPr id="21" name="object 21"/>
          <p:cNvSpPr/>
          <p:nvPr/>
        </p:nvSpPr>
        <p:spPr>
          <a:xfrm>
            <a:off x="6074664" y="3340608"/>
            <a:ext cx="2592705" cy="309880"/>
          </a:xfrm>
          <a:custGeom>
            <a:avLst/>
            <a:gdLst/>
            <a:ahLst/>
            <a:cxnLst/>
            <a:rect l="l" t="t" r="r" b="b"/>
            <a:pathLst>
              <a:path w="2592704" h="309879">
                <a:moveTo>
                  <a:pt x="2342895" y="0"/>
                </a:moveTo>
                <a:lnTo>
                  <a:pt x="2342895" y="77342"/>
                </a:lnTo>
                <a:lnTo>
                  <a:pt x="249427" y="77342"/>
                </a:lnTo>
                <a:lnTo>
                  <a:pt x="249427" y="0"/>
                </a:lnTo>
                <a:lnTo>
                  <a:pt x="0" y="154686"/>
                </a:lnTo>
                <a:lnTo>
                  <a:pt x="249427" y="309371"/>
                </a:lnTo>
                <a:lnTo>
                  <a:pt x="249427" y="232028"/>
                </a:lnTo>
                <a:lnTo>
                  <a:pt x="2342895" y="232028"/>
                </a:lnTo>
                <a:lnTo>
                  <a:pt x="2342895" y="309371"/>
                </a:lnTo>
                <a:lnTo>
                  <a:pt x="2592324" y="154686"/>
                </a:lnTo>
                <a:lnTo>
                  <a:pt x="2342895" y="0"/>
                </a:lnTo>
                <a:close/>
              </a:path>
            </a:pathLst>
          </a:custGeom>
          <a:solidFill>
            <a:srgbClr val="000000"/>
          </a:solidFill>
        </p:spPr>
        <p:txBody>
          <a:bodyPr wrap="square" lIns="0" tIns="0" rIns="0" bIns="0" rtlCol="0"/>
          <a:lstStyle/>
          <a:p>
            <a:endParaRPr/>
          </a:p>
        </p:txBody>
      </p:sp>
      <p:sp>
        <p:nvSpPr>
          <p:cNvPr id="22" name="object 22"/>
          <p:cNvSpPr txBox="1"/>
          <p:nvPr/>
        </p:nvSpPr>
        <p:spPr>
          <a:xfrm>
            <a:off x="6886193" y="3591001"/>
            <a:ext cx="939800" cy="300355"/>
          </a:xfrm>
          <a:prstGeom prst="rect">
            <a:avLst/>
          </a:prstGeom>
        </p:spPr>
        <p:txBody>
          <a:bodyPr vert="horz" wrap="square" lIns="0" tIns="12700" rIns="0" bIns="0" rtlCol="0">
            <a:spAutoFit/>
          </a:bodyPr>
          <a:lstStyle/>
          <a:p>
            <a:pPr marL="12700">
              <a:lnSpc>
                <a:spcPct val="100000"/>
              </a:lnSpc>
              <a:spcBef>
                <a:spcPts val="100"/>
              </a:spcBef>
            </a:pPr>
            <a:r>
              <a:rPr sz="1800" b="1" spc="-20" dirty="0">
                <a:latin typeface="Meiryo UI"/>
                <a:cs typeface="Meiryo UI"/>
              </a:rPr>
              <a:t>水平連携</a:t>
            </a:r>
            <a:endParaRPr sz="1800">
              <a:latin typeface="Meiryo UI"/>
              <a:cs typeface="Meiryo UI"/>
            </a:endParaRPr>
          </a:p>
        </p:txBody>
      </p:sp>
      <p:grpSp>
        <p:nvGrpSpPr>
          <p:cNvPr id="23" name="object 23"/>
          <p:cNvGrpSpPr/>
          <p:nvPr/>
        </p:nvGrpSpPr>
        <p:grpSpPr>
          <a:xfrm>
            <a:off x="5879591" y="4041647"/>
            <a:ext cx="2971165" cy="2744470"/>
            <a:chOff x="5879591" y="4041647"/>
            <a:chExt cx="2971165" cy="2744470"/>
          </a:xfrm>
        </p:grpSpPr>
        <p:pic>
          <p:nvPicPr>
            <p:cNvPr id="24" name="object 24"/>
            <p:cNvPicPr/>
            <p:nvPr/>
          </p:nvPicPr>
          <p:blipFill>
            <a:blip r:embed="rId2" cstate="print"/>
            <a:stretch>
              <a:fillRect/>
            </a:stretch>
          </p:blipFill>
          <p:spPr>
            <a:xfrm>
              <a:off x="6755672" y="5803255"/>
              <a:ext cx="1119815" cy="709694"/>
            </a:xfrm>
            <a:prstGeom prst="rect">
              <a:avLst/>
            </a:prstGeom>
          </p:spPr>
        </p:pic>
        <p:pic>
          <p:nvPicPr>
            <p:cNvPr id="25" name="object 25"/>
            <p:cNvPicPr/>
            <p:nvPr/>
          </p:nvPicPr>
          <p:blipFill>
            <a:blip r:embed="rId3" cstate="print"/>
            <a:stretch>
              <a:fillRect/>
            </a:stretch>
          </p:blipFill>
          <p:spPr>
            <a:xfrm>
              <a:off x="7693151" y="6240779"/>
              <a:ext cx="404647" cy="296443"/>
            </a:xfrm>
            <a:prstGeom prst="rect">
              <a:avLst/>
            </a:prstGeom>
          </p:spPr>
        </p:pic>
        <p:pic>
          <p:nvPicPr>
            <p:cNvPr id="26" name="object 26"/>
            <p:cNvPicPr/>
            <p:nvPr/>
          </p:nvPicPr>
          <p:blipFill>
            <a:blip r:embed="rId4" cstate="print"/>
            <a:stretch>
              <a:fillRect/>
            </a:stretch>
          </p:blipFill>
          <p:spPr>
            <a:xfrm>
              <a:off x="7941563" y="6086855"/>
              <a:ext cx="395477" cy="291871"/>
            </a:xfrm>
            <a:prstGeom prst="rect">
              <a:avLst/>
            </a:prstGeom>
          </p:spPr>
        </p:pic>
        <p:sp>
          <p:nvSpPr>
            <p:cNvPr id="27" name="object 27"/>
            <p:cNvSpPr/>
            <p:nvPr/>
          </p:nvSpPr>
          <p:spPr>
            <a:xfrm>
              <a:off x="8280018" y="5935446"/>
              <a:ext cx="280670" cy="189230"/>
            </a:xfrm>
            <a:custGeom>
              <a:avLst/>
              <a:gdLst/>
              <a:ahLst/>
              <a:cxnLst/>
              <a:rect l="l" t="t" r="r" b="b"/>
              <a:pathLst>
                <a:path w="280670" h="189229">
                  <a:moveTo>
                    <a:pt x="25780" y="136169"/>
                  </a:moveTo>
                  <a:lnTo>
                    <a:pt x="0" y="163207"/>
                  </a:lnTo>
                  <a:lnTo>
                    <a:pt x="888" y="169633"/>
                  </a:lnTo>
                  <a:lnTo>
                    <a:pt x="4572" y="175679"/>
                  </a:lnTo>
                  <a:lnTo>
                    <a:pt x="8127" y="181724"/>
                  </a:lnTo>
                  <a:lnTo>
                    <a:pt x="13461" y="185597"/>
                  </a:lnTo>
                  <a:lnTo>
                    <a:pt x="27050" y="189026"/>
                  </a:lnTo>
                  <a:lnTo>
                    <a:pt x="33527" y="188074"/>
                  </a:lnTo>
                  <a:lnTo>
                    <a:pt x="39497" y="184454"/>
                  </a:lnTo>
                  <a:lnTo>
                    <a:pt x="45592" y="180847"/>
                  </a:lnTo>
                  <a:lnTo>
                    <a:pt x="49402" y="175628"/>
                  </a:lnTo>
                  <a:lnTo>
                    <a:pt x="51180" y="168808"/>
                  </a:lnTo>
                  <a:lnTo>
                    <a:pt x="52831" y="161988"/>
                  </a:lnTo>
                  <a:lnTo>
                    <a:pt x="51942" y="155562"/>
                  </a:lnTo>
                  <a:lnTo>
                    <a:pt x="48259" y="149517"/>
                  </a:lnTo>
                  <a:lnTo>
                    <a:pt x="44703" y="143471"/>
                  </a:lnTo>
                  <a:lnTo>
                    <a:pt x="39497" y="139598"/>
                  </a:lnTo>
                  <a:lnTo>
                    <a:pt x="25780" y="136169"/>
                  </a:lnTo>
                  <a:close/>
                </a:path>
                <a:path w="280670" h="189229">
                  <a:moveTo>
                    <a:pt x="139573" y="68084"/>
                  </a:moveTo>
                  <a:lnTo>
                    <a:pt x="113791" y="95122"/>
                  </a:lnTo>
                  <a:lnTo>
                    <a:pt x="114680" y="101549"/>
                  </a:lnTo>
                  <a:lnTo>
                    <a:pt x="118363" y="107594"/>
                  </a:lnTo>
                  <a:lnTo>
                    <a:pt x="121920" y="113639"/>
                  </a:lnTo>
                  <a:lnTo>
                    <a:pt x="127126" y="117513"/>
                  </a:lnTo>
                  <a:lnTo>
                    <a:pt x="140842" y="120942"/>
                  </a:lnTo>
                  <a:lnTo>
                    <a:pt x="147192" y="119989"/>
                  </a:lnTo>
                  <a:lnTo>
                    <a:pt x="159384" y="112763"/>
                  </a:lnTo>
                  <a:lnTo>
                    <a:pt x="163195" y="107543"/>
                  </a:lnTo>
                  <a:lnTo>
                    <a:pt x="164973" y="100723"/>
                  </a:lnTo>
                  <a:lnTo>
                    <a:pt x="166624" y="93903"/>
                  </a:lnTo>
                  <a:lnTo>
                    <a:pt x="165734" y="87477"/>
                  </a:lnTo>
                  <a:lnTo>
                    <a:pt x="162051" y="81432"/>
                  </a:lnTo>
                  <a:lnTo>
                    <a:pt x="158496" y="75387"/>
                  </a:lnTo>
                  <a:lnTo>
                    <a:pt x="153288" y="71513"/>
                  </a:lnTo>
                  <a:lnTo>
                    <a:pt x="139573" y="68084"/>
                  </a:lnTo>
                  <a:close/>
                </a:path>
                <a:path w="280670" h="189229">
                  <a:moveTo>
                    <a:pt x="253364" y="0"/>
                  </a:moveTo>
                  <a:lnTo>
                    <a:pt x="246887" y="952"/>
                  </a:lnTo>
                  <a:lnTo>
                    <a:pt x="240919" y="4571"/>
                  </a:lnTo>
                  <a:lnTo>
                    <a:pt x="234823" y="8191"/>
                  </a:lnTo>
                  <a:lnTo>
                    <a:pt x="231012" y="13411"/>
                  </a:lnTo>
                  <a:lnTo>
                    <a:pt x="229234" y="20218"/>
                  </a:lnTo>
                  <a:lnTo>
                    <a:pt x="227583" y="27038"/>
                  </a:lnTo>
                  <a:lnTo>
                    <a:pt x="228473" y="33477"/>
                  </a:lnTo>
                  <a:lnTo>
                    <a:pt x="232155" y="39509"/>
                  </a:lnTo>
                  <a:lnTo>
                    <a:pt x="235711" y="45554"/>
                  </a:lnTo>
                  <a:lnTo>
                    <a:pt x="240919" y="49441"/>
                  </a:lnTo>
                  <a:lnTo>
                    <a:pt x="254634" y="52857"/>
                  </a:lnTo>
                  <a:lnTo>
                    <a:pt x="260984" y="51904"/>
                  </a:lnTo>
                  <a:lnTo>
                    <a:pt x="267080" y="48298"/>
                  </a:lnTo>
                  <a:lnTo>
                    <a:pt x="273050" y="44678"/>
                  </a:lnTo>
                  <a:lnTo>
                    <a:pt x="276986" y="39458"/>
                  </a:lnTo>
                  <a:lnTo>
                    <a:pt x="278637" y="32638"/>
                  </a:lnTo>
                  <a:lnTo>
                    <a:pt x="280415" y="25819"/>
                  </a:lnTo>
                  <a:lnTo>
                    <a:pt x="279400" y="19392"/>
                  </a:lnTo>
                  <a:lnTo>
                    <a:pt x="275844" y="13347"/>
                  </a:lnTo>
                  <a:lnTo>
                    <a:pt x="272160" y="7315"/>
                  </a:lnTo>
                  <a:lnTo>
                    <a:pt x="266953" y="3428"/>
                  </a:lnTo>
                  <a:lnTo>
                    <a:pt x="253364" y="0"/>
                  </a:lnTo>
                  <a:close/>
                </a:path>
              </a:pathLst>
            </a:custGeom>
            <a:solidFill>
              <a:srgbClr val="000000"/>
            </a:solidFill>
          </p:spPr>
          <p:txBody>
            <a:bodyPr wrap="square" lIns="0" tIns="0" rIns="0" bIns="0" rtlCol="0"/>
            <a:lstStyle/>
            <a:p>
              <a:endParaRPr/>
            </a:p>
          </p:txBody>
        </p:sp>
        <p:sp>
          <p:nvSpPr>
            <p:cNvPr id="28" name="object 28"/>
            <p:cNvSpPr/>
            <p:nvPr/>
          </p:nvSpPr>
          <p:spPr>
            <a:xfrm>
              <a:off x="6172538" y="4989814"/>
              <a:ext cx="2665730" cy="1783714"/>
            </a:xfrm>
            <a:custGeom>
              <a:avLst/>
              <a:gdLst/>
              <a:ahLst/>
              <a:cxnLst/>
              <a:rect l="l" t="t" r="r" b="b"/>
              <a:pathLst>
                <a:path w="2665729" h="1783715">
                  <a:moveTo>
                    <a:pt x="35729" y="276113"/>
                  </a:moveTo>
                  <a:lnTo>
                    <a:pt x="66918" y="222697"/>
                  </a:lnTo>
                  <a:lnTo>
                    <a:pt x="106744" y="174992"/>
                  </a:lnTo>
                  <a:lnTo>
                    <a:pt x="154727" y="133006"/>
                  </a:lnTo>
                  <a:lnTo>
                    <a:pt x="210385" y="96748"/>
                  </a:lnTo>
                  <a:lnTo>
                    <a:pt x="273236" y="66228"/>
                  </a:lnTo>
                  <a:lnTo>
                    <a:pt x="342800" y="41453"/>
                  </a:lnTo>
                  <a:lnTo>
                    <a:pt x="379948" y="31224"/>
                  </a:lnTo>
                  <a:lnTo>
                    <a:pt x="418595" y="22435"/>
                  </a:lnTo>
                  <a:lnTo>
                    <a:pt x="458678" y="15086"/>
                  </a:lnTo>
                  <a:lnTo>
                    <a:pt x="500139" y="9180"/>
                  </a:lnTo>
                  <a:lnTo>
                    <a:pt x="542917" y="4717"/>
                  </a:lnTo>
                  <a:lnTo>
                    <a:pt x="586952" y="1699"/>
                  </a:lnTo>
                  <a:lnTo>
                    <a:pt x="632184" y="126"/>
                  </a:lnTo>
                  <a:lnTo>
                    <a:pt x="678553" y="0"/>
                  </a:lnTo>
                  <a:lnTo>
                    <a:pt x="725998" y="1321"/>
                  </a:lnTo>
                  <a:lnTo>
                    <a:pt x="774459" y="4092"/>
                  </a:lnTo>
                  <a:lnTo>
                    <a:pt x="823877" y="8312"/>
                  </a:lnTo>
                  <a:lnTo>
                    <a:pt x="874190" y="13984"/>
                  </a:lnTo>
                  <a:lnTo>
                    <a:pt x="925340" y="21108"/>
                  </a:lnTo>
                  <a:lnTo>
                    <a:pt x="977265" y="29686"/>
                  </a:lnTo>
                  <a:lnTo>
                    <a:pt x="1029906" y="39718"/>
                  </a:lnTo>
                  <a:lnTo>
                    <a:pt x="1083202" y="51206"/>
                  </a:lnTo>
                  <a:lnTo>
                    <a:pt x="1137094" y="64150"/>
                  </a:lnTo>
                  <a:lnTo>
                    <a:pt x="1191520" y="78553"/>
                  </a:lnTo>
                  <a:lnTo>
                    <a:pt x="1246422" y="94415"/>
                  </a:lnTo>
                  <a:lnTo>
                    <a:pt x="1301738" y="111737"/>
                  </a:lnTo>
                  <a:lnTo>
                    <a:pt x="1357409" y="130520"/>
                  </a:lnTo>
                  <a:lnTo>
                    <a:pt x="1413374" y="150765"/>
                  </a:lnTo>
                  <a:lnTo>
                    <a:pt x="1469574" y="172474"/>
                  </a:lnTo>
                  <a:lnTo>
                    <a:pt x="1525947" y="195648"/>
                  </a:lnTo>
                  <a:lnTo>
                    <a:pt x="1582435" y="220288"/>
                  </a:lnTo>
                  <a:lnTo>
                    <a:pt x="1638977" y="246395"/>
                  </a:lnTo>
                  <a:lnTo>
                    <a:pt x="1694952" y="273703"/>
                  </a:lnTo>
                  <a:lnTo>
                    <a:pt x="1749758" y="301897"/>
                  </a:lnTo>
                  <a:lnTo>
                    <a:pt x="1803356" y="330929"/>
                  </a:lnTo>
                  <a:lnTo>
                    <a:pt x="1855710" y="360752"/>
                  </a:lnTo>
                  <a:lnTo>
                    <a:pt x="1906781" y="391318"/>
                  </a:lnTo>
                  <a:lnTo>
                    <a:pt x="1956534" y="422580"/>
                  </a:lnTo>
                  <a:lnTo>
                    <a:pt x="2004931" y="454490"/>
                  </a:lnTo>
                  <a:lnTo>
                    <a:pt x="2051934" y="487002"/>
                  </a:lnTo>
                  <a:lnTo>
                    <a:pt x="2097507" y="520068"/>
                  </a:lnTo>
                  <a:lnTo>
                    <a:pt x="2141612" y="553641"/>
                  </a:lnTo>
                  <a:lnTo>
                    <a:pt x="2184211" y="587674"/>
                  </a:lnTo>
                  <a:lnTo>
                    <a:pt x="2225269" y="622118"/>
                  </a:lnTo>
                  <a:lnTo>
                    <a:pt x="2264747" y="656928"/>
                  </a:lnTo>
                  <a:lnTo>
                    <a:pt x="2302609" y="692055"/>
                  </a:lnTo>
                  <a:lnTo>
                    <a:pt x="2338817" y="727452"/>
                  </a:lnTo>
                  <a:lnTo>
                    <a:pt x="2373334" y="763073"/>
                  </a:lnTo>
                  <a:lnTo>
                    <a:pt x="2406122" y="798869"/>
                  </a:lnTo>
                  <a:lnTo>
                    <a:pt x="2437145" y="834794"/>
                  </a:lnTo>
                  <a:lnTo>
                    <a:pt x="2466366" y="870800"/>
                  </a:lnTo>
                  <a:lnTo>
                    <a:pt x="2493746" y="906839"/>
                  </a:lnTo>
                  <a:lnTo>
                    <a:pt x="2519250" y="942865"/>
                  </a:lnTo>
                  <a:lnTo>
                    <a:pt x="2542839" y="978831"/>
                  </a:lnTo>
                  <a:lnTo>
                    <a:pt x="2564477" y="1014688"/>
                  </a:lnTo>
                  <a:lnTo>
                    <a:pt x="2584127" y="1050390"/>
                  </a:lnTo>
                  <a:lnTo>
                    <a:pt x="2601750" y="1085889"/>
                  </a:lnTo>
                  <a:lnTo>
                    <a:pt x="2617311" y="1121138"/>
                  </a:lnTo>
                  <a:lnTo>
                    <a:pt x="2642094" y="1190698"/>
                  </a:lnTo>
                  <a:lnTo>
                    <a:pt x="2658178" y="1258690"/>
                  </a:lnTo>
                  <a:lnTo>
                    <a:pt x="2665266" y="1324736"/>
                  </a:lnTo>
                  <a:lnTo>
                    <a:pt x="2665343" y="1356911"/>
                  </a:lnTo>
                  <a:lnTo>
                    <a:pt x="2663060" y="1388458"/>
                  </a:lnTo>
                  <a:lnTo>
                    <a:pt x="2651263" y="1449477"/>
                  </a:lnTo>
                  <a:lnTo>
                    <a:pt x="2629577" y="1507416"/>
                  </a:lnTo>
                  <a:lnTo>
                    <a:pt x="2598387" y="1560836"/>
                  </a:lnTo>
                  <a:lnTo>
                    <a:pt x="2558561" y="1608545"/>
                  </a:lnTo>
                  <a:lnTo>
                    <a:pt x="2510578" y="1650533"/>
                  </a:lnTo>
                  <a:lnTo>
                    <a:pt x="2454920" y="1686791"/>
                  </a:lnTo>
                  <a:lnTo>
                    <a:pt x="2392069" y="1717311"/>
                  </a:lnTo>
                  <a:lnTo>
                    <a:pt x="2322505" y="1742083"/>
                  </a:lnTo>
                  <a:lnTo>
                    <a:pt x="2285357" y="1752311"/>
                  </a:lnTo>
                  <a:lnTo>
                    <a:pt x="2246711" y="1761099"/>
                  </a:lnTo>
                  <a:lnTo>
                    <a:pt x="2206627" y="1768446"/>
                  </a:lnTo>
                  <a:lnTo>
                    <a:pt x="2165166" y="1774350"/>
                  </a:lnTo>
                  <a:lnTo>
                    <a:pt x="2122388" y="1778811"/>
                  </a:lnTo>
                  <a:lnTo>
                    <a:pt x="2078353" y="1781827"/>
                  </a:lnTo>
                  <a:lnTo>
                    <a:pt x="2033121" y="1783397"/>
                  </a:lnTo>
                  <a:lnTo>
                    <a:pt x="1986753" y="1783520"/>
                  </a:lnTo>
                  <a:lnTo>
                    <a:pt x="1939307" y="1782196"/>
                  </a:lnTo>
                  <a:lnTo>
                    <a:pt x="1890846" y="1779422"/>
                  </a:lnTo>
                  <a:lnTo>
                    <a:pt x="1841428" y="1775198"/>
                  </a:lnTo>
                  <a:lnTo>
                    <a:pt x="1791115" y="1769523"/>
                  </a:lnTo>
                  <a:lnTo>
                    <a:pt x="1739965" y="1762395"/>
                  </a:lnTo>
                  <a:lnTo>
                    <a:pt x="1688040" y="1753814"/>
                  </a:lnTo>
                  <a:lnTo>
                    <a:pt x="1635399" y="1743778"/>
                  </a:lnTo>
                  <a:lnTo>
                    <a:pt x="1582103" y="1732286"/>
                  </a:lnTo>
                  <a:lnTo>
                    <a:pt x="1528212" y="1719338"/>
                  </a:lnTo>
                  <a:lnTo>
                    <a:pt x="1473785" y="1704931"/>
                  </a:lnTo>
                  <a:lnTo>
                    <a:pt x="1418884" y="1689066"/>
                  </a:lnTo>
                  <a:lnTo>
                    <a:pt x="1363567" y="1671740"/>
                  </a:lnTo>
                  <a:lnTo>
                    <a:pt x="1307897" y="1652952"/>
                  </a:lnTo>
                  <a:lnTo>
                    <a:pt x="1251931" y="1632703"/>
                  </a:lnTo>
                  <a:lnTo>
                    <a:pt x="1195732" y="1610990"/>
                  </a:lnTo>
                  <a:lnTo>
                    <a:pt x="1139358" y="1587812"/>
                  </a:lnTo>
                  <a:lnTo>
                    <a:pt x="1082870" y="1563168"/>
                  </a:lnTo>
                  <a:lnTo>
                    <a:pt x="1026329" y="1537057"/>
                  </a:lnTo>
                  <a:lnTo>
                    <a:pt x="970353" y="1509755"/>
                  </a:lnTo>
                  <a:lnTo>
                    <a:pt x="915548" y="1481568"/>
                  </a:lnTo>
                  <a:lnTo>
                    <a:pt x="861951" y="1452542"/>
                  </a:lnTo>
                  <a:lnTo>
                    <a:pt x="809599" y="1422725"/>
                  </a:lnTo>
                  <a:lnTo>
                    <a:pt x="758529" y="1392164"/>
                  </a:lnTo>
                  <a:lnTo>
                    <a:pt x="708779" y="1360907"/>
                  </a:lnTo>
                  <a:lnTo>
                    <a:pt x="660385" y="1329000"/>
                  </a:lnTo>
                  <a:lnTo>
                    <a:pt x="613384" y="1296492"/>
                  </a:lnTo>
                  <a:lnTo>
                    <a:pt x="567815" y="1263430"/>
                  </a:lnTo>
                  <a:lnTo>
                    <a:pt x="523713" y="1229860"/>
                  </a:lnTo>
                  <a:lnTo>
                    <a:pt x="481116" y="1195831"/>
                  </a:lnTo>
                  <a:lnTo>
                    <a:pt x="440062" y="1161389"/>
                  </a:lnTo>
                  <a:lnTo>
                    <a:pt x="400587" y="1126581"/>
                  </a:lnTo>
                  <a:lnTo>
                    <a:pt x="362729" y="1091456"/>
                  </a:lnTo>
                  <a:lnTo>
                    <a:pt x="326524" y="1056061"/>
                  </a:lnTo>
                  <a:lnTo>
                    <a:pt x="292011" y="1020442"/>
                  </a:lnTo>
                  <a:lnTo>
                    <a:pt x="259225" y="984647"/>
                  </a:lnTo>
                  <a:lnTo>
                    <a:pt x="228205" y="948724"/>
                  </a:lnTo>
                  <a:lnTo>
                    <a:pt x="198987" y="912719"/>
                  </a:lnTo>
                  <a:lnTo>
                    <a:pt x="171609" y="876680"/>
                  </a:lnTo>
                  <a:lnTo>
                    <a:pt x="146107" y="840655"/>
                  </a:lnTo>
                  <a:lnTo>
                    <a:pt x="122519" y="804690"/>
                  </a:lnTo>
                  <a:lnTo>
                    <a:pt x="100883" y="768834"/>
                  </a:lnTo>
                  <a:lnTo>
                    <a:pt x="81234" y="733132"/>
                  </a:lnTo>
                  <a:lnTo>
                    <a:pt x="63611" y="697633"/>
                  </a:lnTo>
                  <a:lnTo>
                    <a:pt x="48051" y="662384"/>
                  </a:lnTo>
                  <a:lnTo>
                    <a:pt x="23266" y="592825"/>
                  </a:lnTo>
                  <a:lnTo>
                    <a:pt x="7177" y="524834"/>
                  </a:lnTo>
                  <a:lnTo>
                    <a:pt x="82" y="458788"/>
                  </a:lnTo>
                  <a:lnTo>
                    <a:pt x="0" y="426614"/>
                  </a:lnTo>
                  <a:lnTo>
                    <a:pt x="2277" y="395067"/>
                  </a:lnTo>
                  <a:lnTo>
                    <a:pt x="6952" y="364197"/>
                  </a:lnTo>
                  <a:lnTo>
                    <a:pt x="14060" y="334049"/>
                  </a:lnTo>
                  <a:lnTo>
                    <a:pt x="23640" y="304672"/>
                  </a:lnTo>
                  <a:lnTo>
                    <a:pt x="35729" y="276113"/>
                  </a:lnTo>
                  <a:close/>
                </a:path>
              </a:pathLst>
            </a:custGeom>
            <a:ln w="25400">
              <a:solidFill>
                <a:srgbClr val="FF0000"/>
              </a:solidFill>
            </a:ln>
          </p:spPr>
          <p:txBody>
            <a:bodyPr wrap="square" lIns="0" tIns="0" rIns="0" bIns="0" rtlCol="0"/>
            <a:lstStyle/>
            <a:p>
              <a:endParaRPr/>
            </a:p>
          </p:txBody>
        </p:sp>
        <p:pic>
          <p:nvPicPr>
            <p:cNvPr id="29" name="object 29"/>
            <p:cNvPicPr/>
            <p:nvPr/>
          </p:nvPicPr>
          <p:blipFill>
            <a:blip r:embed="rId5" cstate="print"/>
            <a:stretch>
              <a:fillRect/>
            </a:stretch>
          </p:blipFill>
          <p:spPr>
            <a:xfrm>
              <a:off x="6190487" y="5003291"/>
              <a:ext cx="1524762" cy="939558"/>
            </a:xfrm>
            <a:prstGeom prst="rect">
              <a:avLst/>
            </a:prstGeom>
          </p:spPr>
        </p:pic>
        <p:pic>
          <p:nvPicPr>
            <p:cNvPr id="30" name="object 30"/>
            <p:cNvPicPr/>
            <p:nvPr/>
          </p:nvPicPr>
          <p:blipFill>
            <a:blip r:embed="rId6" cstate="print"/>
            <a:stretch>
              <a:fillRect/>
            </a:stretch>
          </p:blipFill>
          <p:spPr>
            <a:xfrm>
              <a:off x="7453883" y="5359907"/>
              <a:ext cx="1096518" cy="694194"/>
            </a:xfrm>
            <a:prstGeom prst="rect">
              <a:avLst/>
            </a:prstGeom>
          </p:spPr>
        </p:pic>
        <p:pic>
          <p:nvPicPr>
            <p:cNvPr id="31" name="object 31"/>
            <p:cNvPicPr/>
            <p:nvPr/>
          </p:nvPicPr>
          <p:blipFill>
            <a:blip r:embed="rId7" cstate="print"/>
            <a:stretch>
              <a:fillRect/>
            </a:stretch>
          </p:blipFill>
          <p:spPr>
            <a:xfrm>
              <a:off x="6633971" y="4041647"/>
              <a:ext cx="1526285" cy="939545"/>
            </a:xfrm>
            <a:prstGeom prst="rect">
              <a:avLst/>
            </a:prstGeom>
          </p:spPr>
        </p:pic>
        <p:sp>
          <p:nvSpPr>
            <p:cNvPr id="32" name="object 32"/>
            <p:cNvSpPr/>
            <p:nvPr/>
          </p:nvSpPr>
          <p:spPr>
            <a:xfrm>
              <a:off x="6300977" y="4470653"/>
              <a:ext cx="2503170" cy="2027555"/>
            </a:xfrm>
            <a:custGeom>
              <a:avLst/>
              <a:gdLst/>
              <a:ahLst/>
              <a:cxnLst/>
              <a:rect l="l" t="t" r="r" b="b"/>
              <a:pathLst>
                <a:path w="2503170" h="2027554">
                  <a:moveTo>
                    <a:pt x="560451" y="0"/>
                  </a:moveTo>
                  <a:lnTo>
                    <a:pt x="0" y="686816"/>
                  </a:lnTo>
                </a:path>
                <a:path w="2503170" h="2027554">
                  <a:moveTo>
                    <a:pt x="1613916" y="150876"/>
                  </a:moveTo>
                  <a:lnTo>
                    <a:pt x="2502662" y="2027516"/>
                  </a:lnTo>
                </a:path>
              </a:pathLst>
            </a:custGeom>
            <a:ln w="28956">
              <a:solidFill>
                <a:srgbClr val="FF0000"/>
              </a:solidFill>
            </a:ln>
          </p:spPr>
          <p:txBody>
            <a:bodyPr wrap="square" lIns="0" tIns="0" rIns="0" bIns="0" rtlCol="0"/>
            <a:lstStyle/>
            <a:p>
              <a:endParaRPr/>
            </a:p>
          </p:txBody>
        </p:sp>
        <p:sp>
          <p:nvSpPr>
            <p:cNvPr id="33" name="object 33"/>
            <p:cNvSpPr/>
            <p:nvPr/>
          </p:nvSpPr>
          <p:spPr>
            <a:xfrm>
              <a:off x="5879591" y="4256531"/>
              <a:ext cx="311150" cy="2316480"/>
            </a:xfrm>
            <a:custGeom>
              <a:avLst/>
              <a:gdLst/>
              <a:ahLst/>
              <a:cxnLst/>
              <a:rect l="l" t="t" r="r" b="b"/>
              <a:pathLst>
                <a:path w="311150" h="2316479">
                  <a:moveTo>
                    <a:pt x="155448" y="0"/>
                  </a:moveTo>
                  <a:lnTo>
                    <a:pt x="0" y="250698"/>
                  </a:lnTo>
                  <a:lnTo>
                    <a:pt x="77724" y="250698"/>
                  </a:lnTo>
                  <a:lnTo>
                    <a:pt x="77724" y="2065807"/>
                  </a:lnTo>
                  <a:lnTo>
                    <a:pt x="0" y="2065807"/>
                  </a:lnTo>
                  <a:lnTo>
                    <a:pt x="155448" y="2316480"/>
                  </a:lnTo>
                  <a:lnTo>
                    <a:pt x="310896" y="2065807"/>
                  </a:lnTo>
                  <a:lnTo>
                    <a:pt x="233172" y="2065807"/>
                  </a:lnTo>
                  <a:lnTo>
                    <a:pt x="233172" y="250698"/>
                  </a:lnTo>
                  <a:lnTo>
                    <a:pt x="310896" y="250698"/>
                  </a:lnTo>
                  <a:lnTo>
                    <a:pt x="155448" y="0"/>
                  </a:lnTo>
                  <a:close/>
                </a:path>
              </a:pathLst>
            </a:custGeom>
            <a:solidFill>
              <a:srgbClr val="000000"/>
            </a:solidFill>
          </p:spPr>
          <p:txBody>
            <a:bodyPr wrap="square" lIns="0" tIns="0" rIns="0" bIns="0" rtlCol="0"/>
            <a:lstStyle/>
            <a:p>
              <a:endParaRPr/>
            </a:p>
          </p:txBody>
        </p:sp>
      </p:grpSp>
      <p:sp>
        <p:nvSpPr>
          <p:cNvPr id="34" name="object 34"/>
          <p:cNvSpPr txBox="1"/>
          <p:nvPr/>
        </p:nvSpPr>
        <p:spPr>
          <a:xfrm>
            <a:off x="5612257" y="5001514"/>
            <a:ext cx="254000" cy="985519"/>
          </a:xfrm>
          <a:prstGeom prst="rect">
            <a:avLst/>
          </a:prstGeom>
        </p:spPr>
        <p:txBody>
          <a:bodyPr vert="horz" wrap="square" lIns="0" tIns="58419" rIns="0" bIns="0" rtlCol="0">
            <a:spAutoFit/>
          </a:bodyPr>
          <a:lstStyle/>
          <a:p>
            <a:pPr marL="12700" marR="5080" algn="just">
              <a:lnSpc>
                <a:spcPts val="1800"/>
              </a:lnSpc>
              <a:spcBef>
                <a:spcPts val="459"/>
              </a:spcBef>
            </a:pPr>
            <a:r>
              <a:rPr sz="1800" b="1" spc="-50" dirty="0">
                <a:latin typeface="Meiryo UI"/>
                <a:cs typeface="Meiryo UI"/>
              </a:rPr>
              <a:t>垂直連携</a:t>
            </a:r>
            <a:endParaRPr sz="1800">
              <a:latin typeface="Meiryo UI"/>
              <a:cs typeface="Meiryo UI"/>
            </a:endParaRPr>
          </a:p>
        </p:txBody>
      </p:sp>
      <p:sp>
        <p:nvSpPr>
          <p:cNvPr id="35" name="object 35"/>
          <p:cNvSpPr txBox="1"/>
          <p:nvPr/>
        </p:nvSpPr>
        <p:spPr>
          <a:xfrm>
            <a:off x="251459" y="164592"/>
            <a:ext cx="646430" cy="368935"/>
          </a:xfrm>
          <a:prstGeom prst="rect">
            <a:avLst/>
          </a:prstGeom>
          <a:solidFill>
            <a:srgbClr val="FCEADA"/>
          </a:solidFill>
          <a:ln w="9143">
            <a:solidFill>
              <a:srgbClr val="000000"/>
            </a:solidFill>
          </a:ln>
        </p:spPr>
        <p:txBody>
          <a:bodyPr vert="horz" wrap="square" lIns="0" tIns="40640" rIns="0" bIns="0" rtlCol="0">
            <a:spAutoFit/>
          </a:bodyPr>
          <a:lstStyle/>
          <a:p>
            <a:pPr marL="90805">
              <a:lnSpc>
                <a:spcPct val="100000"/>
              </a:lnSpc>
              <a:spcBef>
                <a:spcPts val="320"/>
              </a:spcBef>
            </a:pPr>
            <a:r>
              <a:rPr sz="1800" b="1" spc="-25" dirty="0">
                <a:latin typeface="Meiryo UI"/>
                <a:cs typeface="Meiryo UI"/>
              </a:rPr>
              <a:t>広域</a:t>
            </a:r>
            <a:endParaRPr sz="1800">
              <a:latin typeface="Meiryo UI"/>
              <a:cs typeface="Meiryo UI"/>
            </a:endParaRPr>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8883777" y="6559397"/>
            <a:ext cx="142240" cy="250825"/>
          </a:xfrm>
          <a:prstGeom prst="rect">
            <a:avLst/>
          </a:prstGeom>
        </p:spPr>
        <p:txBody>
          <a:bodyPr vert="horz" wrap="square" lIns="0" tIns="15875" rIns="0" bIns="0" rtlCol="0">
            <a:spAutoFit/>
          </a:bodyPr>
          <a:lstStyle/>
          <a:p>
            <a:pPr marL="12700">
              <a:lnSpc>
                <a:spcPct val="100000"/>
              </a:lnSpc>
              <a:spcBef>
                <a:spcPts val="125"/>
              </a:spcBef>
            </a:pPr>
            <a:r>
              <a:rPr sz="1450" spc="-50" dirty="0">
                <a:latin typeface="Meiryo UI"/>
                <a:cs typeface="Meiryo UI"/>
              </a:rPr>
              <a:t>4</a:t>
            </a:r>
            <a:endParaRPr sz="1450">
              <a:latin typeface="Meiryo UI"/>
              <a:cs typeface="Meiryo UI"/>
            </a:endParaRPr>
          </a:p>
        </p:txBody>
      </p:sp>
      <p:sp>
        <p:nvSpPr>
          <p:cNvPr id="3" name="object 3"/>
          <p:cNvSpPr txBox="1"/>
          <p:nvPr/>
        </p:nvSpPr>
        <p:spPr>
          <a:xfrm>
            <a:off x="251459" y="1144524"/>
            <a:ext cx="8496300" cy="509270"/>
          </a:xfrm>
          <a:prstGeom prst="rect">
            <a:avLst/>
          </a:prstGeom>
          <a:ln w="12192">
            <a:solidFill>
              <a:srgbClr val="000000"/>
            </a:solidFill>
          </a:ln>
        </p:spPr>
        <p:txBody>
          <a:bodyPr vert="horz" wrap="square" lIns="0" tIns="41910" rIns="0" bIns="0" rtlCol="0">
            <a:spAutoFit/>
          </a:bodyPr>
          <a:lstStyle/>
          <a:p>
            <a:pPr marL="377825" marR="107314" indent="-287020">
              <a:lnSpc>
                <a:spcPct val="100000"/>
              </a:lnSpc>
              <a:spcBef>
                <a:spcPts val="330"/>
              </a:spcBef>
              <a:buFont typeface="Wingdings"/>
              <a:buChar char=""/>
              <a:tabLst>
                <a:tab pos="377825" algn="l"/>
              </a:tabLst>
            </a:pPr>
            <a:r>
              <a:rPr sz="1400" spc="-25" dirty="0">
                <a:latin typeface="Meiryo UI"/>
                <a:cs typeface="Meiryo UI"/>
              </a:rPr>
              <a:t>茨城県土浦市、かすみがうら市、阿見町では、コスト削減を図る観点から、上下水道料金収納業務等の委託事業</a:t>
            </a:r>
            <a:r>
              <a:rPr sz="1400" spc="-10" dirty="0">
                <a:latin typeface="Meiryo UI"/>
                <a:cs typeface="Meiryo UI"/>
              </a:rPr>
              <a:t>者を共同発注（</a:t>
            </a:r>
            <a:r>
              <a:rPr sz="1400" spc="-15" dirty="0">
                <a:latin typeface="Meiryo UI"/>
                <a:cs typeface="Meiryo UI"/>
              </a:rPr>
              <a:t>共同で業者の選定を行い、契約は個別に締結</a:t>
            </a:r>
            <a:r>
              <a:rPr sz="1400" spc="-50" dirty="0">
                <a:latin typeface="Meiryo UI"/>
                <a:cs typeface="Meiryo UI"/>
              </a:rPr>
              <a:t>）</a:t>
            </a:r>
            <a:endParaRPr sz="1400">
              <a:latin typeface="Meiryo UI"/>
              <a:cs typeface="Meiryo UI"/>
            </a:endParaRPr>
          </a:p>
        </p:txBody>
      </p:sp>
      <p:sp>
        <p:nvSpPr>
          <p:cNvPr id="4" name="object 4"/>
          <p:cNvSpPr txBox="1"/>
          <p:nvPr/>
        </p:nvSpPr>
        <p:spPr>
          <a:xfrm>
            <a:off x="149352" y="714755"/>
            <a:ext cx="4639310" cy="368935"/>
          </a:xfrm>
          <a:prstGeom prst="rect">
            <a:avLst/>
          </a:prstGeom>
          <a:solidFill>
            <a:srgbClr val="001F5F"/>
          </a:solidFill>
        </p:spPr>
        <p:txBody>
          <a:bodyPr vert="horz" wrap="square" lIns="0" tIns="41275" rIns="0" bIns="0" rtlCol="0">
            <a:spAutoFit/>
          </a:bodyPr>
          <a:lstStyle/>
          <a:p>
            <a:pPr marL="257175">
              <a:lnSpc>
                <a:spcPct val="100000"/>
              </a:lnSpc>
              <a:spcBef>
                <a:spcPts val="325"/>
              </a:spcBef>
            </a:pPr>
            <a:r>
              <a:rPr sz="1800" b="1" spc="-25" dirty="0">
                <a:solidFill>
                  <a:srgbClr val="FFFFFF"/>
                </a:solidFill>
                <a:latin typeface="Meiryo UI"/>
                <a:cs typeface="Meiryo UI"/>
              </a:rPr>
              <a:t>土浦市・かすみがうら市・阿見町（茨城県</a:t>
            </a:r>
            <a:r>
              <a:rPr sz="1800" b="1" spc="-50" dirty="0">
                <a:solidFill>
                  <a:srgbClr val="FFFFFF"/>
                </a:solidFill>
                <a:latin typeface="Meiryo UI"/>
                <a:cs typeface="Meiryo UI"/>
              </a:rPr>
              <a:t>）</a:t>
            </a:r>
            <a:endParaRPr sz="1800">
              <a:latin typeface="Meiryo UI"/>
              <a:cs typeface="Meiryo UI"/>
            </a:endParaRPr>
          </a:p>
        </p:txBody>
      </p:sp>
      <p:sp>
        <p:nvSpPr>
          <p:cNvPr id="5" name="object 5"/>
          <p:cNvSpPr txBox="1"/>
          <p:nvPr/>
        </p:nvSpPr>
        <p:spPr>
          <a:xfrm>
            <a:off x="4961382" y="738885"/>
            <a:ext cx="2121535" cy="299720"/>
          </a:xfrm>
          <a:prstGeom prst="rect">
            <a:avLst/>
          </a:prstGeom>
        </p:spPr>
        <p:txBody>
          <a:bodyPr vert="horz" wrap="square" lIns="0" tIns="12700" rIns="0" bIns="0" rtlCol="0">
            <a:spAutoFit/>
          </a:bodyPr>
          <a:lstStyle/>
          <a:p>
            <a:pPr marL="12700">
              <a:lnSpc>
                <a:spcPct val="100000"/>
              </a:lnSpc>
              <a:spcBef>
                <a:spcPts val="100"/>
              </a:spcBef>
            </a:pPr>
            <a:r>
              <a:rPr sz="1800" spc="-30" dirty="0">
                <a:latin typeface="Meiryo UI"/>
                <a:cs typeface="Meiryo UI"/>
              </a:rPr>
              <a:t>⇒共同発注により実施</a:t>
            </a:r>
            <a:endParaRPr sz="1800">
              <a:latin typeface="Meiryo UI"/>
              <a:cs typeface="Meiryo UI"/>
            </a:endParaRPr>
          </a:p>
        </p:txBody>
      </p:sp>
      <p:sp>
        <p:nvSpPr>
          <p:cNvPr id="6" name="object 6"/>
          <p:cNvSpPr txBox="1"/>
          <p:nvPr/>
        </p:nvSpPr>
        <p:spPr>
          <a:xfrm>
            <a:off x="7314056" y="2819146"/>
            <a:ext cx="1654810" cy="299720"/>
          </a:xfrm>
          <a:prstGeom prst="rect">
            <a:avLst/>
          </a:prstGeom>
        </p:spPr>
        <p:txBody>
          <a:bodyPr vert="horz" wrap="square" lIns="0" tIns="12700" rIns="0" bIns="0" rtlCol="0">
            <a:spAutoFit/>
          </a:bodyPr>
          <a:lstStyle/>
          <a:p>
            <a:pPr marL="12700" marR="5080">
              <a:lnSpc>
                <a:spcPct val="100000"/>
              </a:lnSpc>
              <a:spcBef>
                <a:spcPts val="100"/>
              </a:spcBef>
            </a:pPr>
            <a:r>
              <a:rPr sz="900" dirty="0">
                <a:latin typeface="Meiryo UI"/>
                <a:cs typeface="Meiryo UI"/>
              </a:rPr>
              <a:t>※出典：第</a:t>
            </a:r>
            <a:r>
              <a:rPr sz="900" spc="-10" dirty="0">
                <a:latin typeface="Meiryo UI"/>
                <a:cs typeface="Meiryo UI"/>
              </a:rPr>
              <a:t>32次地方制度調査会</a:t>
            </a:r>
            <a:r>
              <a:rPr sz="900" dirty="0">
                <a:latin typeface="Meiryo UI"/>
                <a:cs typeface="Meiryo UI"/>
              </a:rPr>
              <a:t>第</a:t>
            </a:r>
            <a:r>
              <a:rPr sz="900" spc="-10" dirty="0">
                <a:latin typeface="Meiryo UI"/>
                <a:cs typeface="Meiryo UI"/>
              </a:rPr>
              <a:t>29</a:t>
            </a:r>
            <a:r>
              <a:rPr sz="900" spc="-5" dirty="0">
                <a:latin typeface="Meiryo UI"/>
                <a:cs typeface="Meiryo UI"/>
              </a:rPr>
              <a:t>回専門小委員会資料より</a:t>
            </a:r>
            <a:endParaRPr sz="900">
              <a:latin typeface="Meiryo UI"/>
              <a:cs typeface="Meiryo UI"/>
            </a:endParaRPr>
          </a:p>
        </p:txBody>
      </p:sp>
      <p:grpSp>
        <p:nvGrpSpPr>
          <p:cNvPr id="7" name="object 7"/>
          <p:cNvGrpSpPr/>
          <p:nvPr/>
        </p:nvGrpSpPr>
        <p:grpSpPr>
          <a:xfrm>
            <a:off x="88392" y="32003"/>
            <a:ext cx="8945880" cy="635635"/>
            <a:chOff x="88392" y="32003"/>
            <a:chExt cx="8945880" cy="635635"/>
          </a:xfrm>
        </p:grpSpPr>
        <p:sp>
          <p:nvSpPr>
            <p:cNvPr id="8" name="object 8"/>
            <p:cNvSpPr/>
            <p:nvPr/>
          </p:nvSpPr>
          <p:spPr>
            <a:xfrm>
              <a:off x="101346" y="44957"/>
              <a:ext cx="8920480" cy="609600"/>
            </a:xfrm>
            <a:custGeom>
              <a:avLst/>
              <a:gdLst/>
              <a:ahLst/>
              <a:cxnLst/>
              <a:rect l="l" t="t" r="r" b="b"/>
              <a:pathLst>
                <a:path w="8920480" h="609600">
                  <a:moveTo>
                    <a:pt x="8851519" y="0"/>
                  </a:moveTo>
                  <a:lnTo>
                    <a:pt x="68402" y="0"/>
                  </a:lnTo>
                  <a:lnTo>
                    <a:pt x="41774" y="5373"/>
                  </a:lnTo>
                  <a:lnTo>
                    <a:pt x="20032" y="20034"/>
                  </a:lnTo>
                  <a:lnTo>
                    <a:pt x="5374" y="41790"/>
                  </a:lnTo>
                  <a:lnTo>
                    <a:pt x="0" y="68452"/>
                  </a:lnTo>
                  <a:lnTo>
                    <a:pt x="0" y="541147"/>
                  </a:lnTo>
                  <a:lnTo>
                    <a:pt x="5374" y="567809"/>
                  </a:lnTo>
                  <a:lnTo>
                    <a:pt x="20032" y="589565"/>
                  </a:lnTo>
                  <a:lnTo>
                    <a:pt x="41774" y="604226"/>
                  </a:lnTo>
                  <a:lnTo>
                    <a:pt x="68402" y="609600"/>
                  </a:lnTo>
                  <a:lnTo>
                    <a:pt x="8851519" y="609600"/>
                  </a:lnTo>
                  <a:lnTo>
                    <a:pt x="8878181" y="604226"/>
                  </a:lnTo>
                  <a:lnTo>
                    <a:pt x="8899937" y="589565"/>
                  </a:lnTo>
                  <a:lnTo>
                    <a:pt x="8914598" y="567809"/>
                  </a:lnTo>
                  <a:lnTo>
                    <a:pt x="8919972" y="541147"/>
                  </a:lnTo>
                  <a:lnTo>
                    <a:pt x="8919972" y="68452"/>
                  </a:lnTo>
                  <a:lnTo>
                    <a:pt x="8914598" y="41790"/>
                  </a:lnTo>
                  <a:lnTo>
                    <a:pt x="8899937" y="20034"/>
                  </a:lnTo>
                  <a:lnTo>
                    <a:pt x="8878181" y="5373"/>
                  </a:lnTo>
                  <a:lnTo>
                    <a:pt x="8851519" y="0"/>
                  </a:lnTo>
                  <a:close/>
                </a:path>
              </a:pathLst>
            </a:custGeom>
            <a:solidFill>
              <a:srgbClr val="DBEDF4"/>
            </a:solidFill>
          </p:spPr>
          <p:txBody>
            <a:bodyPr wrap="square" lIns="0" tIns="0" rIns="0" bIns="0" rtlCol="0"/>
            <a:lstStyle/>
            <a:p>
              <a:endParaRPr/>
            </a:p>
          </p:txBody>
        </p:sp>
        <p:sp>
          <p:nvSpPr>
            <p:cNvPr id="9" name="object 9"/>
            <p:cNvSpPr/>
            <p:nvPr/>
          </p:nvSpPr>
          <p:spPr>
            <a:xfrm>
              <a:off x="101346" y="44957"/>
              <a:ext cx="8920480" cy="609600"/>
            </a:xfrm>
            <a:custGeom>
              <a:avLst/>
              <a:gdLst/>
              <a:ahLst/>
              <a:cxnLst/>
              <a:rect l="l" t="t" r="r" b="b"/>
              <a:pathLst>
                <a:path w="8920480" h="609600">
                  <a:moveTo>
                    <a:pt x="0" y="68452"/>
                  </a:moveTo>
                  <a:lnTo>
                    <a:pt x="5374" y="41790"/>
                  </a:lnTo>
                  <a:lnTo>
                    <a:pt x="20032" y="20034"/>
                  </a:lnTo>
                  <a:lnTo>
                    <a:pt x="41774" y="5373"/>
                  </a:lnTo>
                  <a:lnTo>
                    <a:pt x="68402" y="0"/>
                  </a:lnTo>
                  <a:lnTo>
                    <a:pt x="8851519" y="0"/>
                  </a:lnTo>
                  <a:lnTo>
                    <a:pt x="8878181" y="5373"/>
                  </a:lnTo>
                  <a:lnTo>
                    <a:pt x="8899937" y="20034"/>
                  </a:lnTo>
                  <a:lnTo>
                    <a:pt x="8914598" y="41790"/>
                  </a:lnTo>
                  <a:lnTo>
                    <a:pt x="8919972" y="68452"/>
                  </a:lnTo>
                  <a:lnTo>
                    <a:pt x="8919972" y="541147"/>
                  </a:lnTo>
                  <a:lnTo>
                    <a:pt x="8914598" y="567809"/>
                  </a:lnTo>
                  <a:lnTo>
                    <a:pt x="8899937" y="589565"/>
                  </a:lnTo>
                  <a:lnTo>
                    <a:pt x="8878181" y="604226"/>
                  </a:lnTo>
                  <a:lnTo>
                    <a:pt x="8851519" y="609600"/>
                  </a:lnTo>
                  <a:lnTo>
                    <a:pt x="68402" y="609600"/>
                  </a:lnTo>
                  <a:lnTo>
                    <a:pt x="41774" y="604226"/>
                  </a:lnTo>
                  <a:lnTo>
                    <a:pt x="20032" y="589565"/>
                  </a:lnTo>
                  <a:lnTo>
                    <a:pt x="5374" y="567809"/>
                  </a:lnTo>
                  <a:lnTo>
                    <a:pt x="0" y="541147"/>
                  </a:lnTo>
                  <a:lnTo>
                    <a:pt x="0" y="68452"/>
                  </a:lnTo>
                  <a:close/>
                </a:path>
              </a:pathLst>
            </a:custGeom>
            <a:ln w="25908">
              <a:solidFill>
                <a:srgbClr val="000000"/>
              </a:solidFill>
            </a:ln>
          </p:spPr>
          <p:txBody>
            <a:bodyPr wrap="square" lIns="0" tIns="0" rIns="0" bIns="0" rtlCol="0"/>
            <a:lstStyle/>
            <a:p>
              <a:endParaRPr/>
            </a:p>
          </p:txBody>
        </p:sp>
      </p:grpSp>
      <p:sp>
        <p:nvSpPr>
          <p:cNvPr id="10" name="object 10"/>
          <p:cNvSpPr txBox="1">
            <a:spLocks noGrp="1"/>
          </p:cNvSpPr>
          <p:nvPr>
            <p:ph type="title"/>
          </p:nvPr>
        </p:nvSpPr>
        <p:spPr>
          <a:xfrm>
            <a:off x="1313751" y="110570"/>
            <a:ext cx="8183092" cy="443711"/>
          </a:xfrm>
          <a:prstGeom prst="rect">
            <a:avLst/>
          </a:prstGeom>
        </p:spPr>
        <p:txBody>
          <a:bodyPr vert="horz" wrap="square" lIns="0" tIns="12700" rIns="0" bIns="0" rtlCol="0">
            <a:spAutoFit/>
          </a:bodyPr>
          <a:lstStyle/>
          <a:p>
            <a:pPr marL="12700">
              <a:lnSpc>
                <a:spcPct val="100000"/>
              </a:lnSpc>
              <a:spcBef>
                <a:spcPts val="100"/>
              </a:spcBef>
              <a:tabLst>
                <a:tab pos="1434465" algn="l"/>
              </a:tabLst>
            </a:pPr>
            <a:r>
              <a:rPr sz="2800" dirty="0"/>
              <a:t>取組事</a:t>
            </a:r>
            <a:r>
              <a:rPr sz="2800" spc="-50" dirty="0"/>
              <a:t>例</a:t>
            </a:r>
            <a:r>
              <a:rPr sz="2800" dirty="0"/>
              <a:t>	＜ケ</a:t>
            </a:r>
            <a:r>
              <a:rPr sz="2800" spc="-10" dirty="0"/>
              <a:t>ー</a:t>
            </a:r>
            <a:r>
              <a:rPr sz="2800" spc="-25" dirty="0"/>
              <a:t>ス</a:t>
            </a:r>
            <a:r>
              <a:rPr sz="2800" spc="-30" dirty="0"/>
              <a:t>１：水平連携</a:t>
            </a:r>
            <a:r>
              <a:rPr sz="2800" spc="-50" dirty="0"/>
              <a:t>＞</a:t>
            </a:r>
          </a:p>
        </p:txBody>
      </p:sp>
      <p:pic>
        <p:nvPicPr>
          <p:cNvPr id="11" name="object 11"/>
          <p:cNvPicPr/>
          <p:nvPr/>
        </p:nvPicPr>
        <p:blipFill>
          <a:blip r:embed="rId2" cstate="print"/>
          <a:stretch>
            <a:fillRect/>
          </a:stretch>
        </p:blipFill>
        <p:spPr>
          <a:xfrm>
            <a:off x="1138425" y="1696211"/>
            <a:ext cx="6026663" cy="1470660"/>
          </a:xfrm>
          <a:prstGeom prst="rect">
            <a:avLst/>
          </a:prstGeom>
        </p:spPr>
      </p:pic>
      <p:sp>
        <p:nvSpPr>
          <p:cNvPr id="12" name="object 12"/>
          <p:cNvSpPr txBox="1"/>
          <p:nvPr/>
        </p:nvSpPr>
        <p:spPr>
          <a:xfrm>
            <a:off x="251459" y="164592"/>
            <a:ext cx="646430" cy="368935"/>
          </a:xfrm>
          <a:prstGeom prst="rect">
            <a:avLst/>
          </a:prstGeom>
          <a:solidFill>
            <a:srgbClr val="FCEADA"/>
          </a:solidFill>
          <a:ln w="9143">
            <a:solidFill>
              <a:srgbClr val="000000"/>
            </a:solidFill>
          </a:ln>
        </p:spPr>
        <p:txBody>
          <a:bodyPr vert="horz" wrap="square" lIns="0" tIns="40640" rIns="0" bIns="0" rtlCol="0">
            <a:spAutoFit/>
          </a:bodyPr>
          <a:lstStyle/>
          <a:p>
            <a:pPr marL="90805">
              <a:lnSpc>
                <a:spcPct val="100000"/>
              </a:lnSpc>
              <a:spcBef>
                <a:spcPts val="320"/>
              </a:spcBef>
            </a:pPr>
            <a:r>
              <a:rPr sz="1800" b="1" spc="-25" dirty="0">
                <a:latin typeface="Meiryo UI"/>
                <a:cs typeface="Meiryo UI"/>
              </a:rPr>
              <a:t>広域</a:t>
            </a:r>
            <a:endParaRPr sz="1800">
              <a:latin typeface="Meiryo UI"/>
              <a:cs typeface="Meiryo UI"/>
            </a:endParaRPr>
          </a:p>
        </p:txBody>
      </p:sp>
      <p:sp>
        <p:nvSpPr>
          <p:cNvPr id="13" name="object 13"/>
          <p:cNvSpPr txBox="1"/>
          <p:nvPr/>
        </p:nvSpPr>
        <p:spPr>
          <a:xfrm>
            <a:off x="251459" y="3625596"/>
            <a:ext cx="8493760" cy="958850"/>
          </a:xfrm>
          <a:prstGeom prst="rect">
            <a:avLst/>
          </a:prstGeom>
          <a:ln w="12192">
            <a:solidFill>
              <a:srgbClr val="000000"/>
            </a:solidFill>
          </a:ln>
        </p:spPr>
        <p:txBody>
          <a:bodyPr vert="horz" wrap="square" lIns="0" tIns="53975" rIns="0" bIns="0" rtlCol="0">
            <a:spAutoFit/>
          </a:bodyPr>
          <a:lstStyle/>
          <a:p>
            <a:pPr marL="377825" indent="-287020">
              <a:lnSpc>
                <a:spcPct val="100000"/>
              </a:lnSpc>
              <a:spcBef>
                <a:spcPts val="425"/>
              </a:spcBef>
              <a:buFont typeface="Wingdings"/>
              <a:buChar char=""/>
              <a:tabLst>
                <a:tab pos="377825" algn="l"/>
              </a:tabLst>
            </a:pPr>
            <a:r>
              <a:rPr sz="1400" spc="-20" dirty="0">
                <a:latin typeface="Meiryo UI"/>
                <a:cs typeface="Meiryo UI"/>
              </a:rPr>
              <a:t>秋田県では、県の支援を受けて、県内全市町村と一般財団法人「秋田県建設・工業技術センター」、ＮＰＯ法人</a:t>
            </a:r>
            <a:endParaRPr sz="1400">
              <a:latin typeface="Meiryo UI"/>
              <a:cs typeface="Meiryo UI"/>
            </a:endParaRPr>
          </a:p>
          <a:p>
            <a:pPr marL="377825">
              <a:lnSpc>
                <a:spcPct val="100000"/>
              </a:lnSpc>
            </a:pPr>
            <a:r>
              <a:rPr sz="1400" spc="-25" dirty="0">
                <a:latin typeface="Meiryo UI"/>
                <a:cs typeface="Meiryo UI"/>
              </a:rPr>
              <a:t>「秋田道路維持支援センター」が「市町村橋梁等長寿命化連絡協議会」を設立。</a:t>
            </a:r>
            <a:endParaRPr sz="1400">
              <a:latin typeface="Meiryo UI"/>
              <a:cs typeface="Meiryo UI"/>
            </a:endParaRPr>
          </a:p>
          <a:p>
            <a:pPr marL="377825" marR="228600" indent="-287020">
              <a:lnSpc>
                <a:spcPct val="100000"/>
              </a:lnSpc>
              <a:buFont typeface="Wingdings"/>
              <a:buChar char=""/>
              <a:tabLst>
                <a:tab pos="377825" algn="l"/>
              </a:tabLst>
            </a:pPr>
            <a:r>
              <a:rPr sz="1400" spc="-20" dirty="0">
                <a:latin typeface="Meiryo UI"/>
                <a:cs typeface="Meiryo UI"/>
              </a:rPr>
              <a:t>技術職員不足等の課題を抱えている市町村が、道路施設のメンテナンスサイクル</a:t>
            </a:r>
            <a:r>
              <a:rPr sz="1400" dirty="0">
                <a:latin typeface="Meiryo UI"/>
                <a:cs typeface="Meiryo UI"/>
              </a:rPr>
              <a:t>（</a:t>
            </a:r>
            <a:r>
              <a:rPr sz="1400" spc="-15" dirty="0">
                <a:latin typeface="Meiryo UI"/>
                <a:cs typeface="Meiryo UI"/>
              </a:rPr>
              <a:t>点検、診断、措置、記録）</a:t>
            </a:r>
            <a:r>
              <a:rPr sz="1400" spc="-50" dirty="0">
                <a:latin typeface="Meiryo UI"/>
                <a:cs typeface="Meiryo UI"/>
              </a:rPr>
              <a:t>を</a:t>
            </a:r>
            <a:r>
              <a:rPr sz="1400" spc="-20" dirty="0">
                <a:latin typeface="Meiryo UI"/>
                <a:cs typeface="Meiryo UI"/>
              </a:rPr>
              <a:t>適切に実施するため、各市町村の道路施設点検を集約して発注する「包括発注」を実施。</a:t>
            </a:r>
            <a:endParaRPr sz="1400">
              <a:latin typeface="Meiryo UI"/>
              <a:cs typeface="Meiryo UI"/>
            </a:endParaRPr>
          </a:p>
        </p:txBody>
      </p:sp>
      <p:sp>
        <p:nvSpPr>
          <p:cNvPr id="14" name="object 14"/>
          <p:cNvSpPr txBox="1"/>
          <p:nvPr/>
        </p:nvSpPr>
        <p:spPr>
          <a:xfrm>
            <a:off x="146304" y="3212592"/>
            <a:ext cx="2334895" cy="370840"/>
          </a:xfrm>
          <a:prstGeom prst="rect">
            <a:avLst/>
          </a:prstGeom>
          <a:solidFill>
            <a:srgbClr val="001F5F"/>
          </a:solidFill>
        </p:spPr>
        <p:txBody>
          <a:bodyPr vert="horz" wrap="square" lIns="0" tIns="46990" rIns="0" bIns="0" rtlCol="0">
            <a:spAutoFit/>
          </a:bodyPr>
          <a:lstStyle/>
          <a:p>
            <a:pPr marL="121285">
              <a:lnSpc>
                <a:spcPct val="100000"/>
              </a:lnSpc>
              <a:spcBef>
                <a:spcPts val="370"/>
              </a:spcBef>
            </a:pPr>
            <a:r>
              <a:rPr sz="1800" b="1" dirty="0">
                <a:solidFill>
                  <a:srgbClr val="FFFFFF"/>
                </a:solidFill>
                <a:latin typeface="Meiryo UI"/>
                <a:cs typeface="Meiryo UI"/>
              </a:rPr>
              <a:t>秋田県内の25</a:t>
            </a:r>
            <a:r>
              <a:rPr sz="1800" b="1" spc="-20" dirty="0">
                <a:solidFill>
                  <a:srgbClr val="FFFFFF"/>
                </a:solidFill>
                <a:latin typeface="Meiryo UI"/>
                <a:cs typeface="Meiryo UI"/>
              </a:rPr>
              <a:t>市町村</a:t>
            </a:r>
            <a:endParaRPr sz="1800">
              <a:latin typeface="Meiryo UI"/>
              <a:cs typeface="Meiryo UI"/>
            </a:endParaRPr>
          </a:p>
        </p:txBody>
      </p:sp>
      <p:sp>
        <p:nvSpPr>
          <p:cNvPr id="15" name="object 15"/>
          <p:cNvSpPr txBox="1"/>
          <p:nvPr/>
        </p:nvSpPr>
        <p:spPr>
          <a:xfrm>
            <a:off x="2568701" y="3253816"/>
            <a:ext cx="3014980" cy="300355"/>
          </a:xfrm>
          <a:prstGeom prst="rect">
            <a:avLst/>
          </a:prstGeom>
        </p:spPr>
        <p:txBody>
          <a:bodyPr vert="horz" wrap="square" lIns="0" tIns="12700" rIns="0" bIns="0" rtlCol="0">
            <a:spAutoFit/>
          </a:bodyPr>
          <a:lstStyle/>
          <a:p>
            <a:pPr marL="12700">
              <a:lnSpc>
                <a:spcPct val="100000"/>
              </a:lnSpc>
              <a:spcBef>
                <a:spcPts val="100"/>
              </a:spcBef>
            </a:pPr>
            <a:r>
              <a:rPr sz="1800" spc="-30" dirty="0">
                <a:latin typeface="Meiryo UI"/>
                <a:cs typeface="Meiryo UI"/>
              </a:rPr>
              <a:t>⇒任意の協議会を設置して実施</a:t>
            </a:r>
            <a:endParaRPr sz="1800">
              <a:latin typeface="Meiryo UI"/>
              <a:cs typeface="Meiryo UI"/>
            </a:endParaRPr>
          </a:p>
        </p:txBody>
      </p:sp>
      <p:pic>
        <p:nvPicPr>
          <p:cNvPr id="16" name="object 16"/>
          <p:cNvPicPr/>
          <p:nvPr/>
        </p:nvPicPr>
        <p:blipFill>
          <a:blip r:embed="rId3" cstate="print"/>
          <a:stretch>
            <a:fillRect/>
          </a:stretch>
        </p:blipFill>
        <p:spPr>
          <a:xfrm>
            <a:off x="340522" y="4628386"/>
            <a:ext cx="6722287" cy="2167721"/>
          </a:xfrm>
          <a:prstGeom prst="rect">
            <a:avLst/>
          </a:prstGeom>
        </p:spPr>
      </p:pic>
      <p:sp>
        <p:nvSpPr>
          <p:cNvPr id="17" name="object 17"/>
          <p:cNvSpPr txBox="1"/>
          <p:nvPr/>
        </p:nvSpPr>
        <p:spPr>
          <a:xfrm>
            <a:off x="7299197" y="5983325"/>
            <a:ext cx="1584960" cy="300355"/>
          </a:xfrm>
          <a:prstGeom prst="rect">
            <a:avLst/>
          </a:prstGeom>
        </p:spPr>
        <p:txBody>
          <a:bodyPr vert="horz" wrap="square" lIns="0" tIns="12700" rIns="0" bIns="0" rtlCol="0">
            <a:spAutoFit/>
          </a:bodyPr>
          <a:lstStyle/>
          <a:p>
            <a:pPr marL="12700">
              <a:lnSpc>
                <a:spcPct val="100000"/>
              </a:lnSpc>
              <a:spcBef>
                <a:spcPts val="100"/>
              </a:spcBef>
            </a:pPr>
            <a:r>
              <a:rPr sz="900" spc="-10" dirty="0">
                <a:latin typeface="Meiryo UI"/>
                <a:cs typeface="Meiryo UI"/>
              </a:rPr>
              <a:t>※出典：第32</a:t>
            </a:r>
            <a:r>
              <a:rPr sz="900" spc="-20" dirty="0">
                <a:latin typeface="Meiryo UI"/>
                <a:cs typeface="Meiryo UI"/>
              </a:rPr>
              <a:t>次地方制度調査</a:t>
            </a:r>
            <a:endParaRPr sz="900">
              <a:latin typeface="Meiryo UI"/>
              <a:cs typeface="Meiryo UI"/>
            </a:endParaRPr>
          </a:p>
          <a:p>
            <a:pPr marL="12700">
              <a:lnSpc>
                <a:spcPct val="100000"/>
              </a:lnSpc>
              <a:spcBef>
                <a:spcPts val="5"/>
              </a:spcBef>
            </a:pPr>
            <a:r>
              <a:rPr sz="900" dirty="0">
                <a:latin typeface="Meiryo UI"/>
                <a:cs typeface="Meiryo UI"/>
              </a:rPr>
              <a:t>会第</a:t>
            </a:r>
            <a:r>
              <a:rPr sz="900" spc="-10" dirty="0">
                <a:latin typeface="Meiryo UI"/>
                <a:cs typeface="Meiryo UI"/>
              </a:rPr>
              <a:t>29</a:t>
            </a:r>
            <a:r>
              <a:rPr sz="900" spc="-5" dirty="0">
                <a:latin typeface="Meiryo UI"/>
                <a:cs typeface="Meiryo UI"/>
              </a:rPr>
              <a:t>回専門小委員会資料より</a:t>
            </a:r>
            <a:endParaRPr sz="900">
              <a:latin typeface="Meiryo UI"/>
              <a:cs typeface="Meiryo UI"/>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537972" y="1007363"/>
            <a:ext cx="8265159" cy="1379220"/>
          </a:xfrm>
          <a:prstGeom prst="rect">
            <a:avLst/>
          </a:prstGeom>
          <a:ln w="12192">
            <a:solidFill>
              <a:srgbClr val="000000"/>
            </a:solidFill>
          </a:ln>
        </p:spPr>
        <p:txBody>
          <a:bodyPr vert="horz" wrap="square" lIns="0" tIns="50165" rIns="0" bIns="0" rtlCol="0">
            <a:spAutoFit/>
          </a:bodyPr>
          <a:lstStyle/>
          <a:p>
            <a:pPr marL="377825" indent="-286385" algn="just">
              <a:lnSpc>
                <a:spcPct val="100000"/>
              </a:lnSpc>
              <a:spcBef>
                <a:spcPts val="395"/>
              </a:spcBef>
              <a:buFont typeface="Wingdings"/>
              <a:buChar char=""/>
              <a:tabLst>
                <a:tab pos="377825" algn="l"/>
              </a:tabLst>
            </a:pPr>
            <a:r>
              <a:rPr sz="1400" spc="-25" dirty="0">
                <a:latin typeface="Meiryo UI"/>
                <a:cs typeface="Meiryo UI"/>
              </a:rPr>
              <a:t>奈良県では、市町村の土木技術職員が減少し、土木技術職員がいない町村も存在。</a:t>
            </a:r>
            <a:endParaRPr sz="1400">
              <a:latin typeface="Meiryo UI"/>
              <a:cs typeface="Meiryo UI"/>
            </a:endParaRPr>
          </a:p>
          <a:p>
            <a:pPr marL="377190" marR="252729" indent="-285750" algn="just">
              <a:lnSpc>
                <a:spcPct val="100000"/>
              </a:lnSpc>
              <a:buFont typeface="Wingdings"/>
              <a:buChar char=""/>
              <a:tabLst>
                <a:tab pos="378460" algn="l"/>
              </a:tabLst>
            </a:pPr>
            <a:r>
              <a:rPr sz="1400" spc="-20" dirty="0">
                <a:latin typeface="Meiryo UI"/>
                <a:cs typeface="Meiryo UI"/>
              </a:rPr>
              <a:t>県からの支援を希望する市町村について、道路施設に関する長寿命化修繕計画の策定業務、点検・修繕事	</a:t>
            </a:r>
            <a:r>
              <a:rPr sz="1400" dirty="0">
                <a:latin typeface="Meiryo UI"/>
                <a:cs typeface="Meiryo UI"/>
              </a:rPr>
              <a:t>業（設計・工事）</a:t>
            </a:r>
            <a:r>
              <a:rPr sz="1400" spc="-15" dirty="0">
                <a:latin typeface="Meiryo UI"/>
                <a:cs typeface="Meiryo UI"/>
              </a:rPr>
              <a:t>を県が市町村から受託</a:t>
            </a:r>
            <a:r>
              <a:rPr sz="1400" dirty="0">
                <a:latin typeface="Meiryo UI"/>
                <a:cs typeface="Meiryo UI"/>
              </a:rPr>
              <a:t>（</a:t>
            </a:r>
            <a:r>
              <a:rPr sz="1400" spc="-15" dirty="0">
                <a:latin typeface="Meiryo UI"/>
                <a:cs typeface="Meiryo UI"/>
              </a:rPr>
              <a:t>私法上の委託契約</a:t>
            </a:r>
            <a:r>
              <a:rPr sz="1400" dirty="0">
                <a:latin typeface="Meiryo UI"/>
                <a:cs typeface="Meiryo UI"/>
              </a:rPr>
              <a:t>）</a:t>
            </a:r>
            <a:r>
              <a:rPr sz="1400" spc="-20" dirty="0">
                <a:latin typeface="Meiryo UI"/>
                <a:cs typeface="Meiryo UI"/>
              </a:rPr>
              <a:t>し、実施。</a:t>
            </a:r>
            <a:endParaRPr sz="1400">
              <a:latin typeface="Meiryo UI"/>
              <a:cs typeface="Meiryo UI"/>
            </a:endParaRPr>
          </a:p>
          <a:p>
            <a:pPr marL="377190" marR="107950" indent="-285750" algn="just">
              <a:lnSpc>
                <a:spcPct val="100000"/>
              </a:lnSpc>
              <a:buFont typeface="Wingdings"/>
              <a:buChar char=""/>
              <a:tabLst>
                <a:tab pos="378460" algn="l"/>
              </a:tabLst>
            </a:pPr>
            <a:r>
              <a:rPr sz="1400" spc="-25" dirty="0">
                <a:latin typeface="Meiryo UI"/>
                <a:cs typeface="Meiryo UI"/>
              </a:rPr>
              <a:t>橋梁の補修設計業務及び補修工事では、市町村が、県土木事務所へ職員を派遣し、市町村職員が、県の職	</a:t>
            </a:r>
            <a:r>
              <a:rPr sz="1400" spc="-20" dirty="0">
                <a:latin typeface="Meiryo UI"/>
                <a:cs typeface="Meiryo UI"/>
              </a:rPr>
              <a:t>員の指導を受けながら、一緒になって設計や工事を進めていくことで、各市町村へ技術を持ち帰ってもらい、技術力	の向上、橋梁補修設計・工事のノウハウ習得を図っている。</a:t>
            </a:r>
            <a:endParaRPr sz="1400">
              <a:latin typeface="Meiryo UI"/>
              <a:cs typeface="Meiryo UI"/>
            </a:endParaRPr>
          </a:p>
        </p:txBody>
      </p:sp>
      <p:sp>
        <p:nvSpPr>
          <p:cNvPr id="3" name="object 3"/>
          <p:cNvSpPr txBox="1"/>
          <p:nvPr/>
        </p:nvSpPr>
        <p:spPr>
          <a:xfrm>
            <a:off x="8883777" y="6559397"/>
            <a:ext cx="142240" cy="250825"/>
          </a:xfrm>
          <a:prstGeom prst="rect">
            <a:avLst/>
          </a:prstGeom>
        </p:spPr>
        <p:txBody>
          <a:bodyPr vert="horz" wrap="square" lIns="0" tIns="15875" rIns="0" bIns="0" rtlCol="0">
            <a:spAutoFit/>
          </a:bodyPr>
          <a:lstStyle/>
          <a:p>
            <a:pPr marL="12700">
              <a:lnSpc>
                <a:spcPct val="100000"/>
              </a:lnSpc>
              <a:spcBef>
                <a:spcPts val="125"/>
              </a:spcBef>
            </a:pPr>
            <a:r>
              <a:rPr sz="1450" spc="-50" dirty="0">
                <a:latin typeface="Meiryo UI"/>
                <a:cs typeface="Meiryo UI"/>
              </a:rPr>
              <a:t>5</a:t>
            </a:r>
            <a:endParaRPr sz="1450">
              <a:latin typeface="Meiryo UI"/>
              <a:cs typeface="Meiryo UI"/>
            </a:endParaRPr>
          </a:p>
        </p:txBody>
      </p:sp>
      <p:sp>
        <p:nvSpPr>
          <p:cNvPr id="4" name="object 4"/>
          <p:cNvSpPr txBox="1"/>
          <p:nvPr/>
        </p:nvSpPr>
        <p:spPr>
          <a:xfrm>
            <a:off x="138684" y="600455"/>
            <a:ext cx="975360" cy="368935"/>
          </a:xfrm>
          <a:prstGeom prst="rect">
            <a:avLst/>
          </a:prstGeom>
          <a:solidFill>
            <a:srgbClr val="001F5F"/>
          </a:solidFill>
        </p:spPr>
        <p:txBody>
          <a:bodyPr vert="horz" wrap="square" lIns="0" tIns="41275" rIns="0" bIns="0" rtlCol="0">
            <a:spAutoFit/>
          </a:bodyPr>
          <a:lstStyle/>
          <a:p>
            <a:pPr marL="158115">
              <a:lnSpc>
                <a:spcPct val="100000"/>
              </a:lnSpc>
              <a:spcBef>
                <a:spcPts val="325"/>
              </a:spcBef>
            </a:pPr>
            <a:r>
              <a:rPr sz="1800" b="1" spc="-20" dirty="0">
                <a:solidFill>
                  <a:srgbClr val="FFFFFF"/>
                </a:solidFill>
                <a:latin typeface="Meiryo UI"/>
                <a:cs typeface="Meiryo UI"/>
              </a:rPr>
              <a:t>奈良県</a:t>
            </a:r>
            <a:endParaRPr sz="1800">
              <a:latin typeface="Meiryo UI"/>
              <a:cs typeface="Meiryo UI"/>
            </a:endParaRPr>
          </a:p>
        </p:txBody>
      </p:sp>
      <p:sp>
        <p:nvSpPr>
          <p:cNvPr id="5" name="object 5"/>
          <p:cNvSpPr txBox="1"/>
          <p:nvPr/>
        </p:nvSpPr>
        <p:spPr>
          <a:xfrm>
            <a:off x="1186688" y="648970"/>
            <a:ext cx="5270500" cy="299720"/>
          </a:xfrm>
          <a:prstGeom prst="rect">
            <a:avLst/>
          </a:prstGeom>
        </p:spPr>
        <p:txBody>
          <a:bodyPr vert="horz" wrap="square" lIns="0" tIns="12700" rIns="0" bIns="0" rtlCol="0">
            <a:spAutoFit/>
          </a:bodyPr>
          <a:lstStyle/>
          <a:p>
            <a:pPr marL="12700">
              <a:lnSpc>
                <a:spcPct val="100000"/>
              </a:lnSpc>
              <a:spcBef>
                <a:spcPts val="100"/>
              </a:spcBef>
            </a:pPr>
            <a:r>
              <a:rPr sz="1800" spc="-40" dirty="0">
                <a:latin typeface="Meiryo UI"/>
                <a:cs typeface="Meiryo UI"/>
              </a:rPr>
              <a:t>⇒自治法上の事務の委託ではなく、私法上の委託で実施</a:t>
            </a:r>
            <a:endParaRPr sz="1800">
              <a:latin typeface="Meiryo UI"/>
              <a:cs typeface="Meiryo UI"/>
            </a:endParaRPr>
          </a:p>
        </p:txBody>
      </p:sp>
      <p:grpSp>
        <p:nvGrpSpPr>
          <p:cNvPr id="6" name="object 6"/>
          <p:cNvGrpSpPr/>
          <p:nvPr/>
        </p:nvGrpSpPr>
        <p:grpSpPr>
          <a:xfrm>
            <a:off x="88392" y="32003"/>
            <a:ext cx="8945880" cy="538480"/>
            <a:chOff x="88392" y="32003"/>
            <a:chExt cx="8945880" cy="538480"/>
          </a:xfrm>
        </p:grpSpPr>
        <p:sp>
          <p:nvSpPr>
            <p:cNvPr id="7" name="object 7"/>
            <p:cNvSpPr/>
            <p:nvPr/>
          </p:nvSpPr>
          <p:spPr>
            <a:xfrm>
              <a:off x="101346" y="44957"/>
              <a:ext cx="8920480" cy="512445"/>
            </a:xfrm>
            <a:custGeom>
              <a:avLst/>
              <a:gdLst/>
              <a:ahLst/>
              <a:cxnLst/>
              <a:rect l="l" t="t" r="r" b="b"/>
              <a:pathLst>
                <a:path w="8920480" h="512445">
                  <a:moveTo>
                    <a:pt x="8862568" y="0"/>
                  </a:moveTo>
                  <a:lnTo>
                    <a:pt x="57454" y="0"/>
                  </a:lnTo>
                  <a:lnTo>
                    <a:pt x="35093" y="4522"/>
                  </a:lnTo>
                  <a:lnTo>
                    <a:pt x="16830" y="16843"/>
                  </a:lnTo>
                  <a:lnTo>
                    <a:pt x="4516" y="35093"/>
                  </a:lnTo>
                  <a:lnTo>
                    <a:pt x="0" y="57403"/>
                  </a:lnTo>
                  <a:lnTo>
                    <a:pt x="0" y="454660"/>
                  </a:lnTo>
                  <a:lnTo>
                    <a:pt x="4516" y="476970"/>
                  </a:lnTo>
                  <a:lnTo>
                    <a:pt x="16830" y="495220"/>
                  </a:lnTo>
                  <a:lnTo>
                    <a:pt x="35093" y="507541"/>
                  </a:lnTo>
                  <a:lnTo>
                    <a:pt x="57454" y="512064"/>
                  </a:lnTo>
                  <a:lnTo>
                    <a:pt x="8862568" y="512064"/>
                  </a:lnTo>
                  <a:lnTo>
                    <a:pt x="8884878" y="507541"/>
                  </a:lnTo>
                  <a:lnTo>
                    <a:pt x="8903128" y="495220"/>
                  </a:lnTo>
                  <a:lnTo>
                    <a:pt x="8915449" y="476970"/>
                  </a:lnTo>
                  <a:lnTo>
                    <a:pt x="8919972" y="454660"/>
                  </a:lnTo>
                  <a:lnTo>
                    <a:pt x="8919972" y="57403"/>
                  </a:lnTo>
                  <a:lnTo>
                    <a:pt x="8915449" y="35093"/>
                  </a:lnTo>
                  <a:lnTo>
                    <a:pt x="8903128" y="16843"/>
                  </a:lnTo>
                  <a:lnTo>
                    <a:pt x="8884878" y="4522"/>
                  </a:lnTo>
                  <a:lnTo>
                    <a:pt x="8862568" y="0"/>
                  </a:lnTo>
                  <a:close/>
                </a:path>
              </a:pathLst>
            </a:custGeom>
            <a:solidFill>
              <a:srgbClr val="DBEDF4"/>
            </a:solidFill>
          </p:spPr>
          <p:txBody>
            <a:bodyPr wrap="square" lIns="0" tIns="0" rIns="0" bIns="0" rtlCol="0"/>
            <a:lstStyle/>
            <a:p>
              <a:endParaRPr/>
            </a:p>
          </p:txBody>
        </p:sp>
        <p:sp>
          <p:nvSpPr>
            <p:cNvPr id="8" name="object 8"/>
            <p:cNvSpPr/>
            <p:nvPr/>
          </p:nvSpPr>
          <p:spPr>
            <a:xfrm>
              <a:off x="101346" y="44957"/>
              <a:ext cx="8920480" cy="512445"/>
            </a:xfrm>
            <a:custGeom>
              <a:avLst/>
              <a:gdLst/>
              <a:ahLst/>
              <a:cxnLst/>
              <a:rect l="l" t="t" r="r" b="b"/>
              <a:pathLst>
                <a:path w="8920480" h="512445">
                  <a:moveTo>
                    <a:pt x="0" y="57403"/>
                  </a:moveTo>
                  <a:lnTo>
                    <a:pt x="4516" y="35093"/>
                  </a:lnTo>
                  <a:lnTo>
                    <a:pt x="16830" y="16843"/>
                  </a:lnTo>
                  <a:lnTo>
                    <a:pt x="35093" y="4522"/>
                  </a:lnTo>
                  <a:lnTo>
                    <a:pt x="57454" y="0"/>
                  </a:lnTo>
                  <a:lnTo>
                    <a:pt x="8862568" y="0"/>
                  </a:lnTo>
                  <a:lnTo>
                    <a:pt x="8884878" y="4522"/>
                  </a:lnTo>
                  <a:lnTo>
                    <a:pt x="8903128" y="16843"/>
                  </a:lnTo>
                  <a:lnTo>
                    <a:pt x="8915449" y="35093"/>
                  </a:lnTo>
                  <a:lnTo>
                    <a:pt x="8919972" y="57403"/>
                  </a:lnTo>
                  <a:lnTo>
                    <a:pt x="8919972" y="454660"/>
                  </a:lnTo>
                  <a:lnTo>
                    <a:pt x="8915449" y="476970"/>
                  </a:lnTo>
                  <a:lnTo>
                    <a:pt x="8903128" y="495220"/>
                  </a:lnTo>
                  <a:lnTo>
                    <a:pt x="8884878" y="507541"/>
                  </a:lnTo>
                  <a:lnTo>
                    <a:pt x="8862568" y="512064"/>
                  </a:lnTo>
                  <a:lnTo>
                    <a:pt x="57454" y="512064"/>
                  </a:lnTo>
                  <a:lnTo>
                    <a:pt x="35093" y="507541"/>
                  </a:lnTo>
                  <a:lnTo>
                    <a:pt x="16830" y="495220"/>
                  </a:lnTo>
                  <a:lnTo>
                    <a:pt x="4516" y="476970"/>
                  </a:lnTo>
                  <a:lnTo>
                    <a:pt x="0" y="454660"/>
                  </a:lnTo>
                  <a:lnTo>
                    <a:pt x="0" y="57403"/>
                  </a:lnTo>
                  <a:close/>
                </a:path>
              </a:pathLst>
            </a:custGeom>
            <a:ln w="25908">
              <a:solidFill>
                <a:srgbClr val="000000"/>
              </a:solidFill>
            </a:ln>
          </p:spPr>
          <p:txBody>
            <a:bodyPr wrap="square" lIns="0" tIns="0" rIns="0" bIns="0" rtlCol="0"/>
            <a:lstStyle/>
            <a:p>
              <a:endParaRPr/>
            </a:p>
          </p:txBody>
        </p:sp>
      </p:grpSp>
      <p:sp>
        <p:nvSpPr>
          <p:cNvPr id="9" name="object 9"/>
          <p:cNvSpPr txBox="1">
            <a:spLocks noGrp="1"/>
          </p:cNvSpPr>
          <p:nvPr>
            <p:ph type="title"/>
          </p:nvPr>
        </p:nvSpPr>
        <p:spPr>
          <a:xfrm>
            <a:off x="982979" y="78638"/>
            <a:ext cx="7961631" cy="443711"/>
          </a:xfrm>
          <a:prstGeom prst="rect">
            <a:avLst/>
          </a:prstGeom>
        </p:spPr>
        <p:txBody>
          <a:bodyPr vert="horz" wrap="square" lIns="0" tIns="12700" rIns="0" bIns="0" rtlCol="0">
            <a:spAutoFit/>
          </a:bodyPr>
          <a:lstStyle/>
          <a:p>
            <a:pPr marL="12700">
              <a:lnSpc>
                <a:spcPct val="100000"/>
              </a:lnSpc>
              <a:spcBef>
                <a:spcPts val="100"/>
              </a:spcBef>
              <a:tabLst>
                <a:tab pos="1434465" algn="l"/>
              </a:tabLst>
            </a:pPr>
            <a:r>
              <a:rPr sz="2800" spc="-10" dirty="0"/>
              <a:t>取組事</a:t>
            </a:r>
            <a:r>
              <a:rPr sz="2800" spc="-50" dirty="0"/>
              <a:t>例</a:t>
            </a:r>
            <a:r>
              <a:rPr sz="2800" dirty="0"/>
              <a:t>	＜ケ</a:t>
            </a:r>
            <a:r>
              <a:rPr sz="2800" spc="-15" dirty="0"/>
              <a:t>ー</a:t>
            </a:r>
            <a:r>
              <a:rPr sz="2800" dirty="0"/>
              <a:t>ス</a:t>
            </a:r>
            <a:r>
              <a:rPr sz="2800" spc="-10" dirty="0"/>
              <a:t>２：</a:t>
            </a:r>
            <a:r>
              <a:rPr sz="2800" dirty="0"/>
              <a:t>垂直連</a:t>
            </a:r>
            <a:r>
              <a:rPr sz="2800" spc="-10" dirty="0"/>
              <a:t>携</a:t>
            </a:r>
            <a:r>
              <a:rPr sz="2800" spc="-50" dirty="0"/>
              <a:t>＞</a:t>
            </a:r>
          </a:p>
        </p:txBody>
      </p:sp>
      <p:sp>
        <p:nvSpPr>
          <p:cNvPr id="10" name="object 10"/>
          <p:cNvSpPr txBox="1"/>
          <p:nvPr/>
        </p:nvSpPr>
        <p:spPr>
          <a:xfrm>
            <a:off x="245363" y="118871"/>
            <a:ext cx="646430" cy="368935"/>
          </a:xfrm>
          <a:prstGeom prst="rect">
            <a:avLst/>
          </a:prstGeom>
          <a:solidFill>
            <a:srgbClr val="FCEADA"/>
          </a:solidFill>
          <a:ln w="9143">
            <a:solidFill>
              <a:srgbClr val="000000"/>
            </a:solidFill>
          </a:ln>
        </p:spPr>
        <p:txBody>
          <a:bodyPr vert="horz" wrap="square" lIns="0" tIns="41275" rIns="0" bIns="0" rtlCol="0">
            <a:spAutoFit/>
          </a:bodyPr>
          <a:lstStyle/>
          <a:p>
            <a:pPr marL="91440">
              <a:lnSpc>
                <a:spcPct val="100000"/>
              </a:lnSpc>
              <a:spcBef>
                <a:spcPts val="325"/>
              </a:spcBef>
            </a:pPr>
            <a:r>
              <a:rPr sz="1800" b="1" spc="-25" dirty="0">
                <a:latin typeface="Meiryo UI"/>
                <a:cs typeface="Meiryo UI"/>
              </a:rPr>
              <a:t>広域</a:t>
            </a:r>
            <a:endParaRPr sz="1800">
              <a:latin typeface="Meiryo UI"/>
              <a:cs typeface="Meiryo UI"/>
            </a:endParaRPr>
          </a:p>
        </p:txBody>
      </p:sp>
      <p:sp>
        <p:nvSpPr>
          <p:cNvPr id="11" name="object 11"/>
          <p:cNvSpPr txBox="1"/>
          <p:nvPr/>
        </p:nvSpPr>
        <p:spPr>
          <a:xfrm>
            <a:off x="537972" y="4703064"/>
            <a:ext cx="8209915" cy="506095"/>
          </a:xfrm>
          <a:prstGeom prst="rect">
            <a:avLst/>
          </a:prstGeom>
          <a:ln w="12192">
            <a:solidFill>
              <a:srgbClr val="000000"/>
            </a:solidFill>
          </a:ln>
        </p:spPr>
        <p:txBody>
          <a:bodyPr vert="horz" wrap="square" lIns="0" tIns="40640" rIns="0" bIns="0" rtlCol="0">
            <a:spAutoFit/>
          </a:bodyPr>
          <a:lstStyle/>
          <a:p>
            <a:pPr marL="377825" indent="-286385">
              <a:lnSpc>
                <a:spcPct val="100000"/>
              </a:lnSpc>
              <a:spcBef>
                <a:spcPts val="320"/>
              </a:spcBef>
              <a:buFont typeface="Wingdings"/>
              <a:buChar char=""/>
              <a:tabLst>
                <a:tab pos="377825" algn="l"/>
              </a:tabLst>
            </a:pPr>
            <a:r>
              <a:rPr sz="1400" spc="-25" dirty="0">
                <a:latin typeface="Meiryo UI"/>
                <a:cs typeface="Meiryo UI"/>
              </a:rPr>
              <a:t>岐阜県白川村では、除雪作業の効率化を図る観点から、村道の除雪に関する業務の一部について、岐阜県</a:t>
            </a:r>
            <a:endParaRPr sz="1400">
              <a:latin typeface="Meiryo UI"/>
              <a:cs typeface="Meiryo UI"/>
            </a:endParaRPr>
          </a:p>
          <a:p>
            <a:pPr marL="377825">
              <a:lnSpc>
                <a:spcPct val="100000"/>
              </a:lnSpc>
              <a:spcBef>
                <a:spcPts val="5"/>
              </a:spcBef>
            </a:pPr>
            <a:r>
              <a:rPr sz="1400" spc="-20" dirty="0">
                <a:latin typeface="Meiryo UI"/>
                <a:cs typeface="Meiryo UI"/>
              </a:rPr>
              <a:t>高山土木事務所と協定を結び、同事務所が一括契約</a:t>
            </a:r>
            <a:endParaRPr sz="1400">
              <a:latin typeface="Meiryo UI"/>
              <a:cs typeface="Meiryo UI"/>
            </a:endParaRPr>
          </a:p>
        </p:txBody>
      </p:sp>
      <p:sp>
        <p:nvSpPr>
          <p:cNvPr id="12" name="object 12"/>
          <p:cNvSpPr txBox="1"/>
          <p:nvPr/>
        </p:nvSpPr>
        <p:spPr>
          <a:xfrm>
            <a:off x="147828" y="4287011"/>
            <a:ext cx="2266315" cy="368935"/>
          </a:xfrm>
          <a:prstGeom prst="rect">
            <a:avLst/>
          </a:prstGeom>
          <a:solidFill>
            <a:srgbClr val="001F5F"/>
          </a:solidFill>
        </p:spPr>
        <p:txBody>
          <a:bodyPr vert="horz" wrap="square" lIns="0" tIns="41275" rIns="0" bIns="0" rtlCol="0">
            <a:spAutoFit/>
          </a:bodyPr>
          <a:lstStyle/>
          <a:p>
            <a:pPr marL="217804">
              <a:lnSpc>
                <a:spcPct val="100000"/>
              </a:lnSpc>
              <a:spcBef>
                <a:spcPts val="325"/>
              </a:spcBef>
            </a:pPr>
            <a:r>
              <a:rPr sz="1800" b="1" dirty="0">
                <a:solidFill>
                  <a:srgbClr val="FFFFFF"/>
                </a:solidFill>
                <a:latin typeface="Meiryo UI"/>
                <a:cs typeface="Meiryo UI"/>
              </a:rPr>
              <a:t>白川村（岐阜県</a:t>
            </a:r>
            <a:r>
              <a:rPr sz="1800" b="1" spc="-50" dirty="0">
                <a:solidFill>
                  <a:srgbClr val="FFFFFF"/>
                </a:solidFill>
                <a:latin typeface="Meiryo UI"/>
                <a:cs typeface="Meiryo UI"/>
              </a:rPr>
              <a:t>）</a:t>
            </a:r>
            <a:endParaRPr sz="1800">
              <a:latin typeface="Meiryo UI"/>
              <a:cs typeface="Meiryo UI"/>
            </a:endParaRPr>
          </a:p>
        </p:txBody>
      </p:sp>
      <p:sp>
        <p:nvSpPr>
          <p:cNvPr id="13" name="object 13"/>
          <p:cNvSpPr/>
          <p:nvPr/>
        </p:nvSpPr>
        <p:spPr>
          <a:xfrm>
            <a:off x="686562" y="5273802"/>
            <a:ext cx="6840220" cy="1530350"/>
          </a:xfrm>
          <a:custGeom>
            <a:avLst/>
            <a:gdLst/>
            <a:ahLst/>
            <a:cxnLst/>
            <a:rect l="l" t="t" r="r" b="b"/>
            <a:pathLst>
              <a:path w="6840220" h="1530350">
                <a:moveTo>
                  <a:pt x="0" y="1530096"/>
                </a:moveTo>
                <a:lnTo>
                  <a:pt x="6839711" y="1530096"/>
                </a:lnTo>
                <a:lnTo>
                  <a:pt x="6839711" y="0"/>
                </a:lnTo>
                <a:lnTo>
                  <a:pt x="0" y="0"/>
                </a:lnTo>
                <a:lnTo>
                  <a:pt x="0" y="1530096"/>
                </a:lnTo>
                <a:close/>
              </a:path>
            </a:pathLst>
          </a:custGeom>
          <a:ln w="19812">
            <a:solidFill>
              <a:srgbClr val="9999FF"/>
            </a:solidFill>
          </a:ln>
        </p:spPr>
        <p:txBody>
          <a:bodyPr wrap="square" lIns="0" tIns="0" rIns="0" bIns="0" rtlCol="0"/>
          <a:lstStyle/>
          <a:p>
            <a:endParaRPr/>
          </a:p>
        </p:txBody>
      </p:sp>
      <p:sp>
        <p:nvSpPr>
          <p:cNvPr id="14" name="object 14"/>
          <p:cNvSpPr txBox="1"/>
          <p:nvPr/>
        </p:nvSpPr>
        <p:spPr>
          <a:xfrm>
            <a:off x="685800" y="5280659"/>
            <a:ext cx="1565275" cy="260985"/>
          </a:xfrm>
          <a:prstGeom prst="rect">
            <a:avLst/>
          </a:prstGeom>
          <a:solidFill>
            <a:srgbClr val="9999FF"/>
          </a:solidFill>
        </p:spPr>
        <p:txBody>
          <a:bodyPr vert="horz" wrap="square" lIns="0" tIns="51435" rIns="0" bIns="0" rtlCol="0">
            <a:spAutoFit/>
          </a:bodyPr>
          <a:lstStyle/>
          <a:p>
            <a:pPr marL="152400">
              <a:lnSpc>
                <a:spcPct val="100000"/>
              </a:lnSpc>
              <a:spcBef>
                <a:spcPts val="405"/>
              </a:spcBef>
            </a:pPr>
            <a:r>
              <a:rPr sz="1100" b="1" spc="-15" dirty="0">
                <a:solidFill>
                  <a:srgbClr val="FFFFFF"/>
                </a:solidFill>
                <a:latin typeface="ＭＳ ゴシック"/>
                <a:cs typeface="ＭＳ ゴシック"/>
              </a:rPr>
              <a:t>岐阜県白川村の事例</a:t>
            </a:r>
            <a:endParaRPr sz="1100">
              <a:latin typeface="ＭＳ ゴシック"/>
              <a:cs typeface="ＭＳ ゴシック"/>
            </a:endParaRPr>
          </a:p>
        </p:txBody>
      </p:sp>
      <p:sp>
        <p:nvSpPr>
          <p:cNvPr id="15" name="object 15"/>
          <p:cNvSpPr txBox="1"/>
          <p:nvPr/>
        </p:nvSpPr>
        <p:spPr>
          <a:xfrm>
            <a:off x="1199388" y="5634228"/>
            <a:ext cx="988060" cy="262255"/>
          </a:xfrm>
          <a:prstGeom prst="rect">
            <a:avLst/>
          </a:prstGeom>
          <a:solidFill>
            <a:srgbClr val="00AFEF"/>
          </a:solidFill>
        </p:spPr>
        <p:txBody>
          <a:bodyPr vert="horz" wrap="square" lIns="0" tIns="47625" rIns="0" bIns="0" rtlCol="0">
            <a:spAutoFit/>
          </a:bodyPr>
          <a:lstStyle/>
          <a:p>
            <a:pPr marL="281940">
              <a:lnSpc>
                <a:spcPct val="100000"/>
              </a:lnSpc>
              <a:spcBef>
                <a:spcPts val="375"/>
              </a:spcBef>
            </a:pPr>
            <a:r>
              <a:rPr sz="1100" b="1" spc="-20" dirty="0">
                <a:solidFill>
                  <a:srgbClr val="FFFFFF"/>
                </a:solidFill>
                <a:latin typeface="Meiryo UI"/>
                <a:cs typeface="Meiryo UI"/>
              </a:rPr>
              <a:t>白川村</a:t>
            </a:r>
            <a:endParaRPr sz="1100">
              <a:latin typeface="Meiryo UI"/>
              <a:cs typeface="Meiryo UI"/>
            </a:endParaRPr>
          </a:p>
        </p:txBody>
      </p:sp>
      <p:sp>
        <p:nvSpPr>
          <p:cNvPr id="16" name="object 16"/>
          <p:cNvSpPr/>
          <p:nvPr/>
        </p:nvSpPr>
        <p:spPr>
          <a:xfrm>
            <a:off x="3392423" y="5550408"/>
            <a:ext cx="1397635" cy="431800"/>
          </a:xfrm>
          <a:custGeom>
            <a:avLst/>
            <a:gdLst/>
            <a:ahLst/>
            <a:cxnLst/>
            <a:rect l="l" t="t" r="r" b="b"/>
            <a:pathLst>
              <a:path w="1397635" h="431800">
                <a:moveTo>
                  <a:pt x="1397508" y="0"/>
                </a:moveTo>
                <a:lnTo>
                  <a:pt x="0" y="0"/>
                </a:lnTo>
                <a:lnTo>
                  <a:pt x="0" y="431292"/>
                </a:lnTo>
                <a:lnTo>
                  <a:pt x="1397508" y="431292"/>
                </a:lnTo>
                <a:lnTo>
                  <a:pt x="1397508" y="0"/>
                </a:lnTo>
                <a:close/>
              </a:path>
            </a:pathLst>
          </a:custGeom>
          <a:solidFill>
            <a:srgbClr val="FF66FF"/>
          </a:solidFill>
        </p:spPr>
        <p:txBody>
          <a:bodyPr wrap="square" lIns="0" tIns="0" rIns="0" bIns="0" rtlCol="0"/>
          <a:lstStyle/>
          <a:p>
            <a:endParaRPr/>
          </a:p>
        </p:txBody>
      </p:sp>
      <p:sp>
        <p:nvSpPr>
          <p:cNvPr id="17" name="object 17"/>
          <p:cNvSpPr txBox="1"/>
          <p:nvPr/>
        </p:nvSpPr>
        <p:spPr>
          <a:xfrm>
            <a:off x="3392423" y="5585256"/>
            <a:ext cx="1397635" cy="361315"/>
          </a:xfrm>
          <a:prstGeom prst="rect">
            <a:avLst/>
          </a:prstGeom>
        </p:spPr>
        <p:txBody>
          <a:bodyPr vert="horz" wrap="square" lIns="0" tIns="12700" rIns="0" bIns="0" rtlCol="0">
            <a:spAutoFit/>
          </a:bodyPr>
          <a:lstStyle/>
          <a:p>
            <a:pPr marL="1905" algn="ctr">
              <a:lnSpc>
                <a:spcPct val="100000"/>
              </a:lnSpc>
              <a:spcBef>
                <a:spcPts val="100"/>
              </a:spcBef>
            </a:pPr>
            <a:r>
              <a:rPr sz="1100" b="1" spc="-20" dirty="0">
                <a:solidFill>
                  <a:srgbClr val="FFFFFF"/>
                </a:solidFill>
                <a:latin typeface="Meiryo UI"/>
                <a:cs typeface="Meiryo UI"/>
              </a:rPr>
              <a:t>岐阜県</a:t>
            </a:r>
            <a:endParaRPr sz="1100">
              <a:latin typeface="Meiryo UI"/>
              <a:cs typeface="Meiryo UI"/>
            </a:endParaRPr>
          </a:p>
          <a:p>
            <a:pPr marL="1905" algn="ctr">
              <a:lnSpc>
                <a:spcPct val="100000"/>
              </a:lnSpc>
              <a:spcBef>
                <a:spcPts val="5"/>
              </a:spcBef>
            </a:pPr>
            <a:r>
              <a:rPr sz="1100" b="1" spc="-10" dirty="0">
                <a:solidFill>
                  <a:srgbClr val="FFFFFF"/>
                </a:solidFill>
                <a:latin typeface="Meiryo UI"/>
                <a:cs typeface="Meiryo UI"/>
              </a:rPr>
              <a:t>高山土木事務所</a:t>
            </a:r>
            <a:endParaRPr sz="1100">
              <a:latin typeface="Meiryo UI"/>
              <a:cs typeface="Meiryo UI"/>
            </a:endParaRPr>
          </a:p>
        </p:txBody>
      </p:sp>
      <p:sp>
        <p:nvSpPr>
          <p:cNvPr id="18" name="object 18"/>
          <p:cNvSpPr/>
          <p:nvPr/>
        </p:nvSpPr>
        <p:spPr>
          <a:xfrm>
            <a:off x="5996940" y="5647944"/>
            <a:ext cx="988060" cy="262255"/>
          </a:xfrm>
          <a:custGeom>
            <a:avLst/>
            <a:gdLst/>
            <a:ahLst/>
            <a:cxnLst/>
            <a:rect l="l" t="t" r="r" b="b"/>
            <a:pathLst>
              <a:path w="988059" h="262254">
                <a:moveTo>
                  <a:pt x="987552" y="0"/>
                </a:moveTo>
                <a:lnTo>
                  <a:pt x="0" y="0"/>
                </a:lnTo>
                <a:lnTo>
                  <a:pt x="0" y="262127"/>
                </a:lnTo>
                <a:lnTo>
                  <a:pt x="987552" y="262127"/>
                </a:lnTo>
                <a:lnTo>
                  <a:pt x="987552" y="0"/>
                </a:lnTo>
                <a:close/>
              </a:path>
            </a:pathLst>
          </a:custGeom>
          <a:solidFill>
            <a:srgbClr val="00AF50"/>
          </a:solidFill>
        </p:spPr>
        <p:txBody>
          <a:bodyPr wrap="square" lIns="0" tIns="0" rIns="0" bIns="0" rtlCol="0"/>
          <a:lstStyle/>
          <a:p>
            <a:endParaRPr/>
          </a:p>
        </p:txBody>
      </p:sp>
      <p:sp>
        <p:nvSpPr>
          <p:cNvPr id="19" name="object 19"/>
          <p:cNvSpPr txBox="1"/>
          <p:nvPr/>
        </p:nvSpPr>
        <p:spPr>
          <a:xfrm>
            <a:off x="6197600" y="5682792"/>
            <a:ext cx="586740" cy="193675"/>
          </a:xfrm>
          <a:prstGeom prst="rect">
            <a:avLst/>
          </a:prstGeom>
        </p:spPr>
        <p:txBody>
          <a:bodyPr vert="horz" wrap="square" lIns="0" tIns="12700" rIns="0" bIns="0" rtlCol="0">
            <a:spAutoFit/>
          </a:bodyPr>
          <a:lstStyle/>
          <a:p>
            <a:pPr marL="12700">
              <a:lnSpc>
                <a:spcPct val="100000"/>
              </a:lnSpc>
              <a:spcBef>
                <a:spcPts val="100"/>
              </a:spcBef>
            </a:pPr>
            <a:r>
              <a:rPr sz="1100" b="1" spc="-15" dirty="0">
                <a:solidFill>
                  <a:srgbClr val="FFFFFF"/>
                </a:solidFill>
                <a:latin typeface="Meiryo UI"/>
                <a:cs typeface="Meiryo UI"/>
              </a:rPr>
              <a:t>除雪業者</a:t>
            </a:r>
            <a:endParaRPr sz="1100">
              <a:latin typeface="Meiryo UI"/>
              <a:cs typeface="Meiryo UI"/>
            </a:endParaRPr>
          </a:p>
        </p:txBody>
      </p:sp>
      <p:sp>
        <p:nvSpPr>
          <p:cNvPr id="20" name="object 20"/>
          <p:cNvSpPr/>
          <p:nvPr/>
        </p:nvSpPr>
        <p:spPr>
          <a:xfrm>
            <a:off x="2186940" y="5720676"/>
            <a:ext cx="3810000" cy="83820"/>
          </a:xfrm>
          <a:custGeom>
            <a:avLst/>
            <a:gdLst/>
            <a:ahLst/>
            <a:cxnLst/>
            <a:rect l="l" t="t" r="r" b="b"/>
            <a:pathLst>
              <a:path w="3810000" h="83820">
                <a:moveTo>
                  <a:pt x="1206627" y="45783"/>
                </a:moveTo>
                <a:lnTo>
                  <a:pt x="1130414" y="7620"/>
                </a:lnTo>
                <a:lnTo>
                  <a:pt x="1130414" y="39382"/>
                </a:lnTo>
                <a:lnTo>
                  <a:pt x="0" y="38265"/>
                </a:lnTo>
                <a:lnTo>
                  <a:pt x="0" y="50965"/>
                </a:lnTo>
                <a:lnTo>
                  <a:pt x="1130414" y="52082"/>
                </a:lnTo>
                <a:lnTo>
                  <a:pt x="1130414" y="83820"/>
                </a:lnTo>
                <a:lnTo>
                  <a:pt x="1194003" y="52082"/>
                </a:lnTo>
                <a:lnTo>
                  <a:pt x="1206627" y="45783"/>
                </a:lnTo>
                <a:close/>
              </a:path>
              <a:path w="3810000" h="83820">
                <a:moveTo>
                  <a:pt x="2653792" y="30695"/>
                </a:moveTo>
                <a:lnTo>
                  <a:pt x="2602992" y="30645"/>
                </a:lnTo>
                <a:lnTo>
                  <a:pt x="2602992" y="43345"/>
                </a:lnTo>
                <a:lnTo>
                  <a:pt x="2653792" y="43395"/>
                </a:lnTo>
                <a:lnTo>
                  <a:pt x="2653792" y="30695"/>
                </a:lnTo>
                <a:close/>
              </a:path>
              <a:path w="3810000" h="83820">
                <a:moveTo>
                  <a:pt x="2742692" y="30772"/>
                </a:moveTo>
                <a:lnTo>
                  <a:pt x="2691892" y="30734"/>
                </a:lnTo>
                <a:lnTo>
                  <a:pt x="2691892" y="43434"/>
                </a:lnTo>
                <a:lnTo>
                  <a:pt x="2742692" y="43484"/>
                </a:lnTo>
                <a:lnTo>
                  <a:pt x="2742692" y="30772"/>
                </a:lnTo>
                <a:close/>
              </a:path>
              <a:path w="3810000" h="83820">
                <a:moveTo>
                  <a:pt x="2831592" y="30861"/>
                </a:moveTo>
                <a:lnTo>
                  <a:pt x="2780792" y="30810"/>
                </a:lnTo>
                <a:lnTo>
                  <a:pt x="2780792" y="43510"/>
                </a:lnTo>
                <a:lnTo>
                  <a:pt x="2831592" y="43561"/>
                </a:lnTo>
                <a:lnTo>
                  <a:pt x="2831592" y="30861"/>
                </a:lnTo>
                <a:close/>
              </a:path>
              <a:path w="3810000" h="83820">
                <a:moveTo>
                  <a:pt x="2920492" y="30949"/>
                </a:moveTo>
                <a:lnTo>
                  <a:pt x="2869692" y="30899"/>
                </a:lnTo>
                <a:lnTo>
                  <a:pt x="2869692" y="43599"/>
                </a:lnTo>
                <a:lnTo>
                  <a:pt x="2920492" y="43649"/>
                </a:lnTo>
                <a:lnTo>
                  <a:pt x="2920492" y="30949"/>
                </a:lnTo>
                <a:close/>
              </a:path>
              <a:path w="3810000" h="83820">
                <a:moveTo>
                  <a:pt x="3009392" y="31038"/>
                </a:moveTo>
                <a:lnTo>
                  <a:pt x="2958592" y="30988"/>
                </a:lnTo>
                <a:lnTo>
                  <a:pt x="2958592" y="43688"/>
                </a:lnTo>
                <a:lnTo>
                  <a:pt x="3009392" y="43738"/>
                </a:lnTo>
                <a:lnTo>
                  <a:pt x="3009392" y="31038"/>
                </a:lnTo>
                <a:close/>
              </a:path>
              <a:path w="3810000" h="83820">
                <a:moveTo>
                  <a:pt x="3098292" y="31127"/>
                </a:moveTo>
                <a:lnTo>
                  <a:pt x="3047492" y="31076"/>
                </a:lnTo>
                <a:lnTo>
                  <a:pt x="3047492" y="43776"/>
                </a:lnTo>
                <a:lnTo>
                  <a:pt x="3098292" y="43827"/>
                </a:lnTo>
                <a:lnTo>
                  <a:pt x="3098292" y="31127"/>
                </a:lnTo>
                <a:close/>
              </a:path>
              <a:path w="3810000" h="83820">
                <a:moveTo>
                  <a:pt x="3187192" y="31216"/>
                </a:moveTo>
                <a:lnTo>
                  <a:pt x="3136392" y="31165"/>
                </a:lnTo>
                <a:lnTo>
                  <a:pt x="3136392" y="43865"/>
                </a:lnTo>
                <a:lnTo>
                  <a:pt x="3187192" y="43916"/>
                </a:lnTo>
                <a:lnTo>
                  <a:pt x="3187192" y="31216"/>
                </a:lnTo>
                <a:close/>
              </a:path>
              <a:path w="3810000" h="83820">
                <a:moveTo>
                  <a:pt x="3276092" y="31292"/>
                </a:moveTo>
                <a:lnTo>
                  <a:pt x="3225292" y="31254"/>
                </a:lnTo>
                <a:lnTo>
                  <a:pt x="3225292" y="43954"/>
                </a:lnTo>
                <a:lnTo>
                  <a:pt x="3276092" y="43992"/>
                </a:lnTo>
                <a:lnTo>
                  <a:pt x="3276092" y="31292"/>
                </a:lnTo>
                <a:close/>
              </a:path>
              <a:path w="3810000" h="83820">
                <a:moveTo>
                  <a:pt x="3364992" y="31381"/>
                </a:moveTo>
                <a:lnTo>
                  <a:pt x="3314192" y="31330"/>
                </a:lnTo>
                <a:lnTo>
                  <a:pt x="3314192" y="44030"/>
                </a:lnTo>
                <a:lnTo>
                  <a:pt x="3364992" y="44081"/>
                </a:lnTo>
                <a:lnTo>
                  <a:pt x="3364992" y="31381"/>
                </a:lnTo>
                <a:close/>
              </a:path>
              <a:path w="3810000" h="83820">
                <a:moveTo>
                  <a:pt x="3453892" y="31470"/>
                </a:moveTo>
                <a:lnTo>
                  <a:pt x="3403092" y="31419"/>
                </a:lnTo>
                <a:lnTo>
                  <a:pt x="3403092" y="44119"/>
                </a:lnTo>
                <a:lnTo>
                  <a:pt x="3453892" y="44170"/>
                </a:lnTo>
                <a:lnTo>
                  <a:pt x="3453892" y="31470"/>
                </a:lnTo>
                <a:close/>
              </a:path>
              <a:path w="3810000" h="83820">
                <a:moveTo>
                  <a:pt x="3542792" y="31559"/>
                </a:moveTo>
                <a:lnTo>
                  <a:pt x="3491992" y="31508"/>
                </a:lnTo>
                <a:lnTo>
                  <a:pt x="3491992" y="44208"/>
                </a:lnTo>
                <a:lnTo>
                  <a:pt x="3542792" y="44259"/>
                </a:lnTo>
                <a:lnTo>
                  <a:pt x="3542792" y="31559"/>
                </a:lnTo>
                <a:close/>
              </a:path>
              <a:path w="3810000" h="83820">
                <a:moveTo>
                  <a:pt x="3631692" y="31648"/>
                </a:moveTo>
                <a:lnTo>
                  <a:pt x="3580892" y="31597"/>
                </a:lnTo>
                <a:lnTo>
                  <a:pt x="3580892" y="44297"/>
                </a:lnTo>
                <a:lnTo>
                  <a:pt x="3631692" y="44348"/>
                </a:lnTo>
                <a:lnTo>
                  <a:pt x="3631692" y="31648"/>
                </a:lnTo>
                <a:close/>
              </a:path>
              <a:path w="3810000" h="83820">
                <a:moveTo>
                  <a:pt x="3720592" y="31724"/>
                </a:moveTo>
                <a:lnTo>
                  <a:pt x="3669792" y="31686"/>
                </a:lnTo>
                <a:lnTo>
                  <a:pt x="3669792" y="44386"/>
                </a:lnTo>
                <a:lnTo>
                  <a:pt x="3720592" y="44424"/>
                </a:lnTo>
                <a:lnTo>
                  <a:pt x="3720592" y="31724"/>
                </a:lnTo>
                <a:close/>
              </a:path>
              <a:path w="3810000" h="83820">
                <a:moveTo>
                  <a:pt x="3809619" y="38163"/>
                </a:moveTo>
                <a:lnTo>
                  <a:pt x="3733419" y="0"/>
                </a:lnTo>
                <a:lnTo>
                  <a:pt x="3733419" y="76200"/>
                </a:lnTo>
                <a:lnTo>
                  <a:pt x="3809619" y="38163"/>
                </a:lnTo>
                <a:close/>
              </a:path>
            </a:pathLst>
          </a:custGeom>
          <a:solidFill>
            <a:srgbClr val="FF0000"/>
          </a:solidFill>
        </p:spPr>
        <p:txBody>
          <a:bodyPr wrap="square" lIns="0" tIns="0" rIns="0" bIns="0" rtlCol="0"/>
          <a:lstStyle/>
          <a:p>
            <a:endParaRPr/>
          </a:p>
        </p:txBody>
      </p:sp>
      <p:sp>
        <p:nvSpPr>
          <p:cNvPr id="21" name="object 21"/>
          <p:cNvSpPr txBox="1"/>
          <p:nvPr/>
        </p:nvSpPr>
        <p:spPr>
          <a:xfrm>
            <a:off x="2352294" y="5519420"/>
            <a:ext cx="695960" cy="186690"/>
          </a:xfrm>
          <a:prstGeom prst="rect">
            <a:avLst/>
          </a:prstGeom>
        </p:spPr>
        <p:txBody>
          <a:bodyPr vert="horz" wrap="square" lIns="0" tIns="13335" rIns="0" bIns="0" rtlCol="0">
            <a:spAutoFit/>
          </a:bodyPr>
          <a:lstStyle/>
          <a:p>
            <a:pPr marL="12700">
              <a:lnSpc>
                <a:spcPct val="100000"/>
              </a:lnSpc>
              <a:spcBef>
                <a:spcPts val="105"/>
              </a:spcBef>
            </a:pPr>
            <a:r>
              <a:rPr sz="1050" spc="-10" dirty="0">
                <a:solidFill>
                  <a:srgbClr val="FF0000"/>
                </a:solidFill>
                <a:latin typeface="Meiryo UI"/>
                <a:cs typeface="Meiryo UI"/>
              </a:rPr>
              <a:t>①業務協定</a:t>
            </a:r>
            <a:endParaRPr sz="1050">
              <a:latin typeface="Meiryo UI"/>
              <a:cs typeface="Meiryo UI"/>
            </a:endParaRPr>
          </a:p>
        </p:txBody>
      </p:sp>
      <p:sp>
        <p:nvSpPr>
          <p:cNvPr id="22" name="object 22"/>
          <p:cNvSpPr txBox="1"/>
          <p:nvPr/>
        </p:nvSpPr>
        <p:spPr>
          <a:xfrm>
            <a:off x="4998846" y="5509056"/>
            <a:ext cx="695960" cy="186690"/>
          </a:xfrm>
          <a:prstGeom prst="rect">
            <a:avLst/>
          </a:prstGeom>
        </p:spPr>
        <p:txBody>
          <a:bodyPr vert="horz" wrap="square" lIns="0" tIns="13335" rIns="0" bIns="0" rtlCol="0">
            <a:spAutoFit/>
          </a:bodyPr>
          <a:lstStyle/>
          <a:p>
            <a:pPr marL="12700">
              <a:lnSpc>
                <a:spcPct val="100000"/>
              </a:lnSpc>
              <a:spcBef>
                <a:spcPts val="105"/>
              </a:spcBef>
            </a:pPr>
            <a:r>
              <a:rPr sz="1050" spc="-10" dirty="0">
                <a:solidFill>
                  <a:srgbClr val="FF0000"/>
                </a:solidFill>
                <a:latin typeface="Meiryo UI"/>
                <a:cs typeface="Meiryo UI"/>
              </a:rPr>
              <a:t>②一括契約</a:t>
            </a:r>
            <a:endParaRPr sz="1050">
              <a:latin typeface="Meiryo UI"/>
              <a:cs typeface="Meiryo UI"/>
            </a:endParaRPr>
          </a:p>
        </p:txBody>
      </p:sp>
      <p:sp>
        <p:nvSpPr>
          <p:cNvPr id="23" name="object 23"/>
          <p:cNvSpPr/>
          <p:nvPr/>
        </p:nvSpPr>
        <p:spPr>
          <a:xfrm>
            <a:off x="2250948" y="5825490"/>
            <a:ext cx="2391410" cy="918210"/>
          </a:xfrm>
          <a:custGeom>
            <a:avLst/>
            <a:gdLst/>
            <a:ahLst/>
            <a:cxnLst/>
            <a:rect l="l" t="t" r="r" b="b"/>
            <a:pathLst>
              <a:path w="2391410" h="918209">
                <a:moveTo>
                  <a:pt x="0" y="249174"/>
                </a:moveTo>
                <a:lnTo>
                  <a:pt x="398525" y="249174"/>
                </a:lnTo>
                <a:lnTo>
                  <a:pt x="553846" y="0"/>
                </a:lnTo>
                <a:lnTo>
                  <a:pt x="996314" y="249174"/>
                </a:lnTo>
                <a:lnTo>
                  <a:pt x="2391155" y="249174"/>
                </a:lnTo>
                <a:lnTo>
                  <a:pt x="2391155" y="360680"/>
                </a:lnTo>
                <a:lnTo>
                  <a:pt x="2391155" y="527939"/>
                </a:lnTo>
                <a:lnTo>
                  <a:pt x="2391155" y="918210"/>
                </a:lnTo>
                <a:lnTo>
                  <a:pt x="996314" y="918210"/>
                </a:lnTo>
                <a:lnTo>
                  <a:pt x="398525" y="918210"/>
                </a:lnTo>
                <a:lnTo>
                  <a:pt x="0" y="918210"/>
                </a:lnTo>
                <a:lnTo>
                  <a:pt x="0" y="527939"/>
                </a:lnTo>
                <a:lnTo>
                  <a:pt x="0" y="360680"/>
                </a:lnTo>
                <a:lnTo>
                  <a:pt x="0" y="249174"/>
                </a:lnTo>
                <a:close/>
              </a:path>
            </a:pathLst>
          </a:custGeom>
          <a:ln w="9144">
            <a:solidFill>
              <a:srgbClr val="FF0000"/>
            </a:solidFill>
          </a:ln>
        </p:spPr>
        <p:txBody>
          <a:bodyPr wrap="square" lIns="0" tIns="0" rIns="0" bIns="0" rtlCol="0"/>
          <a:lstStyle/>
          <a:p>
            <a:endParaRPr/>
          </a:p>
        </p:txBody>
      </p:sp>
      <p:sp>
        <p:nvSpPr>
          <p:cNvPr id="24" name="object 24"/>
          <p:cNvSpPr txBox="1"/>
          <p:nvPr/>
        </p:nvSpPr>
        <p:spPr>
          <a:xfrm>
            <a:off x="2329688" y="6195771"/>
            <a:ext cx="2082800" cy="436880"/>
          </a:xfrm>
          <a:prstGeom prst="rect">
            <a:avLst/>
          </a:prstGeom>
        </p:spPr>
        <p:txBody>
          <a:bodyPr vert="horz" wrap="square" lIns="0" tIns="12700" rIns="0" bIns="0" rtlCol="0">
            <a:spAutoFit/>
          </a:bodyPr>
          <a:lstStyle/>
          <a:p>
            <a:pPr marL="12700">
              <a:lnSpc>
                <a:spcPct val="100000"/>
              </a:lnSpc>
              <a:spcBef>
                <a:spcPts val="100"/>
              </a:spcBef>
            </a:pPr>
            <a:r>
              <a:rPr sz="900" spc="-10" dirty="0">
                <a:latin typeface="ＭＳ ゴシック"/>
                <a:cs typeface="ＭＳ ゴシック"/>
              </a:rPr>
              <a:t>・除雪作業の実施</a:t>
            </a:r>
            <a:endParaRPr sz="900">
              <a:latin typeface="ＭＳ ゴシック"/>
              <a:cs typeface="ＭＳ ゴシック"/>
            </a:endParaRPr>
          </a:p>
          <a:p>
            <a:pPr marL="12700">
              <a:lnSpc>
                <a:spcPct val="100000"/>
              </a:lnSpc>
            </a:pPr>
            <a:r>
              <a:rPr sz="900" spc="-10" dirty="0">
                <a:latin typeface="ＭＳ ゴシック"/>
                <a:cs typeface="ＭＳ ゴシック"/>
              </a:rPr>
              <a:t>・費用の算出</a:t>
            </a:r>
            <a:endParaRPr sz="900">
              <a:latin typeface="ＭＳ ゴシック"/>
              <a:cs typeface="ＭＳ ゴシック"/>
            </a:endParaRPr>
          </a:p>
          <a:p>
            <a:pPr marL="12700">
              <a:lnSpc>
                <a:spcPct val="100000"/>
              </a:lnSpc>
            </a:pPr>
            <a:r>
              <a:rPr sz="900" dirty="0">
                <a:latin typeface="ＭＳ ゴシック"/>
                <a:cs typeface="ＭＳ ゴシック"/>
              </a:rPr>
              <a:t>（除雪機械・昼夜の別に応じた単価）</a:t>
            </a:r>
            <a:r>
              <a:rPr sz="900" spc="-50" dirty="0">
                <a:latin typeface="ＭＳ ゴシック"/>
                <a:cs typeface="ＭＳ ゴシック"/>
              </a:rPr>
              <a:t>等</a:t>
            </a:r>
            <a:endParaRPr sz="900">
              <a:latin typeface="ＭＳ ゴシック"/>
              <a:cs typeface="ＭＳ ゴシック"/>
            </a:endParaRPr>
          </a:p>
        </p:txBody>
      </p:sp>
      <p:sp>
        <p:nvSpPr>
          <p:cNvPr id="25" name="object 25"/>
          <p:cNvSpPr txBox="1"/>
          <p:nvPr/>
        </p:nvSpPr>
        <p:spPr>
          <a:xfrm>
            <a:off x="2045335" y="5866891"/>
            <a:ext cx="711200" cy="162560"/>
          </a:xfrm>
          <a:prstGeom prst="rect">
            <a:avLst/>
          </a:prstGeom>
        </p:spPr>
        <p:txBody>
          <a:bodyPr vert="horz" wrap="square" lIns="0" tIns="12700" rIns="0" bIns="0" rtlCol="0">
            <a:spAutoFit/>
          </a:bodyPr>
          <a:lstStyle/>
          <a:p>
            <a:pPr marL="12700">
              <a:lnSpc>
                <a:spcPct val="100000"/>
              </a:lnSpc>
              <a:spcBef>
                <a:spcPts val="100"/>
              </a:spcBef>
            </a:pPr>
            <a:r>
              <a:rPr sz="900" dirty="0">
                <a:latin typeface="ＭＳ ゴシック"/>
                <a:cs typeface="ＭＳ ゴシック"/>
              </a:rPr>
              <a:t>（協定内容</a:t>
            </a:r>
            <a:r>
              <a:rPr sz="900" spc="-50" dirty="0">
                <a:latin typeface="ＭＳ ゴシック"/>
                <a:cs typeface="ＭＳ ゴシック"/>
              </a:rPr>
              <a:t>）</a:t>
            </a:r>
            <a:endParaRPr sz="900">
              <a:latin typeface="ＭＳ ゴシック"/>
              <a:cs typeface="ＭＳ ゴシック"/>
            </a:endParaRPr>
          </a:p>
        </p:txBody>
      </p:sp>
      <p:sp>
        <p:nvSpPr>
          <p:cNvPr id="26" name="object 26"/>
          <p:cNvSpPr/>
          <p:nvPr/>
        </p:nvSpPr>
        <p:spPr>
          <a:xfrm>
            <a:off x="5012435" y="5814821"/>
            <a:ext cx="2391410" cy="918210"/>
          </a:xfrm>
          <a:custGeom>
            <a:avLst/>
            <a:gdLst/>
            <a:ahLst/>
            <a:cxnLst/>
            <a:rect l="l" t="t" r="r" b="b"/>
            <a:pathLst>
              <a:path w="2391409" h="918209">
                <a:moveTo>
                  <a:pt x="0" y="249173"/>
                </a:moveTo>
                <a:lnTo>
                  <a:pt x="398525" y="249173"/>
                </a:lnTo>
                <a:lnTo>
                  <a:pt x="553847" y="0"/>
                </a:lnTo>
                <a:lnTo>
                  <a:pt x="996314" y="249173"/>
                </a:lnTo>
                <a:lnTo>
                  <a:pt x="2391156" y="249173"/>
                </a:lnTo>
                <a:lnTo>
                  <a:pt x="2391156" y="360679"/>
                </a:lnTo>
                <a:lnTo>
                  <a:pt x="2391156" y="527938"/>
                </a:lnTo>
                <a:lnTo>
                  <a:pt x="2391156" y="918209"/>
                </a:lnTo>
                <a:lnTo>
                  <a:pt x="996314" y="918209"/>
                </a:lnTo>
                <a:lnTo>
                  <a:pt x="398525" y="918209"/>
                </a:lnTo>
                <a:lnTo>
                  <a:pt x="0" y="918209"/>
                </a:lnTo>
                <a:lnTo>
                  <a:pt x="0" y="527938"/>
                </a:lnTo>
                <a:lnTo>
                  <a:pt x="0" y="360679"/>
                </a:lnTo>
                <a:lnTo>
                  <a:pt x="0" y="249173"/>
                </a:lnTo>
                <a:close/>
              </a:path>
            </a:pathLst>
          </a:custGeom>
          <a:ln w="9144">
            <a:solidFill>
              <a:srgbClr val="FF0000"/>
            </a:solidFill>
          </a:ln>
        </p:spPr>
        <p:txBody>
          <a:bodyPr wrap="square" lIns="0" tIns="0" rIns="0" bIns="0" rtlCol="0"/>
          <a:lstStyle/>
          <a:p>
            <a:endParaRPr/>
          </a:p>
        </p:txBody>
      </p:sp>
      <p:sp>
        <p:nvSpPr>
          <p:cNvPr id="27" name="object 27"/>
          <p:cNvSpPr txBox="1"/>
          <p:nvPr/>
        </p:nvSpPr>
        <p:spPr>
          <a:xfrm>
            <a:off x="5091429" y="6116218"/>
            <a:ext cx="1739900" cy="574675"/>
          </a:xfrm>
          <a:prstGeom prst="rect">
            <a:avLst/>
          </a:prstGeom>
        </p:spPr>
        <p:txBody>
          <a:bodyPr vert="horz" wrap="square" lIns="0" tIns="12700" rIns="0" bIns="0" rtlCol="0">
            <a:spAutoFit/>
          </a:bodyPr>
          <a:lstStyle/>
          <a:p>
            <a:pPr marL="12700">
              <a:lnSpc>
                <a:spcPct val="100000"/>
              </a:lnSpc>
              <a:spcBef>
                <a:spcPts val="100"/>
              </a:spcBef>
            </a:pPr>
            <a:r>
              <a:rPr sz="900" spc="-5" dirty="0">
                <a:latin typeface="ＭＳ ゴシック"/>
                <a:cs typeface="ＭＳ ゴシック"/>
              </a:rPr>
              <a:t>・除雪対象となる路線・区間</a:t>
            </a:r>
            <a:endParaRPr sz="900">
              <a:latin typeface="ＭＳ ゴシック"/>
              <a:cs typeface="ＭＳ ゴシック"/>
            </a:endParaRPr>
          </a:p>
          <a:p>
            <a:pPr marL="12700">
              <a:lnSpc>
                <a:spcPct val="100000"/>
              </a:lnSpc>
            </a:pPr>
            <a:r>
              <a:rPr sz="900" spc="-5" dirty="0">
                <a:latin typeface="ＭＳ ゴシック"/>
                <a:cs typeface="ＭＳ ゴシック"/>
              </a:rPr>
              <a:t>・委託料の単価、支払時期・方法</a:t>
            </a:r>
            <a:endParaRPr sz="900">
              <a:latin typeface="ＭＳ ゴシック"/>
              <a:cs typeface="ＭＳ ゴシック"/>
            </a:endParaRPr>
          </a:p>
          <a:p>
            <a:pPr marL="12700">
              <a:lnSpc>
                <a:spcPct val="100000"/>
              </a:lnSpc>
            </a:pPr>
            <a:r>
              <a:rPr sz="900" spc="-5" dirty="0">
                <a:latin typeface="ＭＳ ゴシック"/>
                <a:cs typeface="ＭＳ ゴシック"/>
              </a:rPr>
              <a:t>・除雪機械の無料貸与</a:t>
            </a:r>
            <a:endParaRPr sz="900">
              <a:latin typeface="ＭＳ ゴシック"/>
              <a:cs typeface="ＭＳ ゴシック"/>
            </a:endParaRPr>
          </a:p>
          <a:p>
            <a:pPr marL="12700">
              <a:lnSpc>
                <a:spcPct val="100000"/>
              </a:lnSpc>
            </a:pPr>
            <a:r>
              <a:rPr sz="900" spc="25" dirty="0">
                <a:latin typeface="ＭＳ ゴシック"/>
                <a:cs typeface="ＭＳ ゴシック"/>
              </a:rPr>
              <a:t>・委託者からの解除権 等</a:t>
            </a:r>
            <a:endParaRPr sz="900">
              <a:latin typeface="ＭＳ ゴシック"/>
              <a:cs typeface="ＭＳ ゴシック"/>
            </a:endParaRPr>
          </a:p>
        </p:txBody>
      </p:sp>
      <p:sp>
        <p:nvSpPr>
          <p:cNvPr id="28" name="object 28"/>
          <p:cNvSpPr txBox="1"/>
          <p:nvPr/>
        </p:nvSpPr>
        <p:spPr>
          <a:xfrm>
            <a:off x="4806822" y="5855919"/>
            <a:ext cx="711200" cy="162560"/>
          </a:xfrm>
          <a:prstGeom prst="rect">
            <a:avLst/>
          </a:prstGeom>
        </p:spPr>
        <p:txBody>
          <a:bodyPr vert="horz" wrap="square" lIns="0" tIns="12700" rIns="0" bIns="0" rtlCol="0">
            <a:spAutoFit/>
          </a:bodyPr>
          <a:lstStyle/>
          <a:p>
            <a:pPr marL="12700">
              <a:lnSpc>
                <a:spcPct val="100000"/>
              </a:lnSpc>
              <a:spcBef>
                <a:spcPts val="100"/>
              </a:spcBef>
            </a:pPr>
            <a:r>
              <a:rPr sz="900" dirty="0">
                <a:latin typeface="ＭＳ ゴシック"/>
                <a:cs typeface="ＭＳ ゴシック"/>
              </a:rPr>
              <a:t>（契約内容</a:t>
            </a:r>
            <a:r>
              <a:rPr sz="900" spc="-50" dirty="0">
                <a:latin typeface="ＭＳ ゴシック"/>
                <a:cs typeface="ＭＳ ゴシック"/>
              </a:rPr>
              <a:t>）</a:t>
            </a:r>
            <a:endParaRPr sz="900">
              <a:latin typeface="ＭＳ ゴシック"/>
              <a:cs typeface="ＭＳ ゴシック"/>
            </a:endParaRPr>
          </a:p>
        </p:txBody>
      </p:sp>
      <p:sp>
        <p:nvSpPr>
          <p:cNvPr id="29" name="object 29"/>
          <p:cNvSpPr txBox="1"/>
          <p:nvPr/>
        </p:nvSpPr>
        <p:spPr>
          <a:xfrm>
            <a:off x="7626477" y="6236919"/>
            <a:ext cx="1426845" cy="299720"/>
          </a:xfrm>
          <a:prstGeom prst="rect">
            <a:avLst/>
          </a:prstGeom>
        </p:spPr>
        <p:txBody>
          <a:bodyPr vert="horz" wrap="square" lIns="0" tIns="12700" rIns="0" bIns="0" rtlCol="0">
            <a:spAutoFit/>
          </a:bodyPr>
          <a:lstStyle/>
          <a:p>
            <a:pPr marL="12700" marR="5080">
              <a:lnSpc>
                <a:spcPct val="100000"/>
              </a:lnSpc>
              <a:spcBef>
                <a:spcPts val="100"/>
              </a:spcBef>
            </a:pPr>
            <a:r>
              <a:rPr sz="900" dirty="0">
                <a:latin typeface="Meiryo UI"/>
                <a:cs typeface="Meiryo UI"/>
              </a:rPr>
              <a:t>※出典：第</a:t>
            </a:r>
            <a:r>
              <a:rPr sz="900" spc="-10" dirty="0">
                <a:latin typeface="Meiryo UI"/>
                <a:cs typeface="Meiryo UI"/>
              </a:rPr>
              <a:t>32次地方制度調</a:t>
            </a:r>
            <a:r>
              <a:rPr sz="900" dirty="0">
                <a:latin typeface="Meiryo UI"/>
                <a:cs typeface="Meiryo UI"/>
              </a:rPr>
              <a:t>査会第</a:t>
            </a:r>
            <a:r>
              <a:rPr sz="900" spc="-10" dirty="0">
                <a:latin typeface="Meiryo UI"/>
                <a:cs typeface="Meiryo UI"/>
              </a:rPr>
              <a:t>29回専門小委員会資</a:t>
            </a:r>
            <a:endParaRPr sz="900">
              <a:latin typeface="Meiryo UI"/>
              <a:cs typeface="Meiryo UI"/>
            </a:endParaRPr>
          </a:p>
        </p:txBody>
      </p:sp>
      <p:sp>
        <p:nvSpPr>
          <p:cNvPr id="30" name="object 30"/>
          <p:cNvSpPr txBox="1"/>
          <p:nvPr/>
        </p:nvSpPr>
        <p:spPr>
          <a:xfrm>
            <a:off x="7626477" y="6511543"/>
            <a:ext cx="683895" cy="162560"/>
          </a:xfrm>
          <a:prstGeom prst="rect">
            <a:avLst/>
          </a:prstGeom>
        </p:spPr>
        <p:txBody>
          <a:bodyPr vert="horz" wrap="square" lIns="0" tIns="12700" rIns="0" bIns="0" rtlCol="0">
            <a:spAutoFit/>
          </a:bodyPr>
          <a:lstStyle/>
          <a:p>
            <a:pPr marL="12700">
              <a:lnSpc>
                <a:spcPct val="100000"/>
              </a:lnSpc>
              <a:spcBef>
                <a:spcPts val="100"/>
              </a:spcBef>
            </a:pPr>
            <a:r>
              <a:rPr sz="900" spc="-10" dirty="0">
                <a:latin typeface="Meiryo UI"/>
                <a:cs typeface="Meiryo UI"/>
              </a:rPr>
              <a:t>料を一部加工</a:t>
            </a:r>
            <a:endParaRPr sz="900">
              <a:latin typeface="Meiryo UI"/>
              <a:cs typeface="Meiryo UI"/>
            </a:endParaRPr>
          </a:p>
        </p:txBody>
      </p:sp>
      <p:grpSp>
        <p:nvGrpSpPr>
          <p:cNvPr id="31" name="object 31"/>
          <p:cNvGrpSpPr/>
          <p:nvPr/>
        </p:nvGrpSpPr>
        <p:grpSpPr>
          <a:xfrm>
            <a:off x="588263" y="2424683"/>
            <a:ext cx="2593975" cy="1564005"/>
            <a:chOff x="588263" y="2424683"/>
            <a:chExt cx="2593975" cy="1564005"/>
          </a:xfrm>
        </p:grpSpPr>
        <p:sp>
          <p:nvSpPr>
            <p:cNvPr id="32" name="object 32"/>
            <p:cNvSpPr/>
            <p:nvPr/>
          </p:nvSpPr>
          <p:spPr>
            <a:xfrm>
              <a:off x="598169" y="2567177"/>
              <a:ext cx="2574290" cy="1411605"/>
            </a:xfrm>
            <a:custGeom>
              <a:avLst/>
              <a:gdLst/>
              <a:ahLst/>
              <a:cxnLst/>
              <a:rect l="l" t="t" r="r" b="b"/>
              <a:pathLst>
                <a:path w="2574290" h="1411604">
                  <a:moveTo>
                    <a:pt x="0" y="123698"/>
                  </a:moveTo>
                  <a:lnTo>
                    <a:pt x="9723" y="75545"/>
                  </a:lnTo>
                  <a:lnTo>
                    <a:pt x="36239" y="36226"/>
                  </a:lnTo>
                  <a:lnTo>
                    <a:pt x="75566" y="9719"/>
                  </a:lnTo>
                  <a:lnTo>
                    <a:pt x="123723" y="0"/>
                  </a:lnTo>
                  <a:lnTo>
                    <a:pt x="2450338" y="0"/>
                  </a:lnTo>
                  <a:lnTo>
                    <a:pt x="2498490" y="9719"/>
                  </a:lnTo>
                  <a:lnTo>
                    <a:pt x="2537809" y="36226"/>
                  </a:lnTo>
                  <a:lnTo>
                    <a:pt x="2564316" y="75545"/>
                  </a:lnTo>
                  <a:lnTo>
                    <a:pt x="2574036" y="123698"/>
                  </a:lnTo>
                  <a:lnTo>
                    <a:pt x="2574036" y="1287526"/>
                  </a:lnTo>
                  <a:lnTo>
                    <a:pt x="2564316" y="1335678"/>
                  </a:lnTo>
                  <a:lnTo>
                    <a:pt x="2537809" y="1374997"/>
                  </a:lnTo>
                  <a:lnTo>
                    <a:pt x="2498490" y="1401504"/>
                  </a:lnTo>
                  <a:lnTo>
                    <a:pt x="2450338" y="1411224"/>
                  </a:lnTo>
                  <a:lnTo>
                    <a:pt x="123723" y="1411224"/>
                  </a:lnTo>
                  <a:lnTo>
                    <a:pt x="75566" y="1401504"/>
                  </a:lnTo>
                  <a:lnTo>
                    <a:pt x="36239" y="1374997"/>
                  </a:lnTo>
                  <a:lnTo>
                    <a:pt x="9723" y="1335678"/>
                  </a:lnTo>
                  <a:lnTo>
                    <a:pt x="0" y="1287526"/>
                  </a:lnTo>
                  <a:lnTo>
                    <a:pt x="0" y="123698"/>
                  </a:lnTo>
                  <a:close/>
                </a:path>
              </a:pathLst>
            </a:custGeom>
            <a:ln w="19812">
              <a:solidFill>
                <a:srgbClr val="4F81BC"/>
              </a:solidFill>
            </a:ln>
          </p:spPr>
          <p:txBody>
            <a:bodyPr wrap="square" lIns="0" tIns="0" rIns="0" bIns="0" rtlCol="0"/>
            <a:lstStyle/>
            <a:p>
              <a:endParaRPr/>
            </a:p>
          </p:txBody>
        </p:sp>
        <p:sp>
          <p:nvSpPr>
            <p:cNvPr id="33" name="object 33"/>
            <p:cNvSpPr/>
            <p:nvPr/>
          </p:nvSpPr>
          <p:spPr>
            <a:xfrm>
              <a:off x="982979" y="2720339"/>
              <a:ext cx="1739264" cy="425450"/>
            </a:xfrm>
            <a:custGeom>
              <a:avLst/>
              <a:gdLst/>
              <a:ahLst/>
              <a:cxnLst/>
              <a:rect l="l" t="t" r="r" b="b"/>
              <a:pathLst>
                <a:path w="1739264" h="425450">
                  <a:moveTo>
                    <a:pt x="869442" y="0"/>
                  </a:moveTo>
                  <a:lnTo>
                    <a:pt x="798133" y="704"/>
                  </a:lnTo>
                  <a:lnTo>
                    <a:pt x="728412" y="2780"/>
                  </a:lnTo>
                  <a:lnTo>
                    <a:pt x="660502" y="6175"/>
                  </a:lnTo>
                  <a:lnTo>
                    <a:pt x="594628" y="10832"/>
                  </a:lnTo>
                  <a:lnTo>
                    <a:pt x="531012" y="16698"/>
                  </a:lnTo>
                  <a:lnTo>
                    <a:pt x="469880" y="23718"/>
                  </a:lnTo>
                  <a:lnTo>
                    <a:pt x="411453" y="31837"/>
                  </a:lnTo>
                  <a:lnTo>
                    <a:pt x="355957" y="41001"/>
                  </a:lnTo>
                  <a:lnTo>
                    <a:pt x="303615" y="51155"/>
                  </a:lnTo>
                  <a:lnTo>
                    <a:pt x="254650" y="62245"/>
                  </a:lnTo>
                  <a:lnTo>
                    <a:pt x="209287" y="74216"/>
                  </a:lnTo>
                  <a:lnTo>
                    <a:pt x="167749" y="87014"/>
                  </a:lnTo>
                  <a:lnTo>
                    <a:pt x="130260" y="100583"/>
                  </a:lnTo>
                  <a:lnTo>
                    <a:pt x="68324" y="129819"/>
                  </a:lnTo>
                  <a:lnTo>
                    <a:pt x="25267" y="161488"/>
                  </a:lnTo>
                  <a:lnTo>
                    <a:pt x="2882" y="195153"/>
                  </a:lnTo>
                  <a:lnTo>
                    <a:pt x="0" y="212598"/>
                  </a:lnTo>
                  <a:lnTo>
                    <a:pt x="2882" y="230042"/>
                  </a:lnTo>
                  <a:lnTo>
                    <a:pt x="25267" y="263707"/>
                  </a:lnTo>
                  <a:lnTo>
                    <a:pt x="68324" y="295376"/>
                  </a:lnTo>
                  <a:lnTo>
                    <a:pt x="130260" y="324612"/>
                  </a:lnTo>
                  <a:lnTo>
                    <a:pt x="167749" y="338181"/>
                  </a:lnTo>
                  <a:lnTo>
                    <a:pt x="209287" y="350979"/>
                  </a:lnTo>
                  <a:lnTo>
                    <a:pt x="254650" y="362950"/>
                  </a:lnTo>
                  <a:lnTo>
                    <a:pt x="303615" y="374040"/>
                  </a:lnTo>
                  <a:lnTo>
                    <a:pt x="355957" y="384194"/>
                  </a:lnTo>
                  <a:lnTo>
                    <a:pt x="411453" y="393358"/>
                  </a:lnTo>
                  <a:lnTo>
                    <a:pt x="469880" y="401477"/>
                  </a:lnTo>
                  <a:lnTo>
                    <a:pt x="531012" y="408497"/>
                  </a:lnTo>
                  <a:lnTo>
                    <a:pt x="594628" y="414363"/>
                  </a:lnTo>
                  <a:lnTo>
                    <a:pt x="660502" y="419020"/>
                  </a:lnTo>
                  <a:lnTo>
                    <a:pt x="728412" y="422415"/>
                  </a:lnTo>
                  <a:lnTo>
                    <a:pt x="798133" y="424491"/>
                  </a:lnTo>
                  <a:lnTo>
                    <a:pt x="869442" y="425196"/>
                  </a:lnTo>
                  <a:lnTo>
                    <a:pt x="940750" y="424491"/>
                  </a:lnTo>
                  <a:lnTo>
                    <a:pt x="1010471" y="422415"/>
                  </a:lnTo>
                  <a:lnTo>
                    <a:pt x="1078381" y="419020"/>
                  </a:lnTo>
                  <a:lnTo>
                    <a:pt x="1144255" y="414363"/>
                  </a:lnTo>
                  <a:lnTo>
                    <a:pt x="1207871" y="408497"/>
                  </a:lnTo>
                  <a:lnTo>
                    <a:pt x="1269003" y="401477"/>
                  </a:lnTo>
                  <a:lnTo>
                    <a:pt x="1327430" y="393358"/>
                  </a:lnTo>
                  <a:lnTo>
                    <a:pt x="1382926" y="384194"/>
                  </a:lnTo>
                  <a:lnTo>
                    <a:pt x="1435268" y="374040"/>
                  </a:lnTo>
                  <a:lnTo>
                    <a:pt x="1484233" y="362950"/>
                  </a:lnTo>
                  <a:lnTo>
                    <a:pt x="1529596" y="350979"/>
                  </a:lnTo>
                  <a:lnTo>
                    <a:pt x="1571134" y="338181"/>
                  </a:lnTo>
                  <a:lnTo>
                    <a:pt x="1608623" y="324612"/>
                  </a:lnTo>
                  <a:lnTo>
                    <a:pt x="1670559" y="295376"/>
                  </a:lnTo>
                  <a:lnTo>
                    <a:pt x="1713616" y="263707"/>
                  </a:lnTo>
                  <a:lnTo>
                    <a:pt x="1736001" y="230042"/>
                  </a:lnTo>
                  <a:lnTo>
                    <a:pt x="1738883" y="212598"/>
                  </a:lnTo>
                  <a:lnTo>
                    <a:pt x="1736001" y="195153"/>
                  </a:lnTo>
                  <a:lnTo>
                    <a:pt x="1713616" y="161488"/>
                  </a:lnTo>
                  <a:lnTo>
                    <a:pt x="1670559" y="129819"/>
                  </a:lnTo>
                  <a:lnTo>
                    <a:pt x="1608623" y="100583"/>
                  </a:lnTo>
                  <a:lnTo>
                    <a:pt x="1571134" y="87014"/>
                  </a:lnTo>
                  <a:lnTo>
                    <a:pt x="1529596" y="74216"/>
                  </a:lnTo>
                  <a:lnTo>
                    <a:pt x="1484233" y="62245"/>
                  </a:lnTo>
                  <a:lnTo>
                    <a:pt x="1435268" y="51155"/>
                  </a:lnTo>
                  <a:lnTo>
                    <a:pt x="1382926" y="41001"/>
                  </a:lnTo>
                  <a:lnTo>
                    <a:pt x="1327430" y="31837"/>
                  </a:lnTo>
                  <a:lnTo>
                    <a:pt x="1269003" y="23718"/>
                  </a:lnTo>
                  <a:lnTo>
                    <a:pt x="1207871" y="16698"/>
                  </a:lnTo>
                  <a:lnTo>
                    <a:pt x="1144255" y="10832"/>
                  </a:lnTo>
                  <a:lnTo>
                    <a:pt x="1078381" y="6175"/>
                  </a:lnTo>
                  <a:lnTo>
                    <a:pt x="1010471" y="2780"/>
                  </a:lnTo>
                  <a:lnTo>
                    <a:pt x="940750" y="704"/>
                  </a:lnTo>
                  <a:lnTo>
                    <a:pt x="869442" y="0"/>
                  </a:lnTo>
                  <a:close/>
                </a:path>
              </a:pathLst>
            </a:custGeom>
            <a:solidFill>
              <a:srgbClr val="FDBD9A"/>
            </a:solidFill>
          </p:spPr>
          <p:txBody>
            <a:bodyPr wrap="square" lIns="0" tIns="0" rIns="0" bIns="0" rtlCol="0"/>
            <a:lstStyle/>
            <a:p>
              <a:endParaRPr/>
            </a:p>
          </p:txBody>
        </p:sp>
        <p:sp>
          <p:nvSpPr>
            <p:cNvPr id="34" name="object 34"/>
            <p:cNvSpPr/>
            <p:nvPr/>
          </p:nvSpPr>
          <p:spPr>
            <a:xfrm>
              <a:off x="982979" y="2720339"/>
              <a:ext cx="1739264" cy="425450"/>
            </a:xfrm>
            <a:custGeom>
              <a:avLst/>
              <a:gdLst/>
              <a:ahLst/>
              <a:cxnLst/>
              <a:rect l="l" t="t" r="r" b="b"/>
              <a:pathLst>
                <a:path w="1739264" h="425450">
                  <a:moveTo>
                    <a:pt x="0" y="212598"/>
                  </a:moveTo>
                  <a:lnTo>
                    <a:pt x="25267" y="161488"/>
                  </a:lnTo>
                  <a:lnTo>
                    <a:pt x="68324" y="129819"/>
                  </a:lnTo>
                  <a:lnTo>
                    <a:pt x="130260" y="100583"/>
                  </a:lnTo>
                  <a:lnTo>
                    <a:pt x="167749" y="87014"/>
                  </a:lnTo>
                  <a:lnTo>
                    <a:pt x="209287" y="74216"/>
                  </a:lnTo>
                  <a:lnTo>
                    <a:pt x="254650" y="62245"/>
                  </a:lnTo>
                  <a:lnTo>
                    <a:pt x="303615" y="51155"/>
                  </a:lnTo>
                  <a:lnTo>
                    <a:pt x="355957" y="41001"/>
                  </a:lnTo>
                  <a:lnTo>
                    <a:pt x="411453" y="31837"/>
                  </a:lnTo>
                  <a:lnTo>
                    <a:pt x="469880" y="23718"/>
                  </a:lnTo>
                  <a:lnTo>
                    <a:pt x="531012" y="16698"/>
                  </a:lnTo>
                  <a:lnTo>
                    <a:pt x="594628" y="10832"/>
                  </a:lnTo>
                  <a:lnTo>
                    <a:pt x="660502" y="6175"/>
                  </a:lnTo>
                  <a:lnTo>
                    <a:pt x="728412" y="2780"/>
                  </a:lnTo>
                  <a:lnTo>
                    <a:pt x="798133" y="704"/>
                  </a:lnTo>
                  <a:lnTo>
                    <a:pt x="869442" y="0"/>
                  </a:lnTo>
                  <a:lnTo>
                    <a:pt x="940750" y="704"/>
                  </a:lnTo>
                  <a:lnTo>
                    <a:pt x="1010471" y="2780"/>
                  </a:lnTo>
                  <a:lnTo>
                    <a:pt x="1078381" y="6175"/>
                  </a:lnTo>
                  <a:lnTo>
                    <a:pt x="1144255" y="10832"/>
                  </a:lnTo>
                  <a:lnTo>
                    <a:pt x="1207871" y="16698"/>
                  </a:lnTo>
                  <a:lnTo>
                    <a:pt x="1269003" y="23718"/>
                  </a:lnTo>
                  <a:lnTo>
                    <a:pt x="1327430" y="31837"/>
                  </a:lnTo>
                  <a:lnTo>
                    <a:pt x="1382926" y="41001"/>
                  </a:lnTo>
                  <a:lnTo>
                    <a:pt x="1435268" y="51155"/>
                  </a:lnTo>
                  <a:lnTo>
                    <a:pt x="1484233" y="62245"/>
                  </a:lnTo>
                  <a:lnTo>
                    <a:pt x="1529596" y="74216"/>
                  </a:lnTo>
                  <a:lnTo>
                    <a:pt x="1571134" y="87014"/>
                  </a:lnTo>
                  <a:lnTo>
                    <a:pt x="1608623" y="100583"/>
                  </a:lnTo>
                  <a:lnTo>
                    <a:pt x="1670559" y="129819"/>
                  </a:lnTo>
                  <a:lnTo>
                    <a:pt x="1713616" y="161488"/>
                  </a:lnTo>
                  <a:lnTo>
                    <a:pt x="1736001" y="195153"/>
                  </a:lnTo>
                  <a:lnTo>
                    <a:pt x="1738883" y="212598"/>
                  </a:lnTo>
                  <a:lnTo>
                    <a:pt x="1736001" y="230042"/>
                  </a:lnTo>
                  <a:lnTo>
                    <a:pt x="1713616" y="263707"/>
                  </a:lnTo>
                  <a:lnTo>
                    <a:pt x="1670559" y="295376"/>
                  </a:lnTo>
                  <a:lnTo>
                    <a:pt x="1608623" y="324612"/>
                  </a:lnTo>
                  <a:lnTo>
                    <a:pt x="1571134" y="338181"/>
                  </a:lnTo>
                  <a:lnTo>
                    <a:pt x="1529596" y="350979"/>
                  </a:lnTo>
                  <a:lnTo>
                    <a:pt x="1484233" y="362950"/>
                  </a:lnTo>
                  <a:lnTo>
                    <a:pt x="1435268" y="374040"/>
                  </a:lnTo>
                  <a:lnTo>
                    <a:pt x="1382926" y="384194"/>
                  </a:lnTo>
                  <a:lnTo>
                    <a:pt x="1327430" y="393358"/>
                  </a:lnTo>
                  <a:lnTo>
                    <a:pt x="1269003" y="401477"/>
                  </a:lnTo>
                  <a:lnTo>
                    <a:pt x="1207871" y="408497"/>
                  </a:lnTo>
                  <a:lnTo>
                    <a:pt x="1144255" y="414363"/>
                  </a:lnTo>
                  <a:lnTo>
                    <a:pt x="1078381" y="419020"/>
                  </a:lnTo>
                  <a:lnTo>
                    <a:pt x="1010471" y="422415"/>
                  </a:lnTo>
                  <a:lnTo>
                    <a:pt x="940750" y="424491"/>
                  </a:lnTo>
                  <a:lnTo>
                    <a:pt x="869442" y="425196"/>
                  </a:lnTo>
                  <a:lnTo>
                    <a:pt x="798133" y="424491"/>
                  </a:lnTo>
                  <a:lnTo>
                    <a:pt x="728412" y="422415"/>
                  </a:lnTo>
                  <a:lnTo>
                    <a:pt x="660502" y="419020"/>
                  </a:lnTo>
                  <a:lnTo>
                    <a:pt x="594628" y="414363"/>
                  </a:lnTo>
                  <a:lnTo>
                    <a:pt x="531012" y="408497"/>
                  </a:lnTo>
                  <a:lnTo>
                    <a:pt x="469880" y="401477"/>
                  </a:lnTo>
                  <a:lnTo>
                    <a:pt x="411453" y="393358"/>
                  </a:lnTo>
                  <a:lnTo>
                    <a:pt x="355957" y="384194"/>
                  </a:lnTo>
                  <a:lnTo>
                    <a:pt x="303615" y="374040"/>
                  </a:lnTo>
                  <a:lnTo>
                    <a:pt x="254650" y="362950"/>
                  </a:lnTo>
                  <a:lnTo>
                    <a:pt x="209287" y="350979"/>
                  </a:lnTo>
                  <a:lnTo>
                    <a:pt x="167749" y="338181"/>
                  </a:lnTo>
                  <a:lnTo>
                    <a:pt x="130260" y="324612"/>
                  </a:lnTo>
                  <a:lnTo>
                    <a:pt x="68324" y="295376"/>
                  </a:lnTo>
                  <a:lnTo>
                    <a:pt x="25267" y="263707"/>
                  </a:lnTo>
                  <a:lnTo>
                    <a:pt x="2882" y="230042"/>
                  </a:lnTo>
                  <a:lnTo>
                    <a:pt x="0" y="212598"/>
                  </a:lnTo>
                  <a:close/>
                </a:path>
              </a:pathLst>
            </a:custGeom>
            <a:ln w="12192">
              <a:solidFill>
                <a:srgbClr val="000000"/>
              </a:solidFill>
            </a:ln>
          </p:spPr>
          <p:txBody>
            <a:bodyPr wrap="square" lIns="0" tIns="0" rIns="0" bIns="0" rtlCol="0"/>
            <a:lstStyle/>
            <a:p>
              <a:endParaRPr/>
            </a:p>
          </p:txBody>
        </p:sp>
        <p:sp>
          <p:nvSpPr>
            <p:cNvPr id="35" name="object 35"/>
            <p:cNvSpPr/>
            <p:nvPr/>
          </p:nvSpPr>
          <p:spPr>
            <a:xfrm>
              <a:off x="842772" y="3429000"/>
              <a:ext cx="594360" cy="360045"/>
            </a:xfrm>
            <a:custGeom>
              <a:avLst/>
              <a:gdLst/>
              <a:ahLst/>
              <a:cxnLst/>
              <a:rect l="l" t="t" r="r" b="b"/>
              <a:pathLst>
                <a:path w="594360" h="360045">
                  <a:moveTo>
                    <a:pt x="297180" y="0"/>
                  </a:moveTo>
                  <a:lnTo>
                    <a:pt x="237289" y="3653"/>
                  </a:lnTo>
                  <a:lnTo>
                    <a:pt x="181506" y="14132"/>
                  </a:lnTo>
                  <a:lnTo>
                    <a:pt x="131026" y="30713"/>
                  </a:lnTo>
                  <a:lnTo>
                    <a:pt x="87044" y="52673"/>
                  </a:lnTo>
                  <a:lnTo>
                    <a:pt x="50755" y="79288"/>
                  </a:lnTo>
                  <a:lnTo>
                    <a:pt x="23354" y="109835"/>
                  </a:lnTo>
                  <a:lnTo>
                    <a:pt x="0" y="179831"/>
                  </a:lnTo>
                  <a:lnTo>
                    <a:pt x="6037" y="216073"/>
                  </a:lnTo>
                  <a:lnTo>
                    <a:pt x="50755" y="280375"/>
                  </a:lnTo>
                  <a:lnTo>
                    <a:pt x="87044" y="306990"/>
                  </a:lnTo>
                  <a:lnTo>
                    <a:pt x="131026" y="328950"/>
                  </a:lnTo>
                  <a:lnTo>
                    <a:pt x="181506" y="345531"/>
                  </a:lnTo>
                  <a:lnTo>
                    <a:pt x="237289" y="356010"/>
                  </a:lnTo>
                  <a:lnTo>
                    <a:pt x="297180" y="359663"/>
                  </a:lnTo>
                  <a:lnTo>
                    <a:pt x="357059" y="356010"/>
                  </a:lnTo>
                  <a:lnTo>
                    <a:pt x="412837" y="345531"/>
                  </a:lnTo>
                  <a:lnTo>
                    <a:pt x="463316" y="328950"/>
                  </a:lnTo>
                  <a:lnTo>
                    <a:pt x="507301" y="306990"/>
                  </a:lnTo>
                  <a:lnTo>
                    <a:pt x="543594" y="280375"/>
                  </a:lnTo>
                  <a:lnTo>
                    <a:pt x="570999" y="249828"/>
                  </a:lnTo>
                  <a:lnTo>
                    <a:pt x="594360" y="179831"/>
                  </a:lnTo>
                  <a:lnTo>
                    <a:pt x="588320" y="143590"/>
                  </a:lnTo>
                  <a:lnTo>
                    <a:pt x="543594" y="79288"/>
                  </a:lnTo>
                  <a:lnTo>
                    <a:pt x="507301" y="52673"/>
                  </a:lnTo>
                  <a:lnTo>
                    <a:pt x="463316" y="30713"/>
                  </a:lnTo>
                  <a:lnTo>
                    <a:pt x="412837" y="14132"/>
                  </a:lnTo>
                  <a:lnTo>
                    <a:pt x="357059" y="3653"/>
                  </a:lnTo>
                  <a:lnTo>
                    <a:pt x="297180" y="0"/>
                  </a:lnTo>
                  <a:close/>
                </a:path>
              </a:pathLst>
            </a:custGeom>
            <a:solidFill>
              <a:srgbClr val="FDBD9A"/>
            </a:solidFill>
          </p:spPr>
          <p:txBody>
            <a:bodyPr wrap="square" lIns="0" tIns="0" rIns="0" bIns="0" rtlCol="0"/>
            <a:lstStyle/>
            <a:p>
              <a:endParaRPr/>
            </a:p>
          </p:txBody>
        </p:sp>
        <p:sp>
          <p:nvSpPr>
            <p:cNvPr id="36" name="object 36"/>
            <p:cNvSpPr/>
            <p:nvPr/>
          </p:nvSpPr>
          <p:spPr>
            <a:xfrm>
              <a:off x="842772" y="3429000"/>
              <a:ext cx="594360" cy="360045"/>
            </a:xfrm>
            <a:custGeom>
              <a:avLst/>
              <a:gdLst/>
              <a:ahLst/>
              <a:cxnLst/>
              <a:rect l="l" t="t" r="r" b="b"/>
              <a:pathLst>
                <a:path w="594360" h="360045">
                  <a:moveTo>
                    <a:pt x="0" y="179831"/>
                  </a:moveTo>
                  <a:lnTo>
                    <a:pt x="23354" y="109835"/>
                  </a:lnTo>
                  <a:lnTo>
                    <a:pt x="50755" y="79288"/>
                  </a:lnTo>
                  <a:lnTo>
                    <a:pt x="87044" y="52673"/>
                  </a:lnTo>
                  <a:lnTo>
                    <a:pt x="131026" y="30713"/>
                  </a:lnTo>
                  <a:lnTo>
                    <a:pt x="181506" y="14132"/>
                  </a:lnTo>
                  <a:lnTo>
                    <a:pt x="237289" y="3653"/>
                  </a:lnTo>
                  <a:lnTo>
                    <a:pt x="297180" y="0"/>
                  </a:lnTo>
                  <a:lnTo>
                    <a:pt x="357059" y="3653"/>
                  </a:lnTo>
                  <a:lnTo>
                    <a:pt x="412837" y="14132"/>
                  </a:lnTo>
                  <a:lnTo>
                    <a:pt x="463316" y="30713"/>
                  </a:lnTo>
                  <a:lnTo>
                    <a:pt x="507301" y="52673"/>
                  </a:lnTo>
                  <a:lnTo>
                    <a:pt x="543594" y="79288"/>
                  </a:lnTo>
                  <a:lnTo>
                    <a:pt x="570999" y="109835"/>
                  </a:lnTo>
                  <a:lnTo>
                    <a:pt x="594360" y="179831"/>
                  </a:lnTo>
                  <a:lnTo>
                    <a:pt x="588320" y="216073"/>
                  </a:lnTo>
                  <a:lnTo>
                    <a:pt x="543594" y="280375"/>
                  </a:lnTo>
                  <a:lnTo>
                    <a:pt x="507301" y="306990"/>
                  </a:lnTo>
                  <a:lnTo>
                    <a:pt x="463316" y="328950"/>
                  </a:lnTo>
                  <a:lnTo>
                    <a:pt x="412837" y="345531"/>
                  </a:lnTo>
                  <a:lnTo>
                    <a:pt x="357059" y="356010"/>
                  </a:lnTo>
                  <a:lnTo>
                    <a:pt x="297180" y="359663"/>
                  </a:lnTo>
                  <a:lnTo>
                    <a:pt x="237289" y="356010"/>
                  </a:lnTo>
                  <a:lnTo>
                    <a:pt x="181506" y="345531"/>
                  </a:lnTo>
                  <a:lnTo>
                    <a:pt x="131026" y="328950"/>
                  </a:lnTo>
                  <a:lnTo>
                    <a:pt x="87044" y="306990"/>
                  </a:lnTo>
                  <a:lnTo>
                    <a:pt x="50755" y="280375"/>
                  </a:lnTo>
                  <a:lnTo>
                    <a:pt x="23354" y="249828"/>
                  </a:lnTo>
                  <a:lnTo>
                    <a:pt x="0" y="179831"/>
                  </a:lnTo>
                  <a:close/>
                </a:path>
              </a:pathLst>
            </a:custGeom>
            <a:ln w="12191">
              <a:solidFill>
                <a:srgbClr val="000000"/>
              </a:solidFill>
            </a:ln>
          </p:spPr>
          <p:txBody>
            <a:bodyPr wrap="square" lIns="0" tIns="0" rIns="0" bIns="0" rtlCol="0"/>
            <a:lstStyle/>
            <a:p>
              <a:endParaRPr/>
            </a:p>
          </p:txBody>
        </p:sp>
        <p:sp>
          <p:nvSpPr>
            <p:cNvPr id="37" name="object 37"/>
            <p:cNvSpPr/>
            <p:nvPr/>
          </p:nvSpPr>
          <p:spPr>
            <a:xfrm>
              <a:off x="1554480" y="3429000"/>
              <a:ext cx="596265" cy="360045"/>
            </a:xfrm>
            <a:custGeom>
              <a:avLst/>
              <a:gdLst/>
              <a:ahLst/>
              <a:cxnLst/>
              <a:rect l="l" t="t" r="r" b="b"/>
              <a:pathLst>
                <a:path w="596264" h="360045">
                  <a:moveTo>
                    <a:pt x="297942" y="0"/>
                  </a:moveTo>
                  <a:lnTo>
                    <a:pt x="237883" y="3653"/>
                  </a:lnTo>
                  <a:lnTo>
                    <a:pt x="181951" y="14132"/>
                  </a:lnTo>
                  <a:lnTo>
                    <a:pt x="131340" y="30713"/>
                  </a:lnTo>
                  <a:lnTo>
                    <a:pt x="87249" y="52673"/>
                  </a:lnTo>
                  <a:lnTo>
                    <a:pt x="50872" y="79288"/>
                  </a:lnTo>
                  <a:lnTo>
                    <a:pt x="23407" y="109835"/>
                  </a:lnTo>
                  <a:lnTo>
                    <a:pt x="0" y="179831"/>
                  </a:lnTo>
                  <a:lnTo>
                    <a:pt x="6051" y="216073"/>
                  </a:lnTo>
                  <a:lnTo>
                    <a:pt x="50872" y="280375"/>
                  </a:lnTo>
                  <a:lnTo>
                    <a:pt x="87249" y="306990"/>
                  </a:lnTo>
                  <a:lnTo>
                    <a:pt x="131340" y="328950"/>
                  </a:lnTo>
                  <a:lnTo>
                    <a:pt x="181951" y="345531"/>
                  </a:lnTo>
                  <a:lnTo>
                    <a:pt x="237883" y="356010"/>
                  </a:lnTo>
                  <a:lnTo>
                    <a:pt x="297942" y="359663"/>
                  </a:lnTo>
                  <a:lnTo>
                    <a:pt x="358000" y="356010"/>
                  </a:lnTo>
                  <a:lnTo>
                    <a:pt x="413932" y="345531"/>
                  </a:lnTo>
                  <a:lnTo>
                    <a:pt x="464543" y="328950"/>
                  </a:lnTo>
                  <a:lnTo>
                    <a:pt x="508634" y="306990"/>
                  </a:lnTo>
                  <a:lnTo>
                    <a:pt x="545011" y="280375"/>
                  </a:lnTo>
                  <a:lnTo>
                    <a:pt x="572476" y="249828"/>
                  </a:lnTo>
                  <a:lnTo>
                    <a:pt x="595883" y="179831"/>
                  </a:lnTo>
                  <a:lnTo>
                    <a:pt x="589832" y="143590"/>
                  </a:lnTo>
                  <a:lnTo>
                    <a:pt x="545011" y="79288"/>
                  </a:lnTo>
                  <a:lnTo>
                    <a:pt x="508634" y="52673"/>
                  </a:lnTo>
                  <a:lnTo>
                    <a:pt x="464543" y="30713"/>
                  </a:lnTo>
                  <a:lnTo>
                    <a:pt x="413932" y="14132"/>
                  </a:lnTo>
                  <a:lnTo>
                    <a:pt x="358000" y="3653"/>
                  </a:lnTo>
                  <a:lnTo>
                    <a:pt x="297942" y="0"/>
                  </a:lnTo>
                  <a:close/>
                </a:path>
              </a:pathLst>
            </a:custGeom>
            <a:solidFill>
              <a:srgbClr val="FDBD9A"/>
            </a:solidFill>
          </p:spPr>
          <p:txBody>
            <a:bodyPr wrap="square" lIns="0" tIns="0" rIns="0" bIns="0" rtlCol="0"/>
            <a:lstStyle/>
            <a:p>
              <a:endParaRPr/>
            </a:p>
          </p:txBody>
        </p:sp>
        <p:sp>
          <p:nvSpPr>
            <p:cNvPr id="38" name="object 38"/>
            <p:cNvSpPr/>
            <p:nvPr/>
          </p:nvSpPr>
          <p:spPr>
            <a:xfrm>
              <a:off x="1554480" y="3429000"/>
              <a:ext cx="596265" cy="360045"/>
            </a:xfrm>
            <a:custGeom>
              <a:avLst/>
              <a:gdLst/>
              <a:ahLst/>
              <a:cxnLst/>
              <a:rect l="l" t="t" r="r" b="b"/>
              <a:pathLst>
                <a:path w="596264" h="360045">
                  <a:moveTo>
                    <a:pt x="0" y="179831"/>
                  </a:moveTo>
                  <a:lnTo>
                    <a:pt x="23407" y="109835"/>
                  </a:lnTo>
                  <a:lnTo>
                    <a:pt x="50872" y="79288"/>
                  </a:lnTo>
                  <a:lnTo>
                    <a:pt x="87249" y="52673"/>
                  </a:lnTo>
                  <a:lnTo>
                    <a:pt x="131340" y="30713"/>
                  </a:lnTo>
                  <a:lnTo>
                    <a:pt x="181951" y="14132"/>
                  </a:lnTo>
                  <a:lnTo>
                    <a:pt x="237883" y="3653"/>
                  </a:lnTo>
                  <a:lnTo>
                    <a:pt x="297942" y="0"/>
                  </a:lnTo>
                  <a:lnTo>
                    <a:pt x="358000" y="3653"/>
                  </a:lnTo>
                  <a:lnTo>
                    <a:pt x="413932" y="14132"/>
                  </a:lnTo>
                  <a:lnTo>
                    <a:pt x="464543" y="30713"/>
                  </a:lnTo>
                  <a:lnTo>
                    <a:pt x="508634" y="52673"/>
                  </a:lnTo>
                  <a:lnTo>
                    <a:pt x="545011" y="79288"/>
                  </a:lnTo>
                  <a:lnTo>
                    <a:pt x="572476" y="109835"/>
                  </a:lnTo>
                  <a:lnTo>
                    <a:pt x="595883" y="179831"/>
                  </a:lnTo>
                  <a:lnTo>
                    <a:pt x="589832" y="216073"/>
                  </a:lnTo>
                  <a:lnTo>
                    <a:pt x="545011" y="280375"/>
                  </a:lnTo>
                  <a:lnTo>
                    <a:pt x="508634" y="306990"/>
                  </a:lnTo>
                  <a:lnTo>
                    <a:pt x="464543" y="328950"/>
                  </a:lnTo>
                  <a:lnTo>
                    <a:pt x="413932" y="345531"/>
                  </a:lnTo>
                  <a:lnTo>
                    <a:pt x="358000" y="356010"/>
                  </a:lnTo>
                  <a:lnTo>
                    <a:pt x="297942" y="359663"/>
                  </a:lnTo>
                  <a:lnTo>
                    <a:pt x="237883" y="356010"/>
                  </a:lnTo>
                  <a:lnTo>
                    <a:pt x="181951" y="345531"/>
                  </a:lnTo>
                  <a:lnTo>
                    <a:pt x="131340" y="328950"/>
                  </a:lnTo>
                  <a:lnTo>
                    <a:pt x="87249" y="306990"/>
                  </a:lnTo>
                  <a:lnTo>
                    <a:pt x="50872" y="280375"/>
                  </a:lnTo>
                  <a:lnTo>
                    <a:pt x="23407" y="249828"/>
                  </a:lnTo>
                  <a:lnTo>
                    <a:pt x="0" y="179831"/>
                  </a:lnTo>
                  <a:close/>
                </a:path>
              </a:pathLst>
            </a:custGeom>
            <a:ln w="12192">
              <a:solidFill>
                <a:srgbClr val="000000"/>
              </a:solidFill>
            </a:ln>
          </p:spPr>
          <p:txBody>
            <a:bodyPr wrap="square" lIns="0" tIns="0" rIns="0" bIns="0" rtlCol="0"/>
            <a:lstStyle/>
            <a:p>
              <a:endParaRPr/>
            </a:p>
          </p:txBody>
        </p:sp>
        <p:sp>
          <p:nvSpPr>
            <p:cNvPr id="39" name="object 39"/>
            <p:cNvSpPr/>
            <p:nvPr/>
          </p:nvSpPr>
          <p:spPr>
            <a:xfrm>
              <a:off x="2270759" y="3433572"/>
              <a:ext cx="596265" cy="360045"/>
            </a:xfrm>
            <a:custGeom>
              <a:avLst/>
              <a:gdLst/>
              <a:ahLst/>
              <a:cxnLst/>
              <a:rect l="l" t="t" r="r" b="b"/>
              <a:pathLst>
                <a:path w="596264" h="360045">
                  <a:moveTo>
                    <a:pt x="297941" y="0"/>
                  </a:moveTo>
                  <a:lnTo>
                    <a:pt x="237883" y="3653"/>
                  </a:lnTo>
                  <a:lnTo>
                    <a:pt x="181951" y="14132"/>
                  </a:lnTo>
                  <a:lnTo>
                    <a:pt x="131340" y="30713"/>
                  </a:lnTo>
                  <a:lnTo>
                    <a:pt x="87249" y="52673"/>
                  </a:lnTo>
                  <a:lnTo>
                    <a:pt x="50872" y="79288"/>
                  </a:lnTo>
                  <a:lnTo>
                    <a:pt x="23407" y="109835"/>
                  </a:lnTo>
                  <a:lnTo>
                    <a:pt x="0" y="179831"/>
                  </a:lnTo>
                  <a:lnTo>
                    <a:pt x="6051" y="216073"/>
                  </a:lnTo>
                  <a:lnTo>
                    <a:pt x="50872" y="280375"/>
                  </a:lnTo>
                  <a:lnTo>
                    <a:pt x="87249" y="306990"/>
                  </a:lnTo>
                  <a:lnTo>
                    <a:pt x="131340" y="328950"/>
                  </a:lnTo>
                  <a:lnTo>
                    <a:pt x="181951" y="345531"/>
                  </a:lnTo>
                  <a:lnTo>
                    <a:pt x="237883" y="356010"/>
                  </a:lnTo>
                  <a:lnTo>
                    <a:pt x="297941" y="359663"/>
                  </a:lnTo>
                  <a:lnTo>
                    <a:pt x="358000" y="356010"/>
                  </a:lnTo>
                  <a:lnTo>
                    <a:pt x="413932" y="345531"/>
                  </a:lnTo>
                  <a:lnTo>
                    <a:pt x="464543" y="328950"/>
                  </a:lnTo>
                  <a:lnTo>
                    <a:pt x="508634" y="306990"/>
                  </a:lnTo>
                  <a:lnTo>
                    <a:pt x="545011" y="280375"/>
                  </a:lnTo>
                  <a:lnTo>
                    <a:pt x="572476" y="249828"/>
                  </a:lnTo>
                  <a:lnTo>
                    <a:pt x="595883" y="179831"/>
                  </a:lnTo>
                  <a:lnTo>
                    <a:pt x="589832" y="143590"/>
                  </a:lnTo>
                  <a:lnTo>
                    <a:pt x="545011" y="79288"/>
                  </a:lnTo>
                  <a:lnTo>
                    <a:pt x="508634" y="52673"/>
                  </a:lnTo>
                  <a:lnTo>
                    <a:pt x="464543" y="30713"/>
                  </a:lnTo>
                  <a:lnTo>
                    <a:pt x="413932" y="14132"/>
                  </a:lnTo>
                  <a:lnTo>
                    <a:pt x="358000" y="3653"/>
                  </a:lnTo>
                  <a:lnTo>
                    <a:pt x="297941" y="0"/>
                  </a:lnTo>
                  <a:close/>
                </a:path>
              </a:pathLst>
            </a:custGeom>
            <a:solidFill>
              <a:srgbClr val="FDBD9A"/>
            </a:solidFill>
          </p:spPr>
          <p:txBody>
            <a:bodyPr wrap="square" lIns="0" tIns="0" rIns="0" bIns="0" rtlCol="0"/>
            <a:lstStyle/>
            <a:p>
              <a:endParaRPr/>
            </a:p>
          </p:txBody>
        </p:sp>
        <p:sp>
          <p:nvSpPr>
            <p:cNvPr id="40" name="object 40"/>
            <p:cNvSpPr/>
            <p:nvPr/>
          </p:nvSpPr>
          <p:spPr>
            <a:xfrm>
              <a:off x="2270759" y="3433572"/>
              <a:ext cx="596265" cy="360045"/>
            </a:xfrm>
            <a:custGeom>
              <a:avLst/>
              <a:gdLst/>
              <a:ahLst/>
              <a:cxnLst/>
              <a:rect l="l" t="t" r="r" b="b"/>
              <a:pathLst>
                <a:path w="596264" h="360045">
                  <a:moveTo>
                    <a:pt x="0" y="179831"/>
                  </a:moveTo>
                  <a:lnTo>
                    <a:pt x="23407" y="109835"/>
                  </a:lnTo>
                  <a:lnTo>
                    <a:pt x="50872" y="79288"/>
                  </a:lnTo>
                  <a:lnTo>
                    <a:pt x="87249" y="52673"/>
                  </a:lnTo>
                  <a:lnTo>
                    <a:pt x="131340" y="30713"/>
                  </a:lnTo>
                  <a:lnTo>
                    <a:pt x="181951" y="14132"/>
                  </a:lnTo>
                  <a:lnTo>
                    <a:pt x="237883" y="3653"/>
                  </a:lnTo>
                  <a:lnTo>
                    <a:pt x="297941" y="0"/>
                  </a:lnTo>
                  <a:lnTo>
                    <a:pt x="358000" y="3653"/>
                  </a:lnTo>
                  <a:lnTo>
                    <a:pt x="413932" y="14132"/>
                  </a:lnTo>
                  <a:lnTo>
                    <a:pt x="464543" y="30713"/>
                  </a:lnTo>
                  <a:lnTo>
                    <a:pt x="508634" y="52673"/>
                  </a:lnTo>
                  <a:lnTo>
                    <a:pt x="545011" y="79288"/>
                  </a:lnTo>
                  <a:lnTo>
                    <a:pt x="572476" y="109835"/>
                  </a:lnTo>
                  <a:lnTo>
                    <a:pt x="595883" y="179831"/>
                  </a:lnTo>
                  <a:lnTo>
                    <a:pt x="589832" y="216073"/>
                  </a:lnTo>
                  <a:lnTo>
                    <a:pt x="545011" y="280375"/>
                  </a:lnTo>
                  <a:lnTo>
                    <a:pt x="508634" y="306990"/>
                  </a:lnTo>
                  <a:lnTo>
                    <a:pt x="464543" y="328950"/>
                  </a:lnTo>
                  <a:lnTo>
                    <a:pt x="413932" y="345531"/>
                  </a:lnTo>
                  <a:lnTo>
                    <a:pt x="358000" y="356010"/>
                  </a:lnTo>
                  <a:lnTo>
                    <a:pt x="297941" y="359663"/>
                  </a:lnTo>
                  <a:lnTo>
                    <a:pt x="237883" y="356010"/>
                  </a:lnTo>
                  <a:lnTo>
                    <a:pt x="181951" y="345531"/>
                  </a:lnTo>
                  <a:lnTo>
                    <a:pt x="131340" y="328950"/>
                  </a:lnTo>
                  <a:lnTo>
                    <a:pt x="87249" y="306990"/>
                  </a:lnTo>
                  <a:lnTo>
                    <a:pt x="50872" y="280375"/>
                  </a:lnTo>
                  <a:lnTo>
                    <a:pt x="23407" y="249828"/>
                  </a:lnTo>
                  <a:lnTo>
                    <a:pt x="0" y="179831"/>
                  </a:lnTo>
                  <a:close/>
                </a:path>
              </a:pathLst>
            </a:custGeom>
            <a:ln w="12192">
              <a:solidFill>
                <a:srgbClr val="000000"/>
              </a:solidFill>
            </a:ln>
          </p:spPr>
          <p:txBody>
            <a:bodyPr wrap="square" lIns="0" tIns="0" rIns="0" bIns="0" rtlCol="0"/>
            <a:lstStyle/>
            <a:p>
              <a:endParaRPr/>
            </a:p>
          </p:txBody>
        </p:sp>
        <p:pic>
          <p:nvPicPr>
            <p:cNvPr id="41" name="object 41"/>
            <p:cNvPicPr/>
            <p:nvPr/>
          </p:nvPicPr>
          <p:blipFill>
            <a:blip r:embed="rId2" cstate="print"/>
            <a:stretch>
              <a:fillRect/>
            </a:stretch>
          </p:blipFill>
          <p:spPr>
            <a:xfrm>
              <a:off x="1143469" y="3152711"/>
              <a:ext cx="159867" cy="203326"/>
            </a:xfrm>
            <a:prstGeom prst="rect">
              <a:avLst/>
            </a:prstGeom>
          </p:spPr>
        </p:pic>
        <p:pic>
          <p:nvPicPr>
            <p:cNvPr id="42" name="object 42"/>
            <p:cNvPicPr/>
            <p:nvPr/>
          </p:nvPicPr>
          <p:blipFill>
            <a:blip r:embed="rId3" cstate="print"/>
            <a:stretch>
              <a:fillRect/>
            </a:stretch>
          </p:blipFill>
          <p:spPr>
            <a:xfrm>
              <a:off x="2420556" y="3152838"/>
              <a:ext cx="157225" cy="204597"/>
            </a:xfrm>
            <a:prstGeom prst="rect">
              <a:avLst/>
            </a:prstGeom>
          </p:spPr>
        </p:pic>
        <p:pic>
          <p:nvPicPr>
            <p:cNvPr id="43" name="object 43"/>
            <p:cNvPicPr/>
            <p:nvPr/>
          </p:nvPicPr>
          <p:blipFill>
            <a:blip r:embed="rId4" cstate="print"/>
            <a:stretch>
              <a:fillRect/>
            </a:stretch>
          </p:blipFill>
          <p:spPr>
            <a:xfrm>
              <a:off x="1781555" y="3186683"/>
              <a:ext cx="163068" cy="201168"/>
            </a:xfrm>
            <a:prstGeom prst="rect">
              <a:avLst/>
            </a:prstGeom>
          </p:spPr>
        </p:pic>
        <p:sp>
          <p:nvSpPr>
            <p:cNvPr id="44" name="object 44"/>
            <p:cNvSpPr/>
            <p:nvPr/>
          </p:nvSpPr>
          <p:spPr>
            <a:xfrm>
              <a:off x="726185" y="3384041"/>
              <a:ext cx="2254250" cy="495300"/>
            </a:xfrm>
            <a:custGeom>
              <a:avLst/>
              <a:gdLst/>
              <a:ahLst/>
              <a:cxnLst/>
              <a:rect l="l" t="t" r="r" b="b"/>
              <a:pathLst>
                <a:path w="2254250" h="495300">
                  <a:moveTo>
                    <a:pt x="0" y="82550"/>
                  </a:moveTo>
                  <a:lnTo>
                    <a:pt x="6486" y="50417"/>
                  </a:lnTo>
                  <a:lnTo>
                    <a:pt x="24177" y="24177"/>
                  </a:lnTo>
                  <a:lnTo>
                    <a:pt x="50417" y="6486"/>
                  </a:lnTo>
                  <a:lnTo>
                    <a:pt x="82550" y="0"/>
                  </a:lnTo>
                  <a:lnTo>
                    <a:pt x="2171446" y="0"/>
                  </a:lnTo>
                  <a:lnTo>
                    <a:pt x="2203578" y="6486"/>
                  </a:lnTo>
                  <a:lnTo>
                    <a:pt x="2229818" y="24177"/>
                  </a:lnTo>
                  <a:lnTo>
                    <a:pt x="2247509" y="50417"/>
                  </a:lnTo>
                  <a:lnTo>
                    <a:pt x="2253996" y="82550"/>
                  </a:lnTo>
                  <a:lnTo>
                    <a:pt x="2253996" y="412750"/>
                  </a:lnTo>
                  <a:lnTo>
                    <a:pt x="2247509" y="444882"/>
                  </a:lnTo>
                  <a:lnTo>
                    <a:pt x="2229818" y="471122"/>
                  </a:lnTo>
                  <a:lnTo>
                    <a:pt x="2203578" y="488813"/>
                  </a:lnTo>
                  <a:lnTo>
                    <a:pt x="2171446" y="495300"/>
                  </a:lnTo>
                  <a:lnTo>
                    <a:pt x="82550" y="495300"/>
                  </a:lnTo>
                  <a:lnTo>
                    <a:pt x="50417" y="488813"/>
                  </a:lnTo>
                  <a:lnTo>
                    <a:pt x="24177" y="471122"/>
                  </a:lnTo>
                  <a:lnTo>
                    <a:pt x="6486" y="444882"/>
                  </a:lnTo>
                  <a:lnTo>
                    <a:pt x="0" y="412750"/>
                  </a:lnTo>
                  <a:lnTo>
                    <a:pt x="0" y="82550"/>
                  </a:lnTo>
                  <a:close/>
                </a:path>
              </a:pathLst>
            </a:custGeom>
            <a:ln w="50292">
              <a:solidFill>
                <a:srgbClr val="FF0000"/>
              </a:solidFill>
              <a:prstDash val="sysDot"/>
            </a:ln>
          </p:spPr>
          <p:txBody>
            <a:bodyPr wrap="square" lIns="0" tIns="0" rIns="0" bIns="0" rtlCol="0"/>
            <a:lstStyle/>
            <a:p>
              <a:endParaRPr/>
            </a:p>
          </p:txBody>
        </p:sp>
        <p:sp>
          <p:nvSpPr>
            <p:cNvPr id="45" name="object 45"/>
            <p:cNvSpPr/>
            <p:nvPr/>
          </p:nvSpPr>
          <p:spPr>
            <a:xfrm>
              <a:off x="662177" y="2434589"/>
              <a:ext cx="832485" cy="264160"/>
            </a:xfrm>
            <a:custGeom>
              <a:avLst/>
              <a:gdLst/>
              <a:ahLst/>
              <a:cxnLst/>
              <a:rect l="l" t="t" r="r" b="b"/>
              <a:pathLst>
                <a:path w="832485" h="264160">
                  <a:moveTo>
                    <a:pt x="788162" y="0"/>
                  </a:moveTo>
                  <a:lnTo>
                    <a:pt x="43942" y="0"/>
                  </a:lnTo>
                  <a:lnTo>
                    <a:pt x="26837" y="3454"/>
                  </a:lnTo>
                  <a:lnTo>
                    <a:pt x="12869" y="12874"/>
                  </a:lnTo>
                  <a:lnTo>
                    <a:pt x="3453" y="26842"/>
                  </a:lnTo>
                  <a:lnTo>
                    <a:pt x="0" y="43942"/>
                  </a:lnTo>
                  <a:lnTo>
                    <a:pt x="0" y="219710"/>
                  </a:lnTo>
                  <a:lnTo>
                    <a:pt x="3453" y="236809"/>
                  </a:lnTo>
                  <a:lnTo>
                    <a:pt x="12869" y="250777"/>
                  </a:lnTo>
                  <a:lnTo>
                    <a:pt x="26837" y="260197"/>
                  </a:lnTo>
                  <a:lnTo>
                    <a:pt x="43942" y="263651"/>
                  </a:lnTo>
                  <a:lnTo>
                    <a:pt x="788162" y="263651"/>
                  </a:lnTo>
                  <a:lnTo>
                    <a:pt x="805261" y="260197"/>
                  </a:lnTo>
                  <a:lnTo>
                    <a:pt x="819229" y="250777"/>
                  </a:lnTo>
                  <a:lnTo>
                    <a:pt x="828649" y="236809"/>
                  </a:lnTo>
                  <a:lnTo>
                    <a:pt x="832104" y="219710"/>
                  </a:lnTo>
                  <a:lnTo>
                    <a:pt x="832104" y="43942"/>
                  </a:lnTo>
                  <a:lnTo>
                    <a:pt x="828649" y="26842"/>
                  </a:lnTo>
                  <a:lnTo>
                    <a:pt x="819229" y="12874"/>
                  </a:lnTo>
                  <a:lnTo>
                    <a:pt x="805261" y="3454"/>
                  </a:lnTo>
                  <a:lnTo>
                    <a:pt x="788162" y="0"/>
                  </a:lnTo>
                  <a:close/>
                </a:path>
              </a:pathLst>
            </a:custGeom>
            <a:solidFill>
              <a:srgbClr val="CCFFFF"/>
            </a:solidFill>
          </p:spPr>
          <p:txBody>
            <a:bodyPr wrap="square" lIns="0" tIns="0" rIns="0" bIns="0" rtlCol="0"/>
            <a:lstStyle/>
            <a:p>
              <a:endParaRPr/>
            </a:p>
          </p:txBody>
        </p:sp>
        <p:sp>
          <p:nvSpPr>
            <p:cNvPr id="46" name="object 46"/>
            <p:cNvSpPr/>
            <p:nvPr/>
          </p:nvSpPr>
          <p:spPr>
            <a:xfrm>
              <a:off x="662177" y="2434589"/>
              <a:ext cx="832485" cy="264160"/>
            </a:xfrm>
            <a:custGeom>
              <a:avLst/>
              <a:gdLst/>
              <a:ahLst/>
              <a:cxnLst/>
              <a:rect l="l" t="t" r="r" b="b"/>
              <a:pathLst>
                <a:path w="832485" h="264160">
                  <a:moveTo>
                    <a:pt x="0" y="43942"/>
                  </a:moveTo>
                  <a:lnTo>
                    <a:pt x="3453" y="26842"/>
                  </a:lnTo>
                  <a:lnTo>
                    <a:pt x="12869" y="12874"/>
                  </a:lnTo>
                  <a:lnTo>
                    <a:pt x="26837" y="3454"/>
                  </a:lnTo>
                  <a:lnTo>
                    <a:pt x="43942" y="0"/>
                  </a:lnTo>
                  <a:lnTo>
                    <a:pt x="788162" y="0"/>
                  </a:lnTo>
                  <a:lnTo>
                    <a:pt x="805261" y="3454"/>
                  </a:lnTo>
                  <a:lnTo>
                    <a:pt x="819229" y="12874"/>
                  </a:lnTo>
                  <a:lnTo>
                    <a:pt x="828649" y="26842"/>
                  </a:lnTo>
                  <a:lnTo>
                    <a:pt x="832104" y="43942"/>
                  </a:lnTo>
                  <a:lnTo>
                    <a:pt x="832104" y="219710"/>
                  </a:lnTo>
                  <a:lnTo>
                    <a:pt x="828649" y="236809"/>
                  </a:lnTo>
                  <a:lnTo>
                    <a:pt x="819229" y="250777"/>
                  </a:lnTo>
                  <a:lnTo>
                    <a:pt x="805261" y="260197"/>
                  </a:lnTo>
                  <a:lnTo>
                    <a:pt x="788162" y="263651"/>
                  </a:lnTo>
                  <a:lnTo>
                    <a:pt x="43942" y="263651"/>
                  </a:lnTo>
                  <a:lnTo>
                    <a:pt x="26837" y="260197"/>
                  </a:lnTo>
                  <a:lnTo>
                    <a:pt x="12869" y="250777"/>
                  </a:lnTo>
                  <a:lnTo>
                    <a:pt x="3453" y="236809"/>
                  </a:lnTo>
                  <a:lnTo>
                    <a:pt x="0" y="219710"/>
                  </a:lnTo>
                  <a:lnTo>
                    <a:pt x="0" y="43942"/>
                  </a:lnTo>
                  <a:close/>
                </a:path>
              </a:pathLst>
            </a:custGeom>
            <a:ln w="19812">
              <a:solidFill>
                <a:srgbClr val="385D89"/>
              </a:solidFill>
            </a:ln>
          </p:spPr>
          <p:txBody>
            <a:bodyPr wrap="square" lIns="0" tIns="0" rIns="0" bIns="0" rtlCol="0"/>
            <a:lstStyle/>
            <a:p>
              <a:endParaRPr/>
            </a:p>
          </p:txBody>
        </p:sp>
      </p:grpSp>
      <p:grpSp>
        <p:nvGrpSpPr>
          <p:cNvPr id="47" name="object 47"/>
          <p:cNvGrpSpPr/>
          <p:nvPr/>
        </p:nvGrpSpPr>
        <p:grpSpPr>
          <a:xfrm>
            <a:off x="3304032" y="2424683"/>
            <a:ext cx="2595880" cy="1564005"/>
            <a:chOff x="3304032" y="2424683"/>
            <a:chExt cx="2595880" cy="1564005"/>
          </a:xfrm>
        </p:grpSpPr>
        <p:sp>
          <p:nvSpPr>
            <p:cNvPr id="48" name="object 48"/>
            <p:cNvSpPr/>
            <p:nvPr/>
          </p:nvSpPr>
          <p:spPr>
            <a:xfrm>
              <a:off x="3313938" y="2567177"/>
              <a:ext cx="2575560" cy="1411605"/>
            </a:xfrm>
            <a:custGeom>
              <a:avLst/>
              <a:gdLst/>
              <a:ahLst/>
              <a:cxnLst/>
              <a:rect l="l" t="t" r="r" b="b"/>
              <a:pathLst>
                <a:path w="2575560" h="1411604">
                  <a:moveTo>
                    <a:pt x="0" y="123698"/>
                  </a:moveTo>
                  <a:lnTo>
                    <a:pt x="9719" y="75545"/>
                  </a:lnTo>
                  <a:lnTo>
                    <a:pt x="36226" y="36226"/>
                  </a:lnTo>
                  <a:lnTo>
                    <a:pt x="75545" y="9719"/>
                  </a:lnTo>
                  <a:lnTo>
                    <a:pt x="123698" y="0"/>
                  </a:lnTo>
                  <a:lnTo>
                    <a:pt x="2451862" y="0"/>
                  </a:lnTo>
                  <a:lnTo>
                    <a:pt x="2500014" y="9719"/>
                  </a:lnTo>
                  <a:lnTo>
                    <a:pt x="2539333" y="36226"/>
                  </a:lnTo>
                  <a:lnTo>
                    <a:pt x="2565840" y="75545"/>
                  </a:lnTo>
                  <a:lnTo>
                    <a:pt x="2575560" y="123698"/>
                  </a:lnTo>
                  <a:lnTo>
                    <a:pt x="2575560" y="1287526"/>
                  </a:lnTo>
                  <a:lnTo>
                    <a:pt x="2565840" y="1335678"/>
                  </a:lnTo>
                  <a:lnTo>
                    <a:pt x="2539333" y="1374997"/>
                  </a:lnTo>
                  <a:lnTo>
                    <a:pt x="2500014" y="1401504"/>
                  </a:lnTo>
                  <a:lnTo>
                    <a:pt x="2451862" y="1411224"/>
                  </a:lnTo>
                  <a:lnTo>
                    <a:pt x="123698" y="1411224"/>
                  </a:lnTo>
                  <a:lnTo>
                    <a:pt x="75545" y="1401504"/>
                  </a:lnTo>
                  <a:lnTo>
                    <a:pt x="36226" y="1374997"/>
                  </a:lnTo>
                  <a:lnTo>
                    <a:pt x="9719" y="1335678"/>
                  </a:lnTo>
                  <a:lnTo>
                    <a:pt x="0" y="1287526"/>
                  </a:lnTo>
                  <a:lnTo>
                    <a:pt x="0" y="123698"/>
                  </a:lnTo>
                  <a:close/>
                </a:path>
              </a:pathLst>
            </a:custGeom>
            <a:ln w="19812">
              <a:solidFill>
                <a:srgbClr val="4F81BC"/>
              </a:solidFill>
            </a:ln>
          </p:spPr>
          <p:txBody>
            <a:bodyPr wrap="square" lIns="0" tIns="0" rIns="0" bIns="0" rtlCol="0"/>
            <a:lstStyle/>
            <a:p>
              <a:endParaRPr/>
            </a:p>
          </p:txBody>
        </p:sp>
        <p:sp>
          <p:nvSpPr>
            <p:cNvPr id="49" name="object 49"/>
            <p:cNvSpPr/>
            <p:nvPr/>
          </p:nvSpPr>
          <p:spPr>
            <a:xfrm>
              <a:off x="3700272" y="2720339"/>
              <a:ext cx="1737360" cy="425450"/>
            </a:xfrm>
            <a:custGeom>
              <a:avLst/>
              <a:gdLst/>
              <a:ahLst/>
              <a:cxnLst/>
              <a:rect l="l" t="t" r="r" b="b"/>
              <a:pathLst>
                <a:path w="1737360" h="425450">
                  <a:moveTo>
                    <a:pt x="868679" y="0"/>
                  </a:moveTo>
                  <a:lnTo>
                    <a:pt x="797428" y="704"/>
                  </a:lnTo>
                  <a:lnTo>
                    <a:pt x="727764" y="2780"/>
                  </a:lnTo>
                  <a:lnTo>
                    <a:pt x="659910" y="6175"/>
                  </a:lnTo>
                  <a:lnTo>
                    <a:pt x="594091" y="10832"/>
                  </a:lnTo>
                  <a:lnTo>
                    <a:pt x="530530" y="16698"/>
                  </a:lnTo>
                  <a:lnTo>
                    <a:pt x="469450" y="23718"/>
                  </a:lnTo>
                  <a:lnTo>
                    <a:pt x="411075" y="31837"/>
                  </a:lnTo>
                  <a:lnTo>
                    <a:pt x="355628" y="41001"/>
                  </a:lnTo>
                  <a:lnTo>
                    <a:pt x="303333" y="51155"/>
                  </a:lnTo>
                  <a:lnTo>
                    <a:pt x="254412" y="62245"/>
                  </a:lnTo>
                  <a:lnTo>
                    <a:pt x="209090" y="74216"/>
                  </a:lnTo>
                  <a:lnTo>
                    <a:pt x="167591" y="87014"/>
                  </a:lnTo>
                  <a:lnTo>
                    <a:pt x="130136" y="100583"/>
                  </a:lnTo>
                  <a:lnTo>
                    <a:pt x="68258" y="129819"/>
                  </a:lnTo>
                  <a:lnTo>
                    <a:pt x="25243" y="161488"/>
                  </a:lnTo>
                  <a:lnTo>
                    <a:pt x="2879" y="195153"/>
                  </a:lnTo>
                  <a:lnTo>
                    <a:pt x="0" y="212598"/>
                  </a:lnTo>
                  <a:lnTo>
                    <a:pt x="2879" y="230042"/>
                  </a:lnTo>
                  <a:lnTo>
                    <a:pt x="25243" y="263707"/>
                  </a:lnTo>
                  <a:lnTo>
                    <a:pt x="68258" y="295376"/>
                  </a:lnTo>
                  <a:lnTo>
                    <a:pt x="130136" y="324612"/>
                  </a:lnTo>
                  <a:lnTo>
                    <a:pt x="167591" y="338181"/>
                  </a:lnTo>
                  <a:lnTo>
                    <a:pt x="209090" y="350979"/>
                  </a:lnTo>
                  <a:lnTo>
                    <a:pt x="254412" y="362950"/>
                  </a:lnTo>
                  <a:lnTo>
                    <a:pt x="303333" y="374040"/>
                  </a:lnTo>
                  <a:lnTo>
                    <a:pt x="355628" y="384194"/>
                  </a:lnTo>
                  <a:lnTo>
                    <a:pt x="411075" y="393358"/>
                  </a:lnTo>
                  <a:lnTo>
                    <a:pt x="469450" y="401477"/>
                  </a:lnTo>
                  <a:lnTo>
                    <a:pt x="530530" y="408497"/>
                  </a:lnTo>
                  <a:lnTo>
                    <a:pt x="594091" y="414363"/>
                  </a:lnTo>
                  <a:lnTo>
                    <a:pt x="659910" y="419020"/>
                  </a:lnTo>
                  <a:lnTo>
                    <a:pt x="727764" y="422415"/>
                  </a:lnTo>
                  <a:lnTo>
                    <a:pt x="797428" y="424491"/>
                  </a:lnTo>
                  <a:lnTo>
                    <a:pt x="868679" y="425196"/>
                  </a:lnTo>
                  <a:lnTo>
                    <a:pt x="939931" y="424491"/>
                  </a:lnTo>
                  <a:lnTo>
                    <a:pt x="1009595" y="422415"/>
                  </a:lnTo>
                  <a:lnTo>
                    <a:pt x="1077449" y="419020"/>
                  </a:lnTo>
                  <a:lnTo>
                    <a:pt x="1143268" y="414363"/>
                  </a:lnTo>
                  <a:lnTo>
                    <a:pt x="1206829" y="408497"/>
                  </a:lnTo>
                  <a:lnTo>
                    <a:pt x="1267909" y="401477"/>
                  </a:lnTo>
                  <a:lnTo>
                    <a:pt x="1326284" y="393358"/>
                  </a:lnTo>
                  <a:lnTo>
                    <a:pt x="1381731" y="384194"/>
                  </a:lnTo>
                  <a:lnTo>
                    <a:pt x="1434026" y="374040"/>
                  </a:lnTo>
                  <a:lnTo>
                    <a:pt x="1482947" y="362950"/>
                  </a:lnTo>
                  <a:lnTo>
                    <a:pt x="1528269" y="350979"/>
                  </a:lnTo>
                  <a:lnTo>
                    <a:pt x="1569768" y="338181"/>
                  </a:lnTo>
                  <a:lnTo>
                    <a:pt x="1607223" y="324612"/>
                  </a:lnTo>
                  <a:lnTo>
                    <a:pt x="1669101" y="295376"/>
                  </a:lnTo>
                  <a:lnTo>
                    <a:pt x="1712116" y="263707"/>
                  </a:lnTo>
                  <a:lnTo>
                    <a:pt x="1734480" y="230042"/>
                  </a:lnTo>
                  <a:lnTo>
                    <a:pt x="1737360" y="212598"/>
                  </a:lnTo>
                  <a:lnTo>
                    <a:pt x="1734480" y="195153"/>
                  </a:lnTo>
                  <a:lnTo>
                    <a:pt x="1712116" y="161488"/>
                  </a:lnTo>
                  <a:lnTo>
                    <a:pt x="1669101" y="129819"/>
                  </a:lnTo>
                  <a:lnTo>
                    <a:pt x="1607223" y="100583"/>
                  </a:lnTo>
                  <a:lnTo>
                    <a:pt x="1569768" y="87014"/>
                  </a:lnTo>
                  <a:lnTo>
                    <a:pt x="1528269" y="74216"/>
                  </a:lnTo>
                  <a:lnTo>
                    <a:pt x="1482947" y="62245"/>
                  </a:lnTo>
                  <a:lnTo>
                    <a:pt x="1434026" y="51155"/>
                  </a:lnTo>
                  <a:lnTo>
                    <a:pt x="1381731" y="41001"/>
                  </a:lnTo>
                  <a:lnTo>
                    <a:pt x="1326284" y="31837"/>
                  </a:lnTo>
                  <a:lnTo>
                    <a:pt x="1267909" y="23718"/>
                  </a:lnTo>
                  <a:lnTo>
                    <a:pt x="1206829" y="16698"/>
                  </a:lnTo>
                  <a:lnTo>
                    <a:pt x="1143268" y="10832"/>
                  </a:lnTo>
                  <a:lnTo>
                    <a:pt x="1077449" y="6175"/>
                  </a:lnTo>
                  <a:lnTo>
                    <a:pt x="1009595" y="2780"/>
                  </a:lnTo>
                  <a:lnTo>
                    <a:pt x="939931" y="704"/>
                  </a:lnTo>
                  <a:lnTo>
                    <a:pt x="868679" y="0"/>
                  </a:lnTo>
                  <a:close/>
                </a:path>
              </a:pathLst>
            </a:custGeom>
            <a:solidFill>
              <a:srgbClr val="FDBD9A"/>
            </a:solidFill>
          </p:spPr>
          <p:txBody>
            <a:bodyPr wrap="square" lIns="0" tIns="0" rIns="0" bIns="0" rtlCol="0"/>
            <a:lstStyle/>
            <a:p>
              <a:endParaRPr/>
            </a:p>
          </p:txBody>
        </p:sp>
        <p:sp>
          <p:nvSpPr>
            <p:cNvPr id="50" name="object 50"/>
            <p:cNvSpPr/>
            <p:nvPr/>
          </p:nvSpPr>
          <p:spPr>
            <a:xfrm>
              <a:off x="3700272" y="2720339"/>
              <a:ext cx="1737360" cy="425450"/>
            </a:xfrm>
            <a:custGeom>
              <a:avLst/>
              <a:gdLst/>
              <a:ahLst/>
              <a:cxnLst/>
              <a:rect l="l" t="t" r="r" b="b"/>
              <a:pathLst>
                <a:path w="1737360" h="425450">
                  <a:moveTo>
                    <a:pt x="0" y="212598"/>
                  </a:moveTo>
                  <a:lnTo>
                    <a:pt x="25243" y="161488"/>
                  </a:lnTo>
                  <a:lnTo>
                    <a:pt x="68258" y="129819"/>
                  </a:lnTo>
                  <a:lnTo>
                    <a:pt x="130136" y="100583"/>
                  </a:lnTo>
                  <a:lnTo>
                    <a:pt x="167591" y="87014"/>
                  </a:lnTo>
                  <a:lnTo>
                    <a:pt x="209090" y="74216"/>
                  </a:lnTo>
                  <a:lnTo>
                    <a:pt x="254412" y="62245"/>
                  </a:lnTo>
                  <a:lnTo>
                    <a:pt x="303333" y="51155"/>
                  </a:lnTo>
                  <a:lnTo>
                    <a:pt x="355628" y="41001"/>
                  </a:lnTo>
                  <a:lnTo>
                    <a:pt x="411075" y="31837"/>
                  </a:lnTo>
                  <a:lnTo>
                    <a:pt x="469450" y="23718"/>
                  </a:lnTo>
                  <a:lnTo>
                    <a:pt x="530530" y="16698"/>
                  </a:lnTo>
                  <a:lnTo>
                    <a:pt x="594091" y="10832"/>
                  </a:lnTo>
                  <a:lnTo>
                    <a:pt x="659910" y="6175"/>
                  </a:lnTo>
                  <a:lnTo>
                    <a:pt x="727764" y="2780"/>
                  </a:lnTo>
                  <a:lnTo>
                    <a:pt x="797428" y="704"/>
                  </a:lnTo>
                  <a:lnTo>
                    <a:pt x="868679" y="0"/>
                  </a:lnTo>
                  <a:lnTo>
                    <a:pt x="939931" y="704"/>
                  </a:lnTo>
                  <a:lnTo>
                    <a:pt x="1009595" y="2780"/>
                  </a:lnTo>
                  <a:lnTo>
                    <a:pt x="1077449" y="6175"/>
                  </a:lnTo>
                  <a:lnTo>
                    <a:pt x="1143268" y="10832"/>
                  </a:lnTo>
                  <a:lnTo>
                    <a:pt x="1206829" y="16698"/>
                  </a:lnTo>
                  <a:lnTo>
                    <a:pt x="1267909" y="23718"/>
                  </a:lnTo>
                  <a:lnTo>
                    <a:pt x="1326284" y="31837"/>
                  </a:lnTo>
                  <a:lnTo>
                    <a:pt x="1381731" y="41001"/>
                  </a:lnTo>
                  <a:lnTo>
                    <a:pt x="1434026" y="51155"/>
                  </a:lnTo>
                  <a:lnTo>
                    <a:pt x="1482947" y="62245"/>
                  </a:lnTo>
                  <a:lnTo>
                    <a:pt x="1528269" y="74216"/>
                  </a:lnTo>
                  <a:lnTo>
                    <a:pt x="1569768" y="87014"/>
                  </a:lnTo>
                  <a:lnTo>
                    <a:pt x="1607223" y="100583"/>
                  </a:lnTo>
                  <a:lnTo>
                    <a:pt x="1669101" y="129819"/>
                  </a:lnTo>
                  <a:lnTo>
                    <a:pt x="1712116" y="161488"/>
                  </a:lnTo>
                  <a:lnTo>
                    <a:pt x="1734480" y="195153"/>
                  </a:lnTo>
                  <a:lnTo>
                    <a:pt x="1737360" y="212598"/>
                  </a:lnTo>
                  <a:lnTo>
                    <a:pt x="1734480" y="230042"/>
                  </a:lnTo>
                  <a:lnTo>
                    <a:pt x="1712116" y="263707"/>
                  </a:lnTo>
                  <a:lnTo>
                    <a:pt x="1669101" y="295376"/>
                  </a:lnTo>
                  <a:lnTo>
                    <a:pt x="1607223" y="324612"/>
                  </a:lnTo>
                  <a:lnTo>
                    <a:pt x="1569768" y="338181"/>
                  </a:lnTo>
                  <a:lnTo>
                    <a:pt x="1528269" y="350979"/>
                  </a:lnTo>
                  <a:lnTo>
                    <a:pt x="1482947" y="362950"/>
                  </a:lnTo>
                  <a:lnTo>
                    <a:pt x="1434026" y="374040"/>
                  </a:lnTo>
                  <a:lnTo>
                    <a:pt x="1381731" y="384194"/>
                  </a:lnTo>
                  <a:lnTo>
                    <a:pt x="1326284" y="393358"/>
                  </a:lnTo>
                  <a:lnTo>
                    <a:pt x="1267909" y="401477"/>
                  </a:lnTo>
                  <a:lnTo>
                    <a:pt x="1206829" y="408497"/>
                  </a:lnTo>
                  <a:lnTo>
                    <a:pt x="1143268" y="414363"/>
                  </a:lnTo>
                  <a:lnTo>
                    <a:pt x="1077449" y="419020"/>
                  </a:lnTo>
                  <a:lnTo>
                    <a:pt x="1009595" y="422415"/>
                  </a:lnTo>
                  <a:lnTo>
                    <a:pt x="939931" y="424491"/>
                  </a:lnTo>
                  <a:lnTo>
                    <a:pt x="868679" y="425196"/>
                  </a:lnTo>
                  <a:lnTo>
                    <a:pt x="797428" y="424491"/>
                  </a:lnTo>
                  <a:lnTo>
                    <a:pt x="727764" y="422415"/>
                  </a:lnTo>
                  <a:lnTo>
                    <a:pt x="659910" y="419020"/>
                  </a:lnTo>
                  <a:lnTo>
                    <a:pt x="594091" y="414363"/>
                  </a:lnTo>
                  <a:lnTo>
                    <a:pt x="530530" y="408497"/>
                  </a:lnTo>
                  <a:lnTo>
                    <a:pt x="469450" y="401477"/>
                  </a:lnTo>
                  <a:lnTo>
                    <a:pt x="411075" y="393358"/>
                  </a:lnTo>
                  <a:lnTo>
                    <a:pt x="355628" y="384194"/>
                  </a:lnTo>
                  <a:lnTo>
                    <a:pt x="303333" y="374040"/>
                  </a:lnTo>
                  <a:lnTo>
                    <a:pt x="254412" y="362950"/>
                  </a:lnTo>
                  <a:lnTo>
                    <a:pt x="209090" y="350979"/>
                  </a:lnTo>
                  <a:lnTo>
                    <a:pt x="167591" y="338181"/>
                  </a:lnTo>
                  <a:lnTo>
                    <a:pt x="130136" y="324612"/>
                  </a:lnTo>
                  <a:lnTo>
                    <a:pt x="68258" y="295376"/>
                  </a:lnTo>
                  <a:lnTo>
                    <a:pt x="25243" y="263707"/>
                  </a:lnTo>
                  <a:lnTo>
                    <a:pt x="2879" y="230042"/>
                  </a:lnTo>
                  <a:lnTo>
                    <a:pt x="0" y="212598"/>
                  </a:lnTo>
                  <a:close/>
                </a:path>
              </a:pathLst>
            </a:custGeom>
            <a:ln w="12192">
              <a:solidFill>
                <a:srgbClr val="000000"/>
              </a:solidFill>
            </a:ln>
          </p:spPr>
          <p:txBody>
            <a:bodyPr wrap="square" lIns="0" tIns="0" rIns="0" bIns="0" rtlCol="0"/>
            <a:lstStyle/>
            <a:p>
              <a:endParaRPr/>
            </a:p>
          </p:txBody>
        </p:sp>
        <p:sp>
          <p:nvSpPr>
            <p:cNvPr id="51" name="object 51"/>
            <p:cNvSpPr/>
            <p:nvPr/>
          </p:nvSpPr>
          <p:spPr>
            <a:xfrm>
              <a:off x="3558540" y="3429000"/>
              <a:ext cx="596265" cy="360045"/>
            </a:xfrm>
            <a:custGeom>
              <a:avLst/>
              <a:gdLst/>
              <a:ahLst/>
              <a:cxnLst/>
              <a:rect l="l" t="t" r="r" b="b"/>
              <a:pathLst>
                <a:path w="596264" h="360045">
                  <a:moveTo>
                    <a:pt x="297942" y="0"/>
                  </a:moveTo>
                  <a:lnTo>
                    <a:pt x="237883" y="3653"/>
                  </a:lnTo>
                  <a:lnTo>
                    <a:pt x="181951" y="14132"/>
                  </a:lnTo>
                  <a:lnTo>
                    <a:pt x="131340" y="30713"/>
                  </a:lnTo>
                  <a:lnTo>
                    <a:pt x="87248" y="52673"/>
                  </a:lnTo>
                  <a:lnTo>
                    <a:pt x="50872" y="79288"/>
                  </a:lnTo>
                  <a:lnTo>
                    <a:pt x="23407" y="109835"/>
                  </a:lnTo>
                  <a:lnTo>
                    <a:pt x="0" y="179831"/>
                  </a:lnTo>
                  <a:lnTo>
                    <a:pt x="6051" y="216073"/>
                  </a:lnTo>
                  <a:lnTo>
                    <a:pt x="50872" y="280375"/>
                  </a:lnTo>
                  <a:lnTo>
                    <a:pt x="87248" y="306990"/>
                  </a:lnTo>
                  <a:lnTo>
                    <a:pt x="131340" y="328950"/>
                  </a:lnTo>
                  <a:lnTo>
                    <a:pt x="181951" y="345531"/>
                  </a:lnTo>
                  <a:lnTo>
                    <a:pt x="237883" y="356010"/>
                  </a:lnTo>
                  <a:lnTo>
                    <a:pt x="297942" y="359663"/>
                  </a:lnTo>
                  <a:lnTo>
                    <a:pt x="358000" y="356010"/>
                  </a:lnTo>
                  <a:lnTo>
                    <a:pt x="413932" y="345531"/>
                  </a:lnTo>
                  <a:lnTo>
                    <a:pt x="464543" y="328950"/>
                  </a:lnTo>
                  <a:lnTo>
                    <a:pt x="508635" y="306990"/>
                  </a:lnTo>
                  <a:lnTo>
                    <a:pt x="545011" y="280375"/>
                  </a:lnTo>
                  <a:lnTo>
                    <a:pt x="572476" y="249828"/>
                  </a:lnTo>
                  <a:lnTo>
                    <a:pt x="595884" y="179831"/>
                  </a:lnTo>
                  <a:lnTo>
                    <a:pt x="589832" y="143590"/>
                  </a:lnTo>
                  <a:lnTo>
                    <a:pt x="545011" y="79288"/>
                  </a:lnTo>
                  <a:lnTo>
                    <a:pt x="508634" y="52673"/>
                  </a:lnTo>
                  <a:lnTo>
                    <a:pt x="464543" y="30713"/>
                  </a:lnTo>
                  <a:lnTo>
                    <a:pt x="413932" y="14132"/>
                  </a:lnTo>
                  <a:lnTo>
                    <a:pt x="358000" y="3653"/>
                  </a:lnTo>
                  <a:lnTo>
                    <a:pt x="297942" y="0"/>
                  </a:lnTo>
                  <a:close/>
                </a:path>
              </a:pathLst>
            </a:custGeom>
            <a:solidFill>
              <a:srgbClr val="FDBD9A"/>
            </a:solidFill>
          </p:spPr>
          <p:txBody>
            <a:bodyPr wrap="square" lIns="0" tIns="0" rIns="0" bIns="0" rtlCol="0"/>
            <a:lstStyle/>
            <a:p>
              <a:endParaRPr/>
            </a:p>
          </p:txBody>
        </p:sp>
        <p:sp>
          <p:nvSpPr>
            <p:cNvPr id="52" name="object 52"/>
            <p:cNvSpPr/>
            <p:nvPr/>
          </p:nvSpPr>
          <p:spPr>
            <a:xfrm>
              <a:off x="3558540" y="3429000"/>
              <a:ext cx="596265" cy="360045"/>
            </a:xfrm>
            <a:custGeom>
              <a:avLst/>
              <a:gdLst/>
              <a:ahLst/>
              <a:cxnLst/>
              <a:rect l="l" t="t" r="r" b="b"/>
              <a:pathLst>
                <a:path w="596264" h="360045">
                  <a:moveTo>
                    <a:pt x="0" y="179831"/>
                  </a:moveTo>
                  <a:lnTo>
                    <a:pt x="23407" y="109835"/>
                  </a:lnTo>
                  <a:lnTo>
                    <a:pt x="50872" y="79288"/>
                  </a:lnTo>
                  <a:lnTo>
                    <a:pt x="87248" y="52673"/>
                  </a:lnTo>
                  <a:lnTo>
                    <a:pt x="131340" y="30713"/>
                  </a:lnTo>
                  <a:lnTo>
                    <a:pt x="181951" y="14132"/>
                  </a:lnTo>
                  <a:lnTo>
                    <a:pt x="237883" y="3653"/>
                  </a:lnTo>
                  <a:lnTo>
                    <a:pt x="297942" y="0"/>
                  </a:lnTo>
                  <a:lnTo>
                    <a:pt x="358000" y="3653"/>
                  </a:lnTo>
                  <a:lnTo>
                    <a:pt x="413932" y="14132"/>
                  </a:lnTo>
                  <a:lnTo>
                    <a:pt x="464543" y="30713"/>
                  </a:lnTo>
                  <a:lnTo>
                    <a:pt x="508634" y="52673"/>
                  </a:lnTo>
                  <a:lnTo>
                    <a:pt x="545011" y="79288"/>
                  </a:lnTo>
                  <a:lnTo>
                    <a:pt x="572476" y="109835"/>
                  </a:lnTo>
                  <a:lnTo>
                    <a:pt x="595884" y="179831"/>
                  </a:lnTo>
                  <a:lnTo>
                    <a:pt x="589832" y="216073"/>
                  </a:lnTo>
                  <a:lnTo>
                    <a:pt x="545011" y="280375"/>
                  </a:lnTo>
                  <a:lnTo>
                    <a:pt x="508635" y="306990"/>
                  </a:lnTo>
                  <a:lnTo>
                    <a:pt x="464543" y="328950"/>
                  </a:lnTo>
                  <a:lnTo>
                    <a:pt x="413932" y="345531"/>
                  </a:lnTo>
                  <a:lnTo>
                    <a:pt x="358000" y="356010"/>
                  </a:lnTo>
                  <a:lnTo>
                    <a:pt x="297942" y="359663"/>
                  </a:lnTo>
                  <a:lnTo>
                    <a:pt x="237883" y="356010"/>
                  </a:lnTo>
                  <a:lnTo>
                    <a:pt x="181951" y="345531"/>
                  </a:lnTo>
                  <a:lnTo>
                    <a:pt x="131340" y="328950"/>
                  </a:lnTo>
                  <a:lnTo>
                    <a:pt x="87248" y="306990"/>
                  </a:lnTo>
                  <a:lnTo>
                    <a:pt x="50872" y="280375"/>
                  </a:lnTo>
                  <a:lnTo>
                    <a:pt x="23407" y="249828"/>
                  </a:lnTo>
                  <a:lnTo>
                    <a:pt x="0" y="179831"/>
                  </a:lnTo>
                  <a:close/>
                </a:path>
              </a:pathLst>
            </a:custGeom>
            <a:ln w="12191">
              <a:solidFill>
                <a:srgbClr val="000000"/>
              </a:solidFill>
            </a:ln>
          </p:spPr>
          <p:txBody>
            <a:bodyPr wrap="square" lIns="0" tIns="0" rIns="0" bIns="0" rtlCol="0"/>
            <a:lstStyle/>
            <a:p>
              <a:endParaRPr/>
            </a:p>
          </p:txBody>
        </p:sp>
        <p:sp>
          <p:nvSpPr>
            <p:cNvPr id="53" name="object 53"/>
            <p:cNvSpPr/>
            <p:nvPr/>
          </p:nvSpPr>
          <p:spPr>
            <a:xfrm>
              <a:off x="4271772" y="3429000"/>
              <a:ext cx="594360" cy="360045"/>
            </a:xfrm>
            <a:custGeom>
              <a:avLst/>
              <a:gdLst/>
              <a:ahLst/>
              <a:cxnLst/>
              <a:rect l="l" t="t" r="r" b="b"/>
              <a:pathLst>
                <a:path w="594360" h="360045">
                  <a:moveTo>
                    <a:pt x="297179" y="0"/>
                  </a:moveTo>
                  <a:lnTo>
                    <a:pt x="237300" y="3653"/>
                  </a:lnTo>
                  <a:lnTo>
                    <a:pt x="181522" y="14132"/>
                  </a:lnTo>
                  <a:lnTo>
                    <a:pt x="131043" y="30713"/>
                  </a:lnTo>
                  <a:lnTo>
                    <a:pt x="87058" y="52673"/>
                  </a:lnTo>
                  <a:lnTo>
                    <a:pt x="50765" y="79288"/>
                  </a:lnTo>
                  <a:lnTo>
                    <a:pt x="23360" y="109835"/>
                  </a:lnTo>
                  <a:lnTo>
                    <a:pt x="0" y="179831"/>
                  </a:lnTo>
                  <a:lnTo>
                    <a:pt x="6039" y="216073"/>
                  </a:lnTo>
                  <a:lnTo>
                    <a:pt x="50765" y="280375"/>
                  </a:lnTo>
                  <a:lnTo>
                    <a:pt x="87058" y="306990"/>
                  </a:lnTo>
                  <a:lnTo>
                    <a:pt x="131043" y="328950"/>
                  </a:lnTo>
                  <a:lnTo>
                    <a:pt x="181522" y="345531"/>
                  </a:lnTo>
                  <a:lnTo>
                    <a:pt x="237300" y="356010"/>
                  </a:lnTo>
                  <a:lnTo>
                    <a:pt x="297179" y="359663"/>
                  </a:lnTo>
                  <a:lnTo>
                    <a:pt x="357059" y="356010"/>
                  </a:lnTo>
                  <a:lnTo>
                    <a:pt x="412837" y="345531"/>
                  </a:lnTo>
                  <a:lnTo>
                    <a:pt x="463316" y="328950"/>
                  </a:lnTo>
                  <a:lnTo>
                    <a:pt x="507301" y="306990"/>
                  </a:lnTo>
                  <a:lnTo>
                    <a:pt x="543594" y="280375"/>
                  </a:lnTo>
                  <a:lnTo>
                    <a:pt x="570999" y="249828"/>
                  </a:lnTo>
                  <a:lnTo>
                    <a:pt x="594360" y="179831"/>
                  </a:lnTo>
                  <a:lnTo>
                    <a:pt x="588320" y="143590"/>
                  </a:lnTo>
                  <a:lnTo>
                    <a:pt x="543594" y="79288"/>
                  </a:lnTo>
                  <a:lnTo>
                    <a:pt x="507301" y="52673"/>
                  </a:lnTo>
                  <a:lnTo>
                    <a:pt x="463316" y="30713"/>
                  </a:lnTo>
                  <a:lnTo>
                    <a:pt x="412837" y="14132"/>
                  </a:lnTo>
                  <a:lnTo>
                    <a:pt x="357059" y="3653"/>
                  </a:lnTo>
                  <a:lnTo>
                    <a:pt x="297179" y="0"/>
                  </a:lnTo>
                  <a:close/>
                </a:path>
              </a:pathLst>
            </a:custGeom>
            <a:solidFill>
              <a:srgbClr val="FDBD9A"/>
            </a:solidFill>
          </p:spPr>
          <p:txBody>
            <a:bodyPr wrap="square" lIns="0" tIns="0" rIns="0" bIns="0" rtlCol="0"/>
            <a:lstStyle/>
            <a:p>
              <a:endParaRPr/>
            </a:p>
          </p:txBody>
        </p:sp>
        <p:sp>
          <p:nvSpPr>
            <p:cNvPr id="54" name="object 54"/>
            <p:cNvSpPr/>
            <p:nvPr/>
          </p:nvSpPr>
          <p:spPr>
            <a:xfrm>
              <a:off x="4271772" y="3429000"/>
              <a:ext cx="594360" cy="360045"/>
            </a:xfrm>
            <a:custGeom>
              <a:avLst/>
              <a:gdLst/>
              <a:ahLst/>
              <a:cxnLst/>
              <a:rect l="l" t="t" r="r" b="b"/>
              <a:pathLst>
                <a:path w="594360" h="360045">
                  <a:moveTo>
                    <a:pt x="0" y="179831"/>
                  </a:moveTo>
                  <a:lnTo>
                    <a:pt x="23360" y="109835"/>
                  </a:lnTo>
                  <a:lnTo>
                    <a:pt x="50765" y="79288"/>
                  </a:lnTo>
                  <a:lnTo>
                    <a:pt x="87058" y="52673"/>
                  </a:lnTo>
                  <a:lnTo>
                    <a:pt x="131043" y="30713"/>
                  </a:lnTo>
                  <a:lnTo>
                    <a:pt x="181522" y="14132"/>
                  </a:lnTo>
                  <a:lnTo>
                    <a:pt x="237300" y="3653"/>
                  </a:lnTo>
                  <a:lnTo>
                    <a:pt x="297179" y="0"/>
                  </a:lnTo>
                  <a:lnTo>
                    <a:pt x="357059" y="3653"/>
                  </a:lnTo>
                  <a:lnTo>
                    <a:pt x="412837" y="14132"/>
                  </a:lnTo>
                  <a:lnTo>
                    <a:pt x="463316" y="30713"/>
                  </a:lnTo>
                  <a:lnTo>
                    <a:pt x="507301" y="52673"/>
                  </a:lnTo>
                  <a:lnTo>
                    <a:pt x="543594" y="79288"/>
                  </a:lnTo>
                  <a:lnTo>
                    <a:pt x="570999" y="109835"/>
                  </a:lnTo>
                  <a:lnTo>
                    <a:pt x="594360" y="179831"/>
                  </a:lnTo>
                  <a:lnTo>
                    <a:pt x="588320" y="216073"/>
                  </a:lnTo>
                  <a:lnTo>
                    <a:pt x="543594" y="280375"/>
                  </a:lnTo>
                  <a:lnTo>
                    <a:pt x="507301" y="306990"/>
                  </a:lnTo>
                  <a:lnTo>
                    <a:pt x="463316" y="328950"/>
                  </a:lnTo>
                  <a:lnTo>
                    <a:pt x="412837" y="345531"/>
                  </a:lnTo>
                  <a:lnTo>
                    <a:pt x="357059" y="356010"/>
                  </a:lnTo>
                  <a:lnTo>
                    <a:pt x="297179" y="359663"/>
                  </a:lnTo>
                  <a:lnTo>
                    <a:pt x="237300" y="356010"/>
                  </a:lnTo>
                  <a:lnTo>
                    <a:pt x="181522" y="345531"/>
                  </a:lnTo>
                  <a:lnTo>
                    <a:pt x="131043" y="328950"/>
                  </a:lnTo>
                  <a:lnTo>
                    <a:pt x="87058" y="306990"/>
                  </a:lnTo>
                  <a:lnTo>
                    <a:pt x="50765" y="280375"/>
                  </a:lnTo>
                  <a:lnTo>
                    <a:pt x="23360" y="249828"/>
                  </a:lnTo>
                  <a:lnTo>
                    <a:pt x="0" y="179831"/>
                  </a:lnTo>
                  <a:close/>
                </a:path>
              </a:pathLst>
            </a:custGeom>
            <a:ln w="12192">
              <a:solidFill>
                <a:srgbClr val="000000"/>
              </a:solidFill>
            </a:ln>
          </p:spPr>
          <p:txBody>
            <a:bodyPr wrap="square" lIns="0" tIns="0" rIns="0" bIns="0" rtlCol="0"/>
            <a:lstStyle/>
            <a:p>
              <a:endParaRPr/>
            </a:p>
          </p:txBody>
        </p:sp>
        <p:sp>
          <p:nvSpPr>
            <p:cNvPr id="55" name="object 55"/>
            <p:cNvSpPr/>
            <p:nvPr/>
          </p:nvSpPr>
          <p:spPr>
            <a:xfrm>
              <a:off x="4986527" y="3433572"/>
              <a:ext cx="596265" cy="360045"/>
            </a:xfrm>
            <a:custGeom>
              <a:avLst/>
              <a:gdLst/>
              <a:ahLst/>
              <a:cxnLst/>
              <a:rect l="l" t="t" r="r" b="b"/>
              <a:pathLst>
                <a:path w="596264" h="360045">
                  <a:moveTo>
                    <a:pt x="297942" y="0"/>
                  </a:moveTo>
                  <a:lnTo>
                    <a:pt x="237883" y="3653"/>
                  </a:lnTo>
                  <a:lnTo>
                    <a:pt x="181951" y="14132"/>
                  </a:lnTo>
                  <a:lnTo>
                    <a:pt x="131340" y="30713"/>
                  </a:lnTo>
                  <a:lnTo>
                    <a:pt x="87248" y="52673"/>
                  </a:lnTo>
                  <a:lnTo>
                    <a:pt x="50872" y="79288"/>
                  </a:lnTo>
                  <a:lnTo>
                    <a:pt x="23407" y="109835"/>
                  </a:lnTo>
                  <a:lnTo>
                    <a:pt x="0" y="179831"/>
                  </a:lnTo>
                  <a:lnTo>
                    <a:pt x="6051" y="216073"/>
                  </a:lnTo>
                  <a:lnTo>
                    <a:pt x="50872" y="280375"/>
                  </a:lnTo>
                  <a:lnTo>
                    <a:pt x="87248" y="306990"/>
                  </a:lnTo>
                  <a:lnTo>
                    <a:pt x="131340" y="328950"/>
                  </a:lnTo>
                  <a:lnTo>
                    <a:pt x="181951" y="345531"/>
                  </a:lnTo>
                  <a:lnTo>
                    <a:pt x="237883" y="356010"/>
                  </a:lnTo>
                  <a:lnTo>
                    <a:pt x="297942" y="359663"/>
                  </a:lnTo>
                  <a:lnTo>
                    <a:pt x="358000" y="356010"/>
                  </a:lnTo>
                  <a:lnTo>
                    <a:pt x="413932" y="345531"/>
                  </a:lnTo>
                  <a:lnTo>
                    <a:pt x="464543" y="328950"/>
                  </a:lnTo>
                  <a:lnTo>
                    <a:pt x="508635" y="306990"/>
                  </a:lnTo>
                  <a:lnTo>
                    <a:pt x="545011" y="280375"/>
                  </a:lnTo>
                  <a:lnTo>
                    <a:pt x="572476" y="249828"/>
                  </a:lnTo>
                  <a:lnTo>
                    <a:pt x="595884" y="179831"/>
                  </a:lnTo>
                  <a:lnTo>
                    <a:pt x="589832" y="143590"/>
                  </a:lnTo>
                  <a:lnTo>
                    <a:pt x="545011" y="79288"/>
                  </a:lnTo>
                  <a:lnTo>
                    <a:pt x="508634" y="52673"/>
                  </a:lnTo>
                  <a:lnTo>
                    <a:pt x="464543" y="30713"/>
                  </a:lnTo>
                  <a:lnTo>
                    <a:pt x="413932" y="14132"/>
                  </a:lnTo>
                  <a:lnTo>
                    <a:pt x="358000" y="3653"/>
                  </a:lnTo>
                  <a:lnTo>
                    <a:pt x="297942" y="0"/>
                  </a:lnTo>
                  <a:close/>
                </a:path>
              </a:pathLst>
            </a:custGeom>
            <a:solidFill>
              <a:srgbClr val="FDBD9A"/>
            </a:solidFill>
          </p:spPr>
          <p:txBody>
            <a:bodyPr wrap="square" lIns="0" tIns="0" rIns="0" bIns="0" rtlCol="0"/>
            <a:lstStyle/>
            <a:p>
              <a:endParaRPr/>
            </a:p>
          </p:txBody>
        </p:sp>
        <p:sp>
          <p:nvSpPr>
            <p:cNvPr id="56" name="object 56"/>
            <p:cNvSpPr/>
            <p:nvPr/>
          </p:nvSpPr>
          <p:spPr>
            <a:xfrm>
              <a:off x="4986527" y="3433572"/>
              <a:ext cx="596265" cy="360045"/>
            </a:xfrm>
            <a:custGeom>
              <a:avLst/>
              <a:gdLst/>
              <a:ahLst/>
              <a:cxnLst/>
              <a:rect l="l" t="t" r="r" b="b"/>
              <a:pathLst>
                <a:path w="596264" h="360045">
                  <a:moveTo>
                    <a:pt x="0" y="179831"/>
                  </a:moveTo>
                  <a:lnTo>
                    <a:pt x="23407" y="109835"/>
                  </a:lnTo>
                  <a:lnTo>
                    <a:pt x="50872" y="79288"/>
                  </a:lnTo>
                  <a:lnTo>
                    <a:pt x="87248" y="52673"/>
                  </a:lnTo>
                  <a:lnTo>
                    <a:pt x="131340" y="30713"/>
                  </a:lnTo>
                  <a:lnTo>
                    <a:pt x="181951" y="14132"/>
                  </a:lnTo>
                  <a:lnTo>
                    <a:pt x="237883" y="3653"/>
                  </a:lnTo>
                  <a:lnTo>
                    <a:pt x="297942" y="0"/>
                  </a:lnTo>
                  <a:lnTo>
                    <a:pt x="358000" y="3653"/>
                  </a:lnTo>
                  <a:lnTo>
                    <a:pt x="413932" y="14132"/>
                  </a:lnTo>
                  <a:lnTo>
                    <a:pt x="464543" y="30713"/>
                  </a:lnTo>
                  <a:lnTo>
                    <a:pt x="508634" y="52673"/>
                  </a:lnTo>
                  <a:lnTo>
                    <a:pt x="545011" y="79288"/>
                  </a:lnTo>
                  <a:lnTo>
                    <a:pt x="572476" y="109835"/>
                  </a:lnTo>
                  <a:lnTo>
                    <a:pt x="595884" y="179831"/>
                  </a:lnTo>
                  <a:lnTo>
                    <a:pt x="589832" y="216073"/>
                  </a:lnTo>
                  <a:lnTo>
                    <a:pt x="545011" y="280375"/>
                  </a:lnTo>
                  <a:lnTo>
                    <a:pt x="508635" y="306990"/>
                  </a:lnTo>
                  <a:lnTo>
                    <a:pt x="464543" y="328950"/>
                  </a:lnTo>
                  <a:lnTo>
                    <a:pt x="413932" y="345531"/>
                  </a:lnTo>
                  <a:lnTo>
                    <a:pt x="358000" y="356010"/>
                  </a:lnTo>
                  <a:lnTo>
                    <a:pt x="297942" y="359663"/>
                  </a:lnTo>
                  <a:lnTo>
                    <a:pt x="237883" y="356010"/>
                  </a:lnTo>
                  <a:lnTo>
                    <a:pt x="181951" y="345531"/>
                  </a:lnTo>
                  <a:lnTo>
                    <a:pt x="131340" y="328950"/>
                  </a:lnTo>
                  <a:lnTo>
                    <a:pt x="87248" y="306990"/>
                  </a:lnTo>
                  <a:lnTo>
                    <a:pt x="50872" y="280375"/>
                  </a:lnTo>
                  <a:lnTo>
                    <a:pt x="23407" y="249828"/>
                  </a:lnTo>
                  <a:lnTo>
                    <a:pt x="0" y="179831"/>
                  </a:lnTo>
                  <a:close/>
                </a:path>
              </a:pathLst>
            </a:custGeom>
            <a:ln w="12191">
              <a:solidFill>
                <a:srgbClr val="000000"/>
              </a:solidFill>
            </a:ln>
          </p:spPr>
          <p:txBody>
            <a:bodyPr wrap="square" lIns="0" tIns="0" rIns="0" bIns="0" rtlCol="0"/>
            <a:lstStyle/>
            <a:p>
              <a:endParaRPr/>
            </a:p>
          </p:txBody>
        </p:sp>
        <p:pic>
          <p:nvPicPr>
            <p:cNvPr id="57" name="object 57"/>
            <p:cNvPicPr/>
            <p:nvPr/>
          </p:nvPicPr>
          <p:blipFill>
            <a:blip r:embed="rId5" cstate="print"/>
            <a:stretch>
              <a:fillRect/>
            </a:stretch>
          </p:blipFill>
          <p:spPr>
            <a:xfrm>
              <a:off x="3859593" y="3152711"/>
              <a:ext cx="159893" cy="203326"/>
            </a:xfrm>
            <a:prstGeom prst="rect">
              <a:avLst/>
            </a:prstGeom>
          </p:spPr>
        </p:pic>
        <p:pic>
          <p:nvPicPr>
            <p:cNvPr id="58" name="object 58"/>
            <p:cNvPicPr/>
            <p:nvPr/>
          </p:nvPicPr>
          <p:blipFill>
            <a:blip r:embed="rId6" cstate="print"/>
            <a:stretch>
              <a:fillRect/>
            </a:stretch>
          </p:blipFill>
          <p:spPr>
            <a:xfrm>
              <a:off x="5136705" y="3152838"/>
              <a:ext cx="157226" cy="204597"/>
            </a:xfrm>
            <a:prstGeom prst="rect">
              <a:avLst/>
            </a:prstGeom>
          </p:spPr>
        </p:pic>
        <p:pic>
          <p:nvPicPr>
            <p:cNvPr id="59" name="object 59"/>
            <p:cNvPicPr/>
            <p:nvPr/>
          </p:nvPicPr>
          <p:blipFill>
            <a:blip r:embed="rId7" cstate="print"/>
            <a:stretch>
              <a:fillRect/>
            </a:stretch>
          </p:blipFill>
          <p:spPr>
            <a:xfrm>
              <a:off x="4497324" y="3186683"/>
              <a:ext cx="164592" cy="201168"/>
            </a:xfrm>
            <a:prstGeom prst="rect">
              <a:avLst/>
            </a:prstGeom>
          </p:spPr>
        </p:pic>
        <p:sp>
          <p:nvSpPr>
            <p:cNvPr id="60" name="object 60"/>
            <p:cNvSpPr/>
            <p:nvPr/>
          </p:nvSpPr>
          <p:spPr>
            <a:xfrm>
              <a:off x="3443478" y="3384041"/>
              <a:ext cx="2252980" cy="495300"/>
            </a:xfrm>
            <a:custGeom>
              <a:avLst/>
              <a:gdLst/>
              <a:ahLst/>
              <a:cxnLst/>
              <a:rect l="l" t="t" r="r" b="b"/>
              <a:pathLst>
                <a:path w="2252979" h="495300">
                  <a:moveTo>
                    <a:pt x="0" y="82550"/>
                  </a:moveTo>
                  <a:lnTo>
                    <a:pt x="6486" y="50417"/>
                  </a:lnTo>
                  <a:lnTo>
                    <a:pt x="24177" y="24177"/>
                  </a:lnTo>
                  <a:lnTo>
                    <a:pt x="50417" y="6486"/>
                  </a:lnTo>
                  <a:lnTo>
                    <a:pt x="82550" y="0"/>
                  </a:lnTo>
                  <a:lnTo>
                    <a:pt x="2169922" y="0"/>
                  </a:lnTo>
                  <a:lnTo>
                    <a:pt x="2202054" y="6486"/>
                  </a:lnTo>
                  <a:lnTo>
                    <a:pt x="2228294" y="24177"/>
                  </a:lnTo>
                  <a:lnTo>
                    <a:pt x="2245985" y="50417"/>
                  </a:lnTo>
                  <a:lnTo>
                    <a:pt x="2252472" y="82550"/>
                  </a:lnTo>
                  <a:lnTo>
                    <a:pt x="2252472" y="412750"/>
                  </a:lnTo>
                  <a:lnTo>
                    <a:pt x="2245985" y="444882"/>
                  </a:lnTo>
                  <a:lnTo>
                    <a:pt x="2228294" y="471122"/>
                  </a:lnTo>
                  <a:lnTo>
                    <a:pt x="2202054" y="488813"/>
                  </a:lnTo>
                  <a:lnTo>
                    <a:pt x="2169922" y="495300"/>
                  </a:lnTo>
                  <a:lnTo>
                    <a:pt x="82550" y="495300"/>
                  </a:lnTo>
                  <a:lnTo>
                    <a:pt x="50417" y="488813"/>
                  </a:lnTo>
                  <a:lnTo>
                    <a:pt x="24177" y="471122"/>
                  </a:lnTo>
                  <a:lnTo>
                    <a:pt x="6486" y="444882"/>
                  </a:lnTo>
                  <a:lnTo>
                    <a:pt x="0" y="412750"/>
                  </a:lnTo>
                  <a:lnTo>
                    <a:pt x="0" y="82550"/>
                  </a:lnTo>
                  <a:close/>
                </a:path>
              </a:pathLst>
            </a:custGeom>
            <a:ln w="50292">
              <a:solidFill>
                <a:srgbClr val="FF0000"/>
              </a:solidFill>
              <a:prstDash val="sysDot"/>
            </a:ln>
          </p:spPr>
          <p:txBody>
            <a:bodyPr wrap="square" lIns="0" tIns="0" rIns="0" bIns="0" rtlCol="0"/>
            <a:lstStyle/>
            <a:p>
              <a:endParaRPr/>
            </a:p>
          </p:txBody>
        </p:sp>
        <p:sp>
          <p:nvSpPr>
            <p:cNvPr id="61" name="object 61"/>
            <p:cNvSpPr/>
            <p:nvPr/>
          </p:nvSpPr>
          <p:spPr>
            <a:xfrm>
              <a:off x="3377946" y="2434589"/>
              <a:ext cx="833755" cy="264160"/>
            </a:xfrm>
            <a:custGeom>
              <a:avLst/>
              <a:gdLst/>
              <a:ahLst/>
              <a:cxnLst/>
              <a:rect l="l" t="t" r="r" b="b"/>
              <a:pathLst>
                <a:path w="833754" h="264160">
                  <a:moveTo>
                    <a:pt x="789686" y="0"/>
                  </a:moveTo>
                  <a:lnTo>
                    <a:pt x="43941" y="0"/>
                  </a:lnTo>
                  <a:lnTo>
                    <a:pt x="26842" y="3454"/>
                  </a:lnTo>
                  <a:lnTo>
                    <a:pt x="12874" y="12874"/>
                  </a:lnTo>
                  <a:lnTo>
                    <a:pt x="3454" y="26842"/>
                  </a:lnTo>
                  <a:lnTo>
                    <a:pt x="0" y="43942"/>
                  </a:lnTo>
                  <a:lnTo>
                    <a:pt x="0" y="219710"/>
                  </a:lnTo>
                  <a:lnTo>
                    <a:pt x="3454" y="236809"/>
                  </a:lnTo>
                  <a:lnTo>
                    <a:pt x="12874" y="250777"/>
                  </a:lnTo>
                  <a:lnTo>
                    <a:pt x="26842" y="260197"/>
                  </a:lnTo>
                  <a:lnTo>
                    <a:pt x="43941" y="263651"/>
                  </a:lnTo>
                  <a:lnTo>
                    <a:pt x="789686" y="263651"/>
                  </a:lnTo>
                  <a:lnTo>
                    <a:pt x="806785" y="260197"/>
                  </a:lnTo>
                  <a:lnTo>
                    <a:pt x="820753" y="250777"/>
                  </a:lnTo>
                  <a:lnTo>
                    <a:pt x="830173" y="236809"/>
                  </a:lnTo>
                  <a:lnTo>
                    <a:pt x="833627" y="219710"/>
                  </a:lnTo>
                  <a:lnTo>
                    <a:pt x="833627" y="43942"/>
                  </a:lnTo>
                  <a:lnTo>
                    <a:pt x="830173" y="26842"/>
                  </a:lnTo>
                  <a:lnTo>
                    <a:pt x="820753" y="12874"/>
                  </a:lnTo>
                  <a:lnTo>
                    <a:pt x="806785" y="3454"/>
                  </a:lnTo>
                  <a:lnTo>
                    <a:pt x="789686" y="0"/>
                  </a:lnTo>
                  <a:close/>
                </a:path>
              </a:pathLst>
            </a:custGeom>
            <a:solidFill>
              <a:srgbClr val="CCFFFF"/>
            </a:solidFill>
          </p:spPr>
          <p:txBody>
            <a:bodyPr wrap="square" lIns="0" tIns="0" rIns="0" bIns="0" rtlCol="0"/>
            <a:lstStyle/>
            <a:p>
              <a:endParaRPr/>
            </a:p>
          </p:txBody>
        </p:sp>
        <p:sp>
          <p:nvSpPr>
            <p:cNvPr id="62" name="object 62"/>
            <p:cNvSpPr/>
            <p:nvPr/>
          </p:nvSpPr>
          <p:spPr>
            <a:xfrm>
              <a:off x="3377946" y="2434589"/>
              <a:ext cx="833755" cy="264160"/>
            </a:xfrm>
            <a:custGeom>
              <a:avLst/>
              <a:gdLst/>
              <a:ahLst/>
              <a:cxnLst/>
              <a:rect l="l" t="t" r="r" b="b"/>
              <a:pathLst>
                <a:path w="833754" h="264160">
                  <a:moveTo>
                    <a:pt x="0" y="43942"/>
                  </a:moveTo>
                  <a:lnTo>
                    <a:pt x="3454" y="26842"/>
                  </a:lnTo>
                  <a:lnTo>
                    <a:pt x="12874" y="12874"/>
                  </a:lnTo>
                  <a:lnTo>
                    <a:pt x="26842" y="3454"/>
                  </a:lnTo>
                  <a:lnTo>
                    <a:pt x="43941" y="0"/>
                  </a:lnTo>
                  <a:lnTo>
                    <a:pt x="789686" y="0"/>
                  </a:lnTo>
                  <a:lnTo>
                    <a:pt x="806785" y="3454"/>
                  </a:lnTo>
                  <a:lnTo>
                    <a:pt x="820753" y="12874"/>
                  </a:lnTo>
                  <a:lnTo>
                    <a:pt x="830173" y="26842"/>
                  </a:lnTo>
                  <a:lnTo>
                    <a:pt x="833627" y="43942"/>
                  </a:lnTo>
                  <a:lnTo>
                    <a:pt x="833627" y="219710"/>
                  </a:lnTo>
                  <a:lnTo>
                    <a:pt x="830173" y="236809"/>
                  </a:lnTo>
                  <a:lnTo>
                    <a:pt x="820753" y="250777"/>
                  </a:lnTo>
                  <a:lnTo>
                    <a:pt x="806785" y="260197"/>
                  </a:lnTo>
                  <a:lnTo>
                    <a:pt x="789686" y="263651"/>
                  </a:lnTo>
                  <a:lnTo>
                    <a:pt x="43941" y="263651"/>
                  </a:lnTo>
                  <a:lnTo>
                    <a:pt x="26842" y="260197"/>
                  </a:lnTo>
                  <a:lnTo>
                    <a:pt x="12874" y="250777"/>
                  </a:lnTo>
                  <a:lnTo>
                    <a:pt x="3454" y="236809"/>
                  </a:lnTo>
                  <a:lnTo>
                    <a:pt x="0" y="219710"/>
                  </a:lnTo>
                  <a:lnTo>
                    <a:pt x="0" y="43942"/>
                  </a:lnTo>
                  <a:close/>
                </a:path>
              </a:pathLst>
            </a:custGeom>
            <a:ln w="19812">
              <a:solidFill>
                <a:srgbClr val="385D89"/>
              </a:solidFill>
            </a:ln>
          </p:spPr>
          <p:txBody>
            <a:bodyPr wrap="square" lIns="0" tIns="0" rIns="0" bIns="0" rtlCol="0"/>
            <a:lstStyle/>
            <a:p>
              <a:endParaRPr/>
            </a:p>
          </p:txBody>
        </p:sp>
      </p:grpSp>
      <p:grpSp>
        <p:nvGrpSpPr>
          <p:cNvPr id="63" name="object 63"/>
          <p:cNvGrpSpPr/>
          <p:nvPr/>
        </p:nvGrpSpPr>
        <p:grpSpPr>
          <a:xfrm>
            <a:off x="6019546" y="2557017"/>
            <a:ext cx="2595880" cy="1431925"/>
            <a:chOff x="6019546" y="2557017"/>
            <a:chExt cx="2595880" cy="1431925"/>
          </a:xfrm>
        </p:grpSpPr>
        <p:sp>
          <p:nvSpPr>
            <p:cNvPr id="64" name="object 64"/>
            <p:cNvSpPr/>
            <p:nvPr/>
          </p:nvSpPr>
          <p:spPr>
            <a:xfrm>
              <a:off x="6029706" y="2567177"/>
              <a:ext cx="2575560" cy="1411605"/>
            </a:xfrm>
            <a:custGeom>
              <a:avLst/>
              <a:gdLst/>
              <a:ahLst/>
              <a:cxnLst/>
              <a:rect l="l" t="t" r="r" b="b"/>
              <a:pathLst>
                <a:path w="2575559" h="1411604">
                  <a:moveTo>
                    <a:pt x="0" y="123698"/>
                  </a:moveTo>
                  <a:lnTo>
                    <a:pt x="9719" y="75545"/>
                  </a:lnTo>
                  <a:lnTo>
                    <a:pt x="36226" y="36226"/>
                  </a:lnTo>
                  <a:lnTo>
                    <a:pt x="75545" y="9719"/>
                  </a:lnTo>
                  <a:lnTo>
                    <a:pt x="123698" y="0"/>
                  </a:lnTo>
                  <a:lnTo>
                    <a:pt x="2451862" y="0"/>
                  </a:lnTo>
                  <a:lnTo>
                    <a:pt x="2500014" y="9719"/>
                  </a:lnTo>
                  <a:lnTo>
                    <a:pt x="2539333" y="36226"/>
                  </a:lnTo>
                  <a:lnTo>
                    <a:pt x="2565840" y="75545"/>
                  </a:lnTo>
                  <a:lnTo>
                    <a:pt x="2575560" y="123698"/>
                  </a:lnTo>
                  <a:lnTo>
                    <a:pt x="2575560" y="1287526"/>
                  </a:lnTo>
                  <a:lnTo>
                    <a:pt x="2565840" y="1335678"/>
                  </a:lnTo>
                  <a:lnTo>
                    <a:pt x="2539333" y="1374997"/>
                  </a:lnTo>
                  <a:lnTo>
                    <a:pt x="2500014" y="1401504"/>
                  </a:lnTo>
                  <a:lnTo>
                    <a:pt x="2451862" y="1411224"/>
                  </a:lnTo>
                  <a:lnTo>
                    <a:pt x="123698" y="1411224"/>
                  </a:lnTo>
                  <a:lnTo>
                    <a:pt x="75545" y="1401504"/>
                  </a:lnTo>
                  <a:lnTo>
                    <a:pt x="36226" y="1374997"/>
                  </a:lnTo>
                  <a:lnTo>
                    <a:pt x="9719" y="1335678"/>
                  </a:lnTo>
                  <a:lnTo>
                    <a:pt x="0" y="1287526"/>
                  </a:lnTo>
                  <a:lnTo>
                    <a:pt x="0" y="123698"/>
                  </a:lnTo>
                  <a:close/>
                </a:path>
              </a:pathLst>
            </a:custGeom>
            <a:ln w="19812">
              <a:solidFill>
                <a:srgbClr val="4F81BC"/>
              </a:solidFill>
            </a:ln>
          </p:spPr>
          <p:txBody>
            <a:bodyPr wrap="square" lIns="0" tIns="0" rIns="0" bIns="0" rtlCol="0"/>
            <a:lstStyle/>
            <a:p>
              <a:endParaRPr/>
            </a:p>
          </p:txBody>
        </p:sp>
        <p:sp>
          <p:nvSpPr>
            <p:cNvPr id="65" name="object 65"/>
            <p:cNvSpPr/>
            <p:nvPr/>
          </p:nvSpPr>
          <p:spPr>
            <a:xfrm>
              <a:off x="6416040" y="2720339"/>
              <a:ext cx="1737360" cy="425450"/>
            </a:xfrm>
            <a:custGeom>
              <a:avLst/>
              <a:gdLst/>
              <a:ahLst/>
              <a:cxnLst/>
              <a:rect l="l" t="t" r="r" b="b"/>
              <a:pathLst>
                <a:path w="1737359" h="425450">
                  <a:moveTo>
                    <a:pt x="868680" y="0"/>
                  </a:moveTo>
                  <a:lnTo>
                    <a:pt x="797428" y="704"/>
                  </a:lnTo>
                  <a:lnTo>
                    <a:pt x="727764" y="2780"/>
                  </a:lnTo>
                  <a:lnTo>
                    <a:pt x="659910" y="6175"/>
                  </a:lnTo>
                  <a:lnTo>
                    <a:pt x="594091" y="10832"/>
                  </a:lnTo>
                  <a:lnTo>
                    <a:pt x="530530" y="16698"/>
                  </a:lnTo>
                  <a:lnTo>
                    <a:pt x="469450" y="23718"/>
                  </a:lnTo>
                  <a:lnTo>
                    <a:pt x="411075" y="31837"/>
                  </a:lnTo>
                  <a:lnTo>
                    <a:pt x="355628" y="41001"/>
                  </a:lnTo>
                  <a:lnTo>
                    <a:pt x="303333" y="51155"/>
                  </a:lnTo>
                  <a:lnTo>
                    <a:pt x="254412" y="62245"/>
                  </a:lnTo>
                  <a:lnTo>
                    <a:pt x="209090" y="74216"/>
                  </a:lnTo>
                  <a:lnTo>
                    <a:pt x="167591" y="87014"/>
                  </a:lnTo>
                  <a:lnTo>
                    <a:pt x="130136" y="100583"/>
                  </a:lnTo>
                  <a:lnTo>
                    <a:pt x="68258" y="129819"/>
                  </a:lnTo>
                  <a:lnTo>
                    <a:pt x="25243" y="161488"/>
                  </a:lnTo>
                  <a:lnTo>
                    <a:pt x="2879" y="195153"/>
                  </a:lnTo>
                  <a:lnTo>
                    <a:pt x="0" y="212598"/>
                  </a:lnTo>
                  <a:lnTo>
                    <a:pt x="2879" y="230042"/>
                  </a:lnTo>
                  <a:lnTo>
                    <a:pt x="25243" y="263707"/>
                  </a:lnTo>
                  <a:lnTo>
                    <a:pt x="68258" y="295376"/>
                  </a:lnTo>
                  <a:lnTo>
                    <a:pt x="130136" y="324612"/>
                  </a:lnTo>
                  <a:lnTo>
                    <a:pt x="167591" y="338181"/>
                  </a:lnTo>
                  <a:lnTo>
                    <a:pt x="209090" y="350979"/>
                  </a:lnTo>
                  <a:lnTo>
                    <a:pt x="254412" y="362950"/>
                  </a:lnTo>
                  <a:lnTo>
                    <a:pt x="303333" y="374040"/>
                  </a:lnTo>
                  <a:lnTo>
                    <a:pt x="355628" y="384194"/>
                  </a:lnTo>
                  <a:lnTo>
                    <a:pt x="411075" y="393358"/>
                  </a:lnTo>
                  <a:lnTo>
                    <a:pt x="469450" y="401477"/>
                  </a:lnTo>
                  <a:lnTo>
                    <a:pt x="530530" y="408497"/>
                  </a:lnTo>
                  <a:lnTo>
                    <a:pt x="594091" y="414363"/>
                  </a:lnTo>
                  <a:lnTo>
                    <a:pt x="659910" y="419020"/>
                  </a:lnTo>
                  <a:lnTo>
                    <a:pt x="727764" y="422415"/>
                  </a:lnTo>
                  <a:lnTo>
                    <a:pt x="797428" y="424491"/>
                  </a:lnTo>
                  <a:lnTo>
                    <a:pt x="868680" y="425196"/>
                  </a:lnTo>
                  <a:lnTo>
                    <a:pt x="939931" y="424491"/>
                  </a:lnTo>
                  <a:lnTo>
                    <a:pt x="1009595" y="422415"/>
                  </a:lnTo>
                  <a:lnTo>
                    <a:pt x="1077449" y="419020"/>
                  </a:lnTo>
                  <a:lnTo>
                    <a:pt x="1143268" y="414363"/>
                  </a:lnTo>
                  <a:lnTo>
                    <a:pt x="1206829" y="408497"/>
                  </a:lnTo>
                  <a:lnTo>
                    <a:pt x="1267909" y="401477"/>
                  </a:lnTo>
                  <a:lnTo>
                    <a:pt x="1326284" y="393358"/>
                  </a:lnTo>
                  <a:lnTo>
                    <a:pt x="1381731" y="384194"/>
                  </a:lnTo>
                  <a:lnTo>
                    <a:pt x="1434026" y="374040"/>
                  </a:lnTo>
                  <a:lnTo>
                    <a:pt x="1482947" y="362950"/>
                  </a:lnTo>
                  <a:lnTo>
                    <a:pt x="1528269" y="350979"/>
                  </a:lnTo>
                  <a:lnTo>
                    <a:pt x="1569768" y="338181"/>
                  </a:lnTo>
                  <a:lnTo>
                    <a:pt x="1607223" y="324612"/>
                  </a:lnTo>
                  <a:lnTo>
                    <a:pt x="1669101" y="295376"/>
                  </a:lnTo>
                  <a:lnTo>
                    <a:pt x="1712116" y="263707"/>
                  </a:lnTo>
                  <a:lnTo>
                    <a:pt x="1734480" y="230042"/>
                  </a:lnTo>
                  <a:lnTo>
                    <a:pt x="1737360" y="212598"/>
                  </a:lnTo>
                  <a:lnTo>
                    <a:pt x="1734480" y="195153"/>
                  </a:lnTo>
                  <a:lnTo>
                    <a:pt x="1712116" y="161488"/>
                  </a:lnTo>
                  <a:lnTo>
                    <a:pt x="1669101" y="129819"/>
                  </a:lnTo>
                  <a:lnTo>
                    <a:pt x="1607223" y="100583"/>
                  </a:lnTo>
                  <a:lnTo>
                    <a:pt x="1569768" y="87014"/>
                  </a:lnTo>
                  <a:lnTo>
                    <a:pt x="1528269" y="74216"/>
                  </a:lnTo>
                  <a:lnTo>
                    <a:pt x="1482947" y="62245"/>
                  </a:lnTo>
                  <a:lnTo>
                    <a:pt x="1434026" y="51155"/>
                  </a:lnTo>
                  <a:lnTo>
                    <a:pt x="1381731" y="41001"/>
                  </a:lnTo>
                  <a:lnTo>
                    <a:pt x="1326284" y="31837"/>
                  </a:lnTo>
                  <a:lnTo>
                    <a:pt x="1267909" y="23718"/>
                  </a:lnTo>
                  <a:lnTo>
                    <a:pt x="1206829" y="16698"/>
                  </a:lnTo>
                  <a:lnTo>
                    <a:pt x="1143268" y="10832"/>
                  </a:lnTo>
                  <a:lnTo>
                    <a:pt x="1077449" y="6175"/>
                  </a:lnTo>
                  <a:lnTo>
                    <a:pt x="1009595" y="2780"/>
                  </a:lnTo>
                  <a:lnTo>
                    <a:pt x="939931" y="704"/>
                  </a:lnTo>
                  <a:lnTo>
                    <a:pt x="868680" y="0"/>
                  </a:lnTo>
                  <a:close/>
                </a:path>
              </a:pathLst>
            </a:custGeom>
            <a:solidFill>
              <a:srgbClr val="FDBD9A"/>
            </a:solidFill>
          </p:spPr>
          <p:txBody>
            <a:bodyPr wrap="square" lIns="0" tIns="0" rIns="0" bIns="0" rtlCol="0"/>
            <a:lstStyle/>
            <a:p>
              <a:endParaRPr/>
            </a:p>
          </p:txBody>
        </p:sp>
        <p:sp>
          <p:nvSpPr>
            <p:cNvPr id="66" name="object 66"/>
            <p:cNvSpPr/>
            <p:nvPr/>
          </p:nvSpPr>
          <p:spPr>
            <a:xfrm>
              <a:off x="6416040" y="2720339"/>
              <a:ext cx="1737360" cy="425450"/>
            </a:xfrm>
            <a:custGeom>
              <a:avLst/>
              <a:gdLst/>
              <a:ahLst/>
              <a:cxnLst/>
              <a:rect l="l" t="t" r="r" b="b"/>
              <a:pathLst>
                <a:path w="1737359" h="425450">
                  <a:moveTo>
                    <a:pt x="0" y="212598"/>
                  </a:moveTo>
                  <a:lnTo>
                    <a:pt x="25243" y="161488"/>
                  </a:lnTo>
                  <a:lnTo>
                    <a:pt x="68258" y="129819"/>
                  </a:lnTo>
                  <a:lnTo>
                    <a:pt x="130136" y="100583"/>
                  </a:lnTo>
                  <a:lnTo>
                    <a:pt x="167591" y="87014"/>
                  </a:lnTo>
                  <a:lnTo>
                    <a:pt x="209090" y="74216"/>
                  </a:lnTo>
                  <a:lnTo>
                    <a:pt x="254412" y="62245"/>
                  </a:lnTo>
                  <a:lnTo>
                    <a:pt x="303333" y="51155"/>
                  </a:lnTo>
                  <a:lnTo>
                    <a:pt x="355628" y="41001"/>
                  </a:lnTo>
                  <a:lnTo>
                    <a:pt x="411075" y="31837"/>
                  </a:lnTo>
                  <a:lnTo>
                    <a:pt x="469450" y="23718"/>
                  </a:lnTo>
                  <a:lnTo>
                    <a:pt x="530530" y="16698"/>
                  </a:lnTo>
                  <a:lnTo>
                    <a:pt x="594091" y="10832"/>
                  </a:lnTo>
                  <a:lnTo>
                    <a:pt x="659910" y="6175"/>
                  </a:lnTo>
                  <a:lnTo>
                    <a:pt x="727764" y="2780"/>
                  </a:lnTo>
                  <a:lnTo>
                    <a:pt x="797428" y="704"/>
                  </a:lnTo>
                  <a:lnTo>
                    <a:pt x="868680" y="0"/>
                  </a:lnTo>
                  <a:lnTo>
                    <a:pt x="939931" y="704"/>
                  </a:lnTo>
                  <a:lnTo>
                    <a:pt x="1009595" y="2780"/>
                  </a:lnTo>
                  <a:lnTo>
                    <a:pt x="1077449" y="6175"/>
                  </a:lnTo>
                  <a:lnTo>
                    <a:pt x="1143268" y="10832"/>
                  </a:lnTo>
                  <a:lnTo>
                    <a:pt x="1206829" y="16698"/>
                  </a:lnTo>
                  <a:lnTo>
                    <a:pt x="1267909" y="23718"/>
                  </a:lnTo>
                  <a:lnTo>
                    <a:pt x="1326284" y="31837"/>
                  </a:lnTo>
                  <a:lnTo>
                    <a:pt x="1381731" y="41001"/>
                  </a:lnTo>
                  <a:lnTo>
                    <a:pt x="1434026" y="51155"/>
                  </a:lnTo>
                  <a:lnTo>
                    <a:pt x="1482947" y="62245"/>
                  </a:lnTo>
                  <a:lnTo>
                    <a:pt x="1528269" y="74216"/>
                  </a:lnTo>
                  <a:lnTo>
                    <a:pt x="1569768" y="87014"/>
                  </a:lnTo>
                  <a:lnTo>
                    <a:pt x="1607223" y="100583"/>
                  </a:lnTo>
                  <a:lnTo>
                    <a:pt x="1669101" y="129819"/>
                  </a:lnTo>
                  <a:lnTo>
                    <a:pt x="1712116" y="161488"/>
                  </a:lnTo>
                  <a:lnTo>
                    <a:pt x="1734480" y="195153"/>
                  </a:lnTo>
                  <a:lnTo>
                    <a:pt x="1737360" y="212598"/>
                  </a:lnTo>
                  <a:lnTo>
                    <a:pt x="1734480" y="230042"/>
                  </a:lnTo>
                  <a:lnTo>
                    <a:pt x="1712116" y="263707"/>
                  </a:lnTo>
                  <a:lnTo>
                    <a:pt x="1669101" y="295376"/>
                  </a:lnTo>
                  <a:lnTo>
                    <a:pt x="1607223" y="324612"/>
                  </a:lnTo>
                  <a:lnTo>
                    <a:pt x="1569768" y="338181"/>
                  </a:lnTo>
                  <a:lnTo>
                    <a:pt x="1528269" y="350979"/>
                  </a:lnTo>
                  <a:lnTo>
                    <a:pt x="1482947" y="362950"/>
                  </a:lnTo>
                  <a:lnTo>
                    <a:pt x="1434026" y="374040"/>
                  </a:lnTo>
                  <a:lnTo>
                    <a:pt x="1381731" y="384194"/>
                  </a:lnTo>
                  <a:lnTo>
                    <a:pt x="1326284" y="393358"/>
                  </a:lnTo>
                  <a:lnTo>
                    <a:pt x="1267909" y="401477"/>
                  </a:lnTo>
                  <a:lnTo>
                    <a:pt x="1206829" y="408497"/>
                  </a:lnTo>
                  <a:lnTo>
                    <a:pt x="1143268" y="414363"/>
                  </a:lnTo>
                  <a:lnTo>
                    <a:pt x="1077449" y="419020"/>
                  </a:lnTo>
                  <a:lnTo>
                    <a:pt x="1009595" y="422415"/>
                  </a:lnTo>
                  <a:lnTo>
                    <a:pt x="939931" y="424491"/>
                  </a:lnTo>
                  <a:lnTo>
                    <a:pt x="868680" y="425196"/>
                  </a:lnTo>
                  <a:lnTo>
                    <a:pt x="797428" y="424491"/>
                  </a:lnTo>
                  <a:lnTo>
                    <a:pt x="727764" y="422415"/>
                  </a:lnTo>
                  <a:lnTo>
                    <a:pt x="659910" y="419020"/>
                  </a:lnTo>
                  <a:lnTo>
                    <a:pt x="594091" y="414363"/>
                  </a:lnTo>
                  <a:lnTo>
                    <a:pt x="530530" y="408497"/>
                  </a:lnTo>
                  <a:lnTo>
                    <a:pt x="469450" y="401477"/>
                  </a:lnTo>
                  <a:lnTo>
                    <a:pt x="411075" y="393358"/>
                  </a:lnTo>
                  <a:lnTo>
                    <a:pt x="355628" y="384194"/>
                  </a:lnTo>
                  <a:lnTo>
                    <a:pt x="303333" y="374040"/>
                  </a:lnTo>
                  <a:lnTo>
                    <a:pt x="254412" y="362950"/>
                  </a:lnTo>
                  <a:lnTo>
                    <a:pt x="209090" y="350979"/>
                  </a:lnTo>
                  <a:lnTo>
                    <a:pt x="167591" y="338181"/>
                  </a:lnTo>
                  <a:lnTo>
                    <a:pt x="130136" y="324612"/>
                  </a:lnTo>
                  <a:lnTo>
                    <a:pt x="68258" y="295376"/>
                  </a:lnTo>
                  <a:lnTo>
                    <a:pt x="25243" y="263707"/>
                  </a:lnTo>
                  <a:lnTo>
                    <a:pt x="2879" y="230042"/>
                  </a:lnTo>
                  <a:lnTo>
                    <a:pt x="0" y="212598"/>
                  </a:lnTo>
                  <a:close/>
                </a:path>
              </a:pathLst>
            </a:custGeom>
            <a:ln w="12192">
              <a:solidFill>
                <a:srgbClr val="000000"/>
              </a:solidFill>
            </a:ln>
          </p:spPr>
          <p:txBody>
            <a:bodyPr wrap="square" lIns="0" tIns="0" rIns="0" bIns="0" rtlCol="0"/>
            <a:lstStyle/>
            <a:p>
              <a:endParaRPr/>
            </a:p>
          </p:txBody>
        </p:sp>
        <p:sp>
          <p:nvSpPr>
            <p:cNvPr id="67" name="object 67"/>
            <p:cNvSpPr/>
            <p:nvPr/>
          </p:nvSpPr>
          <p:spPr>
            <a:xfrm>
              <a:off x="6094476" y="3427475"/>
              <a:ext cx="594360" cy="361315"/>
            </a:xfrm>
            <a:custGeom>
              <a:avLst/>
              <a:gdLst/>
              <a:ahLst/>
              <a:cxnLst/>
              <a:rect l="l" t="t" r="r" b="b"/>
              <a:pathLst>
                <a:path w="594359" h="361314">
                  <a:moveTo>
                    <a:pt x="297179" y="0"/>
                  </a:moveTo>
                  <a:lnTo>
                    <a:pt x="237300" y="3670"/>
                  </a:lnTo>
                  <a:lnTo>
                    <a:pt x="181522" y="14198"/>
                  </a:lnTo>
                  <a:lnTo>
                    <a:pt x="131043" y="30854"/>
                  </a:lnTo>
                  <a:lnTo>
                    <a:pt x="87058" y="52911"/>
                  </a:lnTo>
                  <a:lnTo>
                    <a:pt x="50765" y="79641"/>
                  </a:lnTo>
                  <a:lnTo>
                    <a:pt x="23360" y="110317"/>
                  </a:lnTo>
                  <a:lnTo>
                    <a:pt x="0" y="180594"/>
                  </a:lnTo>
                  <a:lnTo>
                    <a:pt x="6039" y="216977"/>
                  </a:lnTo>
                  <a:lnTo>
                    <a:pt x="50765" y="281546"/>
                  </a:lnTo>
                  <a:lnTo>
                    <a:pt x="87058" y="308276"/>
                  </a:lnTo>
                  <a:lnTo>
                    <a:pt x="131043" y="330333"/>
                  </a:lnTo>
                  <a:lnTo>
                    <a:pt x="181522" y="346989"/>
                  </a:lnTo>
                  <a:lnTo>
                    <a:pt x="237300" y="357517"/>
                  </a:lnTo>
                  <a:lnTo>
                    <a:pt x="297179" y="361188"/>
                  </a:lnTo>
                  <a:lnTo>
                    <a:pt x="357059" y="357517"/>
                  </a:lnTo>
                  <a:lnTo>
                    <a:pt x="412837" y="346989"/>
                  </a:lnTo>
                  <a:lnTo>
                    <a:pt x="463316" y="330333"/>
                  </a:lnTo>
                  <a:lnTo>
                    <a:pt x="507301" y="308276"/>
                  </a:lnTo>
                  <a:lnTo>
                    <a:pt x="543594" y="281546"/>
                  </a:lnTo>
                  <a:lnTo>
                    <a:pt x="570999" y="250870"/>
                  </a:lnTo>
                  <a:lnTo>
                    <a:pt x="594359" y="180594"/>
                  </a:lnTo>
                  <a:lnTo>
                    <a:pt x="588320" y="144210"/>
                  </a:lnTo>
                  <a:lnTo>
                    <a:pt x="543594" y="79641"/>
                  </a:lnTo>
                  <a:lnTo>
                    <a:pt x="507301" y="52911"/>
                  </a:lnTo>
                  <a:lnTo>
                    <a:pt x="463316" y="30854"/>
                  </a:lnTo>
                  <a:lnTo>
                    <a:pt x="412837" y="14198"/>
                  </a:lnTo>
                  <a:lnTo>
                    <a:pt x="357059" y="3670"/>
                  </a:lnTo>
                  <a:lnTo>
                    <a:pt x="297179" y="0"/>
                  </a:lnTo>
                  <a:close/>
                </a:path>
              </a:pathLst>
            </a:custGeom>
            <a:solidFill>
              <a:srgbClr val="FDBD9A"/>
            </a:solidFill>
          </p:spPr>
          <p:txBody>
            <a:bodyPr wrap="square" lIns="0" tIns="0" rIns="0" bIns="0" rtlCol="0"/>
            <a:lstStyle/>
            <a:p>
              <a:endParaRPr/>
            </a:p>
          </p:txBody>
        </p:sp>
        <p:sp>
          <p:nvSpPr>
            <p:cNvPr id="68" name="object 68"/>
            <p:cNvSpPr/>
            <p:nvPr/>
          </p:nvSpPr>
          <p:spPr>
            <a:xfrm>
              <a:off x="6094476" y="3427475"/>
              <a:ext cx="594360" cy="361315"/>
            </a:xfrm>
            <a:custGeom>
              <a:avLst/>
              <a:gdLst/>
              <a:ahLst/>
              <a:cxnLst/>
              <a:rect l="l" t="t" r="r" b="b"/>
              <a:pathLst>
                <a:path w="594359" h="361314">
                  <a:moveTo>
                    <a:pt x="0" y="180594"/>
                  </a:moveTo>
                  <a:lnTo>
                    <a:pt x="23360" y="110317"/>
                  </a:lnTo>
                  <a:lnTo>
                    <a:pt x="50765" y="79641"/>
                  </a:lnTo>
                  <a:lnTo>
                    <a:pt x="87058" y="52911"/>
                  </a:lnTo>
                  <a:lnTo>
                    <a:pt x="131043" y="30854"/>
                  </a:lnTo>
                  <a:lnTo>
                    <a:pt x="181522" y="14198"/>
                  </a:lnTo>
                  <a:lnTo>
                    <a:pt x="237300" y="3670"/>
                  </a:lnTo>
                  <a:lnTo>
                    <a:pt x="297179" y="0"/>
                  </a:lnTo>
                  <a:lnTo>
                    <a:pt x="357059" y="3670"/>
                  </a:lnTo>
                  <a:lnTo>
                    <a:pt x="412837" y="14198"/>
                  </a:lnTo>
                  <a:lnTo>
                    <a:pt x="463316" y="30854"/>
                  </a:lnTo>
                  <a:lnTo>
                    <a:pt x="507301" y="52911"/>
                  </a:lnTo>
                  <a:lnTo>
                    <a:pt x="543594" y="79641"/>
                  </a:lnTo>
                  <a:lnTo>
                    <a:pt x="570999" y="110317"/>
                  </a:lnTo>
                  <a:lnTo>
                    <a:pt x="594359" y="180594"/>
                  </a:lnTo>
                  <a:lnTo>
                    <a:pt x="588320" y="216977"/>
                  </a:lnTo>
                  <a:lnTo>
                    <a:pt x="543594" y="281546"/>
                  </a:lnTo>
                  <a:lnTo>
                    <a:pt x="507301" y="308276"/>
                  </a:lnTo>
                  <a:lnTo>
                    <a:pt x="463316" y="330333"/>
                  </a:lnTo>
                  <a:lnTo>
                    <a:pt x="412837" y="346989"/>
                  </a:lnTo>
                  <a:lnTo>
                    <a:pt x="357059" y="357517"/>
                  </a:lnTo>
                  <a:lnTo>
                    <a:pt x="297179" y="361188"/>
                  </a:lnTo>
                  <a:lnTo>
                    <a:pt x="237300" y="357517"/>
                  </a:lnTo>
                  <a:lnTo>
                    <a:pt x="181522" y="346989"/>
                  </a:lnTo>
                  <a:lnTo>
                    <a:pt x="131043" y="330333"/>
                  </a:lnTo>
                  <a:lnTo>
                    <a:pt x="87058" y="308276"/>
                  </a:lnTo>
                  <a:lnTo>
                    <a:pt x="50765" y="281546"/>
                  </a:lnTo>
                  <a:lnTo>
                    <a:pt x="23360" y="250870"/>
                  </a:lnTo>
                  <a:lnTo>
                    <a:pt x="0" y="180594"/>
                  </a:lnTo>
                  <a:close/>
                </a:path>
              </a:pathLst>
            </a:custGeom>
            <a:ln w="12192">
              <a:solidFill>
                <a:srgbClr val="000000"/>
              </a:solidFill>
            </a:ln>
          </p:spPr>
          <p:txBody>
            <a:bodyPr wrap="square" lIns="0" tIns="0" rIns="0" bIns="0" rtlCol="0"/>
            <a:lstStyle/>
            <a:p>
              <a:endParaRPr/>
            </a:p>
          </p:txBody>
        </p:sp>
      </p:grpSp>
      <p:sp>
        <p:nvSpPr>
          <p:cNvPr id="69" name="object 69"/>
          <p:cNvSpPr txBox="1"/>
          <p:nvPr/>
        </p:nvSpPr>
        <p:spPr>
          <a:xfrm>
            <a:off x="2418969" y="3518738"/>
            <a:ext cx="4127500" cy="208915"/>
          </a:xfrm>
          <a:prstGeom prst="rect">
            <a:avLst/>
          </a:prstGeom>
        </p:spPr>
        <p:txBody>
          <a:bodyPr vert="horz" wrap="square" lIns="0" tIns="12700" rIns="0" bIns="0" rtlCol="0">
            <a:spAutoFit/>
          </a:bodyPr>
          <a:lstStyle/>
          <a:p>
            <a:pPr marL="12700">
              <a:lnSpc>
                <a:spcPct val="100000"/>
              </a:lnSpc>
              <a:spcBef>
                <a:spcPts val="100"/>
              </a:spcBef>
              <a:tabLst>
                <a:tab pos="1303655" algn="l"/>
                <a:tab pos="2014855" algn="l"/>
                <a:tab pos="2729230" algn="l"/>
                <a:tab pos="3833495" algn="l"/>
              </a:tabLst>
            </a:pPr>
            <a:r>
              <a:rPr sz="1200" spc="-10" dirty="0">
                <a:latin typeface="BIZ UDPゴシック"/>
                <a:cs typeface="BIZ UDPゴシック"/>
              </a:rPr>
              <a:t>C</a:t>
            </a:r>
            <a:r>
              <a:rPr sz="1200" spc="-50" dirty="0">
                <a:latin typeface="BIZ UDPゴシック"/>
                <a:cs typeface="BIZ UDPゴシック"/>
              </a:rPr>
              <a:t>村</a:t>
            </a:r>
            <a:r>
              <a:rPr sz="1200" dirty="0">
                <a:latin typeface="BIZ UDPゴシック"/>
                <a:cs typeface="BIZ UDPゴシック"/>
              </a:rPr>
              <a:t>	</a:t>
            </a:r>
            <a:r>
              <a:rPr sz="1800" spc="-15" baseline="2314" dirty="0">
                <a:latin typeface="BIZ UDPゴシック"/>
                <a:cs typeface="BIZ UDPゴシック"/>
              </a:rPr>
              <a:t>A</a:t>
            </a:r>
            <a:r>
              <a:rPr sz="1800" spc="-75" baseline="2314" dirty="0">
                <a:latin typeface="BIZ UDPゴシック"/>
                <a:cs typeface="BIZ UDPゴシック"/>
              </a:rPr>
              <a:t>市</a:t>
            </a:r>
            <a:r>
              <a:rPr sz="1800" baseline="2314" dirty="0">
                <a:latin typeface="BIZ UDPゴシック"/>
                <a:cs typeface="BIZ UDPゴシック"/>
              </a:rPr>
              <a:t>	</a:t>
            </a:r>
            <a:r>
              <a:rPr sz="1800" spc="-15" baseline="2314" dirty="0">
                <a:latin typeface="BIZ UDPゴシック"/>
                <a:cs typeface="BIZ UDPゴシック"/>
              </a:rPr>
              <a:t>B</a:t>
            </a:r>
            <a:r>
              <a:rPr sz="1800" spc="-75" baseline="2314" dirty="0">
                <a:latin typeface="BIZ UDPゴシック"/>
                <a:cs typeface="BIZ UDPゴシック"/>
              </a:rPr>
              <a:t>町</a:t>
            </a:r>
            <a:r>
              <a:rPr sz="1800" baseline="2314" dirty="0">
                <a:latin typeface="BIZ UDPゴシック"/>
                <a:cs typeface="BIZ UDPゴシック"/>
              </a:rPr>
              <a:t>	</a:t>
            </a:r>
            <a:r>
              <a:rPr sz="1200" spc="-10" dirty="0">
                <a:latin typeface="BIZ UDPゴシック"/>
                <a:cs typeface="BIZ UDPゴシック"/>
              </a:rPr>
              <a:t>C</a:t>
            </a:r>
            <a:r>
              <a:rPr sz="1200" spc="-50" dirty="0">
                <a:latin typeface="BIZ UDPゴシック"/>
                <a:cs typeface="BIZ UDPゴシック"/>
              </a:rPr>
              <a:t>村</a:t>
            </a:r>
            <a:r>
              <a:rPr sz="1200" dirty="0">
                <a:latin typeface="BIZ UDPゴシック"/>
                <a:cs typeface="BIZ UDPゴシック"/>
              </a:rPr>
              <a:t>	</a:t>
            </a:r>
            <a:r>
              <a:rPr sz="1800" spc="-37" baseline="2314" dirty="0">
                <a:latin typeface="BIZ UDPゴシック"/>
                <a:cs typeface="BIZ UDPゴシック"/>
              </a:rPr>
              <a:t>D</a:t>
            </a:r>
            <a:r>
              <a:rPr sz="1800" spc="-75" baseline="2314" dirty="0">
                <a:latin typeface="BIZ UDPゴシック"/>
                <a:cs typeface="BIZ UDPゴシック"/>
              </a:rPr>
              <a:t>町</a:t>
            </a:r>
            <a:endParaRPr sz="1800" baseline="2314">
              <a:latin typeface="BIZ UDPゴシック"/>
              <a:cs typeface="BIZ UDPゴシック"/>
            </a:endParaRPr>
          </a:p>
        </p:txBody>
      </p:sp>
      <p:grpSp>
        <p:nvGrpSpPr>
          <p:cNvPr id="70" name="object 70"/>
          <p:cNvGrpSpPr/>
          <p:nvPr/>
        </p:nvGrpSpPr>
        <p:grpSpPr>
          <a:xfrm>
            <a:off x="7938261" y="3425697"/>
            <a:ext cx="608965" cy="374015"/>
            <a:chOff x="7938261" y="3425697"/>
            <a:chExt cx="608965" cy="374015"/>
          </a:xfrm>
        </p:grpSpPr>
        <p:sp>
          <p:nvSpPr>
            <p:cNvPr id="71" name="object 71"/>
            <p:cNvSpPr/>
            <p:nvPr/>
          </p:nvSpPr>
          <p:spPr>
            <a:xfrm>
              <a:off x="7944611" y="3432047"/>
              <a:ext cx="596265" cy="361315"/>
            </a:xfrm>
            <a:custGeom>
              <a:avLst/>
              <a:gdLst/>
              <a:ahLst/>
              <a:cxnLst/>
              <a:rect l="l" t="t" r="r" b="b"/>
              <a:pathLst>
                <a:path w="596265" h="361314">
                  <a:moveTo>
                    <a:pt x="297942" y="0"/>
                  </a:moveTo>
                  <a:lnTo>
                    <a:pt x="237883" y="3670"/>
                  </a:lnTo>
                  <a:lnTo>
                    <a:pt x="181951" y="14198"/>
                  </a:lnTo>
                  <a:lnTo>
                    <a:pt x="131340" y="30854"/>
                  </a:lnTo>
                  <a:lnTo>
                    <a:pt x="87249" y="52911"/>
                  </a:lnTo>
                  <a:lnTo>
                    <a:pt x="50872" y="79641"/>
                  </a:lnTo>
                  <a:lnTo>
                    <a:pt x="23407" y="110317"/>
                  </a:lnTo>
                  <a:lnTo>
                    <a:pt x="0" y="180594"/>
                  </a:lnTo>
                  <a:lnTo>
                    <a:pt x="6051" y="216977"/>
                  </a:lnTo>
                  <a:lnTo>
                    <a:pt x="50872" y="281546"/>
                  </a:lnTo>
                  <a:lnTo>
                    <a:pt x="87249" y="308276"/>
                  </a:lnTo>
                  <a:lnTo>
                    <a:pt x="131340" y="330333"/>
                  </a:lnTo>
                  <a:lnTo>
                    <a:pt x="181951" y="346989"/>
                  </a:lnTo>
                  <a:lnTo>
                    <a:pt x="237883" y="357517"/>
                  </a:lnTo>
                  <a:lnTo>
                    <a:pt x="297942" y="361188"/>
                  </a:lnTo>
                  <a:lnTo>
                    <a:pt x="358000" y="357517"/>
                  </a:lnTo>
                  <a:lnTo>
                    <a:pt x="413932" y="346989"/>
                  </a:lnTo>
                  <a:lnTo>
                    <a:pt x="464543" y="330333"/>
                  </a:lnTo>
                  <a:lnTo>
                    <a:pt x="508635" y="308276"/>
                  </a:lnTo>
                  <a:lnTo>
                    <a:pt x="545011" y="281546"/>
                  </a:lnTo>
                  <a:lnTo>
                    <a:pt x="572476" y="250870"/>
                  </a:lnTo>
                  <a:lnTo>
                    <a:pt x="595884" y="180594"/>
                  </a:lnTo>
                  <a:lnTo>
                    <a:pt x="589832" y="144210"/>
                  </a:lnTo>
                  <a:lnTo>
                    <a:pt x="545011" y="79641"/>
                  </a:lnTo>
                  <a:lnTo>
                    <a:pt x="508634" y="52911"/>
                  </a:lnTo>
                  <a:lnTo>
                    <a:pt x="464543" y="30854"/>
                  </a:lnTo>
                  <a:lnTo>
                    <a:pt x="413932" y="14198"/>
                  </a:lnTo>
                  <a:lnTo>
                    <a:pt x="358000" y="3670"/>
                  </a:lnTo>
                  <a:lnTo>
                    <a:pt x="297942" y="0"/>
                  </a:lnTo>
                  <a:close/>
                </a:path>
              </a:pathLst>
            </a:custGeom>
            <a:solidFill>
              <a:srgbClr val="FDBD9A"/>
            </a:solidFill>
          </p:spPr>
          <p:txBody>
            <a:bodyPr wrap="square" lIns="0" tIns="0" rIns="0" bIns="0" rtlCol="0"/>
            <a:lstStyle/>
            <a:p>
              <a:endParaRPr/>
            </a:p>
          </p:txBody>
        </p:sp>
        <p:sp>
          <p:nvSpPr>
            <p:cNvPr id="72" name="object 72"/>
            <p:cNvSpPr/>
            <p:nvPr/>
          </p:nvSpPr>
          <p:spPr>
            <a:xfrm>
              <a:off x="7944611" y="3432047"/>
              <a:ext cx="596265" cy="361315"/>
            </a:xfrm>
            <a:custGeom>
              <a:avLst/>
              <a:gdLst/>
              <a:ahLst/>
              <a:cxnLst/>
              <a:rect l="l" t="t" r="r" b="b"/>
              <a:pathLst>
                <a:path w="596265" h="361314">
                  <a:moveTo>
                    <a:pt x="0" y="180594"/>
                  </a:moveTo>
                  <a:lnTo>
                    <a:pt x="23407" y="110317"/>
                  </a:lnTo>
                  <a:lnTo>
                    <a:pt x="50872" y="79641"/>
                  </a:lnTo>
                  <a:lnTo>
                    <a:pt x="87249" y="52911"/>
                  </a:lnTo>
                  <a:lnTo>
                    <a:pt x="131340" y="30854"/>
                  </a:lnTo>
                  <a:lnTo>
                    <a:pt x="181951" y="14198"/>
                  </a:lnTo>
                  <a:lnTo>
                    <a:pt x="237883" y="3670"/>
                  </a:lnTo>
                  <a:lnTo>
                    <a:pt x="297942" y="0"/>
                  </a:lnTo>
                  <a:lnTo>
                    <a:pt x="358000" y="3670"/>
                  </a:lnTo>
                  <a:lnTo>
                    <a:pt x="413932" y="14198"/>
                  </a:lnTo>
                  <a:lnTo>
                    <a:pt x="464543" y="30854"/>
                  </a:lnTo>
                  <a:lnTo>
                    <a:pt x="508634" y="52911"/>
                  </a:lnTo>
                  <a:lnTo>
                    <a:pt x="545011" y="79641"/>
                  </a:lnTo>
                  <a:lnTo>
                    <a:pt x="572476" y="110317"/>
                  </a:lnTo>
                  <a:lnTo>
                    <a:pt x="595884" y="180594"/>
                  </a:lnTo>
                  <a:lnTo>
                    <a:pt x="589832" y="216977"/>
                  </a:lnTo>
                  <a:lnTo>
                    <a:pt x="545011" y="281546"/>
                  </a:lnTo>
                  <a:lnTo>
                    <a:pt x="508635" y="308276"/>
                  </a:lnTo>
                  <a:lnTo>
                    <a:pt x="464543" y="330333"/>
                  </a:lnTo>
                  <a:lnTo>
                    <a:pt x="413932" y="346989"/>
                  </a:lnTo>
                  <a:lnTo>
                    <a:pt x="358000" y="357517"/>
                  </a:lnTo>
                  <a:lnTo>
                    <a:pt x="297942" y="361188"/>
                  </a:lnTo>
                  <a:lnTo>
                    <a:pt x="237883" y="357517"/>
                  </a:lnTo>
                  <a:lnTo>
                    <a:pt x="181951" y="346989"/>
                  </a:lnTo>
                  <a:lnTo>
                    <a:pt x="131340" y="330333"/>
                  </a:lnTo>
                  <a:lnTo>
                    <a:pt x="87249" y="308276"/>
                  </a:lnTo>
                  <a:lnTo>
                    <a:pt x="50872" y="281546"/>
                  </a:lnTo>
                  <a:lnTo>
                    <a:pt x="23407" y="250870"/>
                  </a:lnTo>
                  <a:lnTo>
                    <a:pt x="0" y="180594"/>
                  </a:lnTo>
                  <a:close/>
                </a:path>
              </a:pathLst>
            </a:custGeom>
            <a:ln w="12192">
              <a:solidFill>
                <a:srgbClr val="000000"/>
              </a:solidFill>
            </a:ln>
          </p:spPr>
          <p:txBody>
            <a:bodyPr wrap="square" lIns="0" tIns="0" rIns="0" bIns="0" rtlCol="0"/>
            <a:lstStyle/>
            <a:p>
              <a:endParaRPr/>
            </a:p>
          </p:txBody>
        </p:sp>
      </p:grpSp>
      <p:sp>
        <p:nvSpPr>
          <p:cNvPr id="73" name="object 73"/>
          <p:cNvSpPr txBox="1"/>
          <p:nvPr/>
        </p:nvSpPr>
        <p:spPr>
          <a:xfrm>
            <a:off x="6587108" y="3179445"/>
            <a:ext cx="1799589" cy="547370"/>
          </a:xfrm>
          <a:prstGeom prst="rect">
            <a:avLst/>
          </a:prstGeom>
        </p:spPr>
        <p:txBody>
          <a:bodyPr vert="horz" wrap="square" lIns="0" tIns="12700" rIns="0" bIns="0" rtlCol="0">
            <a:spAutoFit/>
          </a:bodyPr>
          <a:lstStyle/>
          <a:p>
            <a:pPr marL="12700">
              <a:lnSpc>
                <a:spcPct val="100000"/>
              </a:lnSpc>
              <a:spcBef>
                <a:spcPts val="100"/>
              </a:spcBef>
            </a:pPr>
            <a:r>
              <a:rPr sz="900" dirty="0">
                <a:latin typeface="Meiryo UI"/>
                <a:cs typeface="Meiryo UI"/>
              </a:rPr>
              <a:t>・職員を派遣（併任辞令を発令</a:t>
            </a:r>
            <a:r>
              <a:rPr sz="900" spc="-50" dirty="0">
                <a:latin typeface="Meiryo UI"/>
                <a:cs typeface="Meiryo UI"/>
              </a:rPr>
              <a:t>）</a:t>
            </a:r>
            <a:endParaRPr sz="900">
              <a:latin typeface="Meiryo UI"/>
              <a:cs typeface="Meiryo UI"/>
            </a:endParaRPr>
          </a:p>
          <a:p>
            <a:pPr marL="12700">
              <a:lnSpc>
                <a:spcPct val="100000"/>
              </a:lnSpc>
            </a:pPr>
            <a:r>
              <a:rPr sz="900" spc="-5" dirty="0">
                <a:latin typeface="Meiryo UI"/>
                <a:cs typeface="Meiryo UI"/>
              </a:rPr>
              <a:t>・県土木事務所で技術を習得</a:t>
            </a:r>
            <a:endParaRPr sz="900">
              <a:latin typeface="Meiryo UI"/>
              <a:cs typeface="Meiryo UI"/>
            </a:endParaRPr>
          </a:p>
          <a:p>
            <a:pPr marR="5080" algn="r">
              <a:lnSpc>
                <a:spcPct val="100000"/>
              </a:lnSpc>
              <a:spcBef>
                <a:spcPts val="505"/>
              </a:spcBef>
            </a:pPr>
            <a:r>
              <a:rPr sz="1200" spc="-10" dirty="0">
                <a:latin typeface="BIZ UDPゴシック"/>
                <a:cs typeface="BIZ UDPゴシック"/>
              </a:rPr>
              <a:t>E</a:t>
            </a:r>
            <a:r>
              <a:rPr sz="1200" spc="-50" dirty="0">
                <a:latin typeface="BIZ UDPゴシック"/>
                <a:cs typeface="BIZ UDPゴシック"/>
              </a:rPr>
              <a:t>村</a:t>
            </a:r>
            <a:endParaRPr sz="1200">
              <a:latin typeface="BIZ UDPゴシック"/>
              <a:cs typeface="BIZ UDPゴシック"/>
            </a:endParaRPr>
          </a:p>
        </p:txBody>
      </p:sp>
      <p:grpSp>
        <p:nvGrpSpPr>
          <p:cNvPr id="74" name="object 74"/>
          <p:cNvGrpSpPr/>
          <p:nvPr/>
        </p:nvGrpSpPr>
        <p:grpSpPr>
          <a:xfrm>
            <a:off x="6085332" y="2423160"/>
            <a:ext cx="2166620" cy="934085"/>
            <a:chOff x="6085332" y="2423160"/>
            <a:chExt cx="2166620" cy="934085"/>
          </a:xfrm>
        </p:grpSpPr>
        <p:pic>
          <p:nvPicPr>
            <p:cNvPr id="75" name="object 75"/>
            <p:cNvPicPr/>
            <p:nvPr/>
          </p:nvPicPr>
          <p:blipFill>
            <a:blip r:embed="rId8" cstate="print"/>
            <a:stretch>
              <a:fillRect/>
            </a:stretch>
          </p:blipFill>
          <p:spPr>
            <a:xfrm>
              <a:off x="6394894" y="3152076"/>
              <a:ext cx="159892" cy="203326"/>
            </a:xfrm>
            <a:prstGeom prst="rect">
              <a:avLst/>
            </a:prstGeom>
          </p:spPr>
        </p:pic>
        <p:pic>
          <p:nvPicPr>
            <p:cNvPr id="76" name="object 76"/>
            <p:cNvPicPr/>
            <p:nvPr/>
          </p:nvPicPr>
          <p:blipFill>
            <a:blip r:embed="rId9" cstate="print"/>
            <a:stretch>
              <a:fillRect/>
            </a:stretch>
          </p:blipFill>
          <p:spPr>
            <a:xfrm>
              <a:off x="8094535" y="3152330"/>
              <a:ext cx="157225" cy="204470"/>
            </a:xfrm>
            <a:prstGeom prst="rect">
              <a:avLst/>
            </a:prstGeom>
          </p:spPr>
        </p:pic>
        <p:sp>
          <p:nvSpPr>
            <p:cNvPr id="77" name="object 77"/>
            <p:cNvSpPr/>
            <p:nvPr/>
          </p:nvSpPr>
          <p:spPr>
            <a:xfrm>
              <a:off x="6095238" y="2433066"/>
              <a:ext cx="832485" cy="265430"/>
            </a:xfrm>
            <a:custGeom>
              <a:avLst/>
              <a:gdLst/>
              <a:ahLst/>
              <a:cxnLst/>
              <a:rect l="l" t="t" r="r" b="b"/>
              <a:pathLst>
                <a:path w="832484" h="265430">
                  <a:moveTo>
                    <a:pt x="787908" y="0"/>
                  </a:moveTo>
                  <a:lnTo>
                    <a:pt x="44196" y="0"/>
                  </a:lnTo>
                  <a:lnTo>
                    <a:pt x="27003" y="3476"/>
                  </a:lnTo>
                  <a:lnTo>
                    <a:pt x="12953" y="12954"/>
                  </a:lnTo>
                  <a:lnTo>
                    <a:pt x="3476" y="27003"/>
                  </a:lnTo>
                  <a:lnTo>
                    <a:pt x="0" y="44196"/>
                  </a:lnTo>
                  <a:lnTo>
                    <a:pt x="0" y="220980"/>
                  </a:lnTo>
                  <a:lnTo>
                    <a:pt x="3476" y="238172"/>
                  </a:lnTo>
                  <a:lnTo>
                    <a:pt x="12954" y="252222"/>
                  </a:lnTo>
                  <a:lnTo>
                    <a:pt x="27003" y="261699"/>
                  </a:lnTo>
                  <a:lnTo>
                    <a:pt x="44196" y="265175"/>
                  </a:lnTo>
                  <a:lnTo>
                    <a:pt x="787908" y="265175"/>
                  </a:lnTo>
                  <a:lnTo>
                    <a:pt x="805100" y="261699"/>
                  </a:lnTo>
                  <a:lnTo>
                    <a:pt x="819149" y="252222"/>
                  </a:lnTo>
                  <a:lnTo>
                    <a:pt x="828627" y="238172"/>
                  </a:lnTo>
                  <a:lnTo>
                    <a:pt x="832104" y="220980"/>
                  </a:lnTo>
                  <a:lnTo>
                    <a:pt x="832104" y="44196"/>
                  </a:lnTo>
                  <a:lnTo>
                    <a:pt x="828627" y="27003"/>
                  </a:lnTo>
                  <a:lnTo>
                    <a:pt x="819150" y="12953"/>
                  </a:lnTo>
                  <a:lnTo>
                    <a:pt x="805100" y="3476"/>
                  </a:lnTo>
                  <a:lnTo>
                    <a:pt x="787908" y="0"/>
                  </a:lnTo>
                  <a:close/>
                </a:path>
              </a:pathLst>
            </a:custGeom>
            <a:solidFill>
              <a:srgbClr val="CCFFFF"/>
            </a:solidFill>
          </p:spPr>
          <p:txBody>
            <a:bodyPr wrap="square" lIns="0" tIns="0" rIns="0" bIns="0" rtlCol="0"/>
            <a:lstStyle/>
            <a:p>
              <a:endParaRPr/>
            </a:p>
          </p:txBody>
        </p:sp>
        <p:sp>
          <p:nvSpPr>
            <p:cNvPr id="78" name="object 78"/>
            <p:cNvSpPr/>
            <p:nvPr/>
          </p:nvSpPr>
          <p:spPr>
            <a:xfrm>
              <a:off x="6095238" y="2433066"/>
              <a:ext cx="832485" cy="265430"/>
            </a:xfrm>
            <a:custGeom>
              <a:avLst/>
              <a:gdLst/>
              <a:ahLst/>
              <a:cxnLst/>
              <a:rect l="l" t="t" r="r" b="b"/>
              <a:pathLst>
                <a:path w="832484" h="265430">
                  <a:moveTo>
                    <a:pt x="0" y="44196"/>
                  </a:moveTo>
                  <a:lnTo>
                    <a:pt x="3476" y="27003"/>
                  </a:lnTo>
                  <a:lnTo>
                    <a:pt x="12953" y="12954"/>
                  </a:lnTo>
                  <a:lnTo>
                    <a:pt x="27003" y="3476"/>
                  </a:lnTo>
                  <a:lnTo>
                    <a:pt x="44196" y="0"/>
                  </a:lnTo>
                  <a:lnTo>
                    <a:pt x="787908" y="0"/>
                  </a:lnTo>
                  <a:lnTo>
                    <a:pt x="805100" y="3476"/>
                  </a:lnTo>
                  <a:lnTo>
                    <a:pt x="819150" y="12953"/>
                  </a:lnTo>
                  <a:lnTo>
                    <a:pt x="828627" y="27003"/>
                  </a:lnTo>
                  <a:lnTo>
                    <a:pt x="832104" y="44196"/>
                  </a:lnTo>
                  <a:lnTo>
                    <a:pt x="832104" y="220980"/>
                  </a:lnTo>
                  <a:lnTo>
                    <a:pt x="828627" y="238172"/>
                  </a:lnTo>
                  <a:lnTo>
                    <a:pt x="819149" y="252222"/>
                  </a:lnTo>
                  <a:lnTo>
                    <a:pt x="805100" y="261699"/>
                  </a:lnTo>
                  <a:lnTo>
                    <a:pt x="787908" y="265175"/>
                  </a:lnTo>
                  <a:lnTo>
                    <a:pt x="44196" y="265175"/>
                  </a:lnTo>
                  <a:lnTo>
                    <a:pt x="27003" y="261699"/>
                  </a:lnTo>
                  <a:lnTo>
                    <a:pt x="12954" y="252222"/>
                  </a:lnTo>
                  <a:lnTo>
                    <a:pt x="3476" y="238172"/>
                  </a:lnTo>
                  <a:lnTo>
                    <a:pt x="0" y="220980"/>
                  </a:lnTo>
                  <a:lnTo>
                    <a:pt x="0" y="44196"/>
                  </a:lnTo>
                  <a:close/>
                </a:path>
              </a:pathLst>
            </a:custGeom>
            <a:ln w="19811">
              <a:solidFill>
                <a:srgbClr val="385D89"/>
              </a:solidFill>
            </a:ln>
          </p:spPr>
          <p:txBody>
            <a:bodyPr wrap="square" lIns="0" tIns="0" rIns="0" bIns="0" rtlCol="0"/>
            <a:lstStyle/>
            <a:p>
              <a:endParaRPr/>
            </a:p>
          </p:txBody>
        </p:sp>
      </p:grpSp>
      <p:sp>
        <p:nvSpPr>
          <p:cNvPr id="79" name="object 79"/>
          <p:cNvSpPr txBox="1"/>
          <p:nvPr/>
        </p:nvSpPr>
        <p:spPr>
          <a:xfrm>
            <a:off x="759663" y="2471420"/>
            <a:ext cx="6984365" cy="575945"/>
          </a:xfrm>
          <a:prstGeom prst="rect">
            <a:avLst/>
          </a:prstGeom>
        </p:spPr>
        <p:txBody>
          <a:bodyPr vert="horz" wrap="square" lIns="0" tIns="12700" rIns="0" bIns="0" rtlCol="0">
            <a:spAutoFit/>
          </a:bodyPr>
          <a:lstStyle/>
          <a:p>
            <a:pPr marL="12700">
              <a:lnSpc>
                <a:spcPct val="100000"/>
              </a:lnSpc>
              <a:spcBef>
                <a:spcPts val="100"/>
              </a:spcBef>
              <a:tabLst>
                <a:tab pos="2691130" algn="l"/>
                <a:tab pos="5407660" algn="l"/>
              </a:tabLst>
            </a:pPr>
            <a:r>
              <a:rPr sz="1200" b="1" dirty="0">
                <a:latin typeface="BIZ UDPゴシック"/>
                <a:cs typeface="BIZ UDPゴシック"/>
              </a:rPr>
              <a:t>計画策</a:t>
            </a:r>
            <a:r>
              <a:rPr sz="1200" b="1" spc="-50" dirty="0">
                <a:latin typeface="BIZ UDPゴシック"/>
                <a:cs typeface="BIZ UDPゴシック"/>
              </a:rPr>
              <a:t>定</a:t>
            </a:r>
            <a:r>
              <a:rPr sz="1200" b="1" dirty="0">
                <a:latin typeface="BIZ UDPゴシック"/>
                <a:cs typeface="BIZ UDPゴシック"/>
              </a:rPr>
              <a:t>	点検・診</a:t>
            </a:r>
            <a:r>
              <a:rPr sz="1200" b="1" spc="-50" dirty="0">
                <a:latin typeface="BIZ UDPゴシック"/>
                <a:cs typeface="BIZ UDPゴシック"/>
              </a:rPr>
              <a:t>断</a:t>
            </a:r>
            <a:r>
              <a:rPr sz="1200" b="1" dirty="0">
                <a:latin typeface="BIZ UDPゴシック"/>
                <a:cs typeface="BIZ UDPゴシック"/>
              </a:rPr>
              <a:t>	修繕・工</a:t>
            </a:r>
            <a:r>
              <a:rPr sz="1200" b="1" spc="-50" dirty="0">
                <a:latin typeface="BIZ UDPゴシック"/>
                <a:cs typeface="BIZ UDPゴシック"/>
              </a:rPr>
              <a:t>事</a:t>
            </a:r>
            <a:endParaRPr sz="1200">
              <a:latin typeface="BIZ UDPゴシック"/>
              <a:cs typeface="BIZ UDPゴシック"/>
            </a:endParaRPr>
          </a:p>
          <a:p>
            <a:pPr marL="446405">
              <a:lnSpc>
                <a:spcPct val="100000"/>
              </a:lnSpc>
              <a:spcBef>
                <a:spcPts val="1450"/>
              </a:spcBef>
              <a:tabLst>
                <a:tab pos="3364229" algn="l"/>
                <a:tab pos="6080760" algn="l"/>
              </a:tabLst>
            </a:pPr>
            <a:r>
              <a:rPr sz="1200" spc="-10" dirty="0">
                <a:latin typeface="BIZ UDPゴシック"/>
                <a:cs typeface="BIZ UDPゴシック"/>
              </a:rPr>
              <a:t>県(</a:t>
            </a:r>
            <a:r>
              <a:rPr sz="1200" dirty="0">
                <a:latin typeface="BIZ UDPゴシック"/>
                <a:cs typeface="BIZ UDPゴシック"/>
              </a:rPr>
              <a:t>道路ﾏﾈｼﾞﾒﾝﾄ課</a:t>
            </a:r>
            <a:r>
              <a:rPr sz="1200" spc="-50" dirty="0">
                <a:latin typeface="BIZ UDPゴシック"/>
                <a:cs typeface="BIZ UDPゴシック"/>
              </a:rPr>
              <a:t>)</a:t>
            </a:r>
            <a:r>
              <a:rPr sz="1200" dirty="0">
                <a:latin typeface="BIZ UDPゴシック"/>
                <a:cs typeface="BIZ UDPゴシック"/>
              </a:rPr>
              <a:t>	</a:t>
            </a:r>
            <a:r>
              <a:rPr sz="1200" spc="-20" dirty="0">
                <a:latin typeface="BIZ UDPゴシック"/>
                <a:cs typeface="BIZ UDPゴシック"/>
              </a:rPr>
              <a:t>G</a:t>
            </a:r>
            <a:r>
              <a:rPr sz="1200" dirty="0">
                <a:latin typeface="BIZ UDPゴシック"/>
                <a:cs typeface="BIZ UDPゴシック"/>
              </a:rPr>
              <a:t>土木事務</a:t>
            </a:r>
            <a:r>
              <a:rPr sz="1200" spc="-50" dirty="0">
                <a:latin typeface="BIZ UDPゴシック"/>
                <a:cs typeface="BIZ UDPゴシック"/>
              </a:rPr>
              <a:t>所</a:t>
            </a:r>
            <a:r>
              <a:rPr sz="1200" dirty="0">
                <a:latin typeface="BIZ UDPゴシック"/>
                <a:cs typeface="BIZ UDPゴシック"/>
              </a:rPr>
              <a:t>	</a:t>
            </a:r>
            <a:r>
              <a:rPr sz="1200" spc="-20" dirty="0">
                <a:latin typeface="BIZ UDPゴシック"/>
                <a:cs typeface="BIZ UDPゴシック"/>
              </a:rPr>
              <a:t>G</a:t>
            </a:r>
            <a:r>
              <a:rPr sz="1200" dirty="0">
                <a:latin typeface="BIZ UDPゴシック"/>
                <a:cs typeface="BIZ UDPゴシック"/>
              </a:rPr>
              <a:t>土木事務</a:t>
            </a:r>
            <a:r>
              <a:rPr sz="1200" spc="-50" dirty="0">
                <a:latin typeface="BIZ UDPゴシック"/>
                <a:cs typeface="BIZ UDPゴシック"/>
              </a:rPr>
              <a:t>所</a:t>
            </a:r>
            <a:endParaRPr sz="1200">
              <a:latin typeface="BIZ UDPゴシック"/>
              <a:cs typeface="BIZ UDPゴシック"/>
            </a:endParaRPr>
          </a:p>
        </p:txBody>
      </p:sp>
      <p:sp>
        <p:nvSpPr>
          <p:cNvPr id="80" name="object 80"/>
          <p:cNvSpPr txBox="1"/>
          <p:nvPr/>
        </p:nvSpPr>
        <p:spPr>
          <a:xfrm>
            <a:off x="2483866" y="3937560"/>
            <a:ext cx="6428105" cy="693420"/>
          </a:xfrm>
          <a:prstGeom prst="rect">
            <a:avLst/>
          </a:prstGeom>
        </p:spPr>
        <p:txBody>
          <a:bodyPr vert="horz" wrap="square" lIns="0" tIns="60325" rIns="0" bIns="0" rtlCol="0">
            <a:spAutoFit/>
          </a:bodyPr>
          <a:lstStyle/>
          <a:p>
            <a:pPr marL="986155">
              <a:lnSpc>
                <a:spcPct val="100000"/>
              </a:lnSpc>
              <a:spcBef>
                <a:spcPts val="475"/>
              </a:spcBef>
            </a:pPr>
            <a:r>
              <a:rPr sz="900" spc="-25" dirty="0">
                <a:latin typeface="Meiryo UI"/>
                <a:cs typeface="Meiryo UI"/>
              </a:rPr>
              <a:t>※市町村を所管する土木事務所で一括発注</a:t>
            </a:r>
            <a:endParaRPr sz="900">
              <a:latin typeface="Meiryo UI"/>
              <a:cs typeface="Meiryo UI"/>
            </a:endParaRPr>
          </a:p>
          <a:p>
            <a:pPr marL="2954020">
              <a:lnSpc>
                <a:spcPct val="100000"/>
              </a:lnSpc>
              <a:spcBef>
                <a:spcPts val="385"/>
              </a:spcBef>
            </a:pPr>
            <a:r>
              <a:rPr sz="900" spc="-10" dirty="0">
                <a:latin typeface="Meiryo UI"/>
                <a:cs typeface="Meiryo UI"/>
              </a:rPr>
              <a:t>※出典：第32次地方制度調査会第29</a:t>
            </a:r>
            <a:r>
              <a:rPr sz="900" spc="-15" dirty="0">
                <a:latin typeface="Meiryo UI"/>
                <a:cs typeface="Meiryo UI"/>
              </a:rPr>
              <a:t>回専門小委員会資料を一部加工</a:t>
            </a:r>
            <a:endParaRPr sz="900">
              <a:latin typeface="Meiryo UI"/>
              <a:cs typeface="Meiryo UI"/>
            </a:endParaRPr>
          </a:p>
          <a:p>
            <a:pPr marL="12700">
              <a:lnSpc>
                <a:spcPct val="100000"/>
              </a:lnSpc>
              <a:spcBef>
                <a:spcPts val="175"/>
              </a:spcBef>
            </a:pPr>
            <a:r>
              <a:rPr sz="1800" spc="-30" dirty="0">
                <a:latin typeface="Meiryo UI"/>
                <a:cs typeface="Meiryo UI"/>
              </a:rPr>
              <a:t>⇒協定締結により実施</a:t>
            </a:r>
            <a:endParaRPr sz="1800">
              <a:latin typeface="Meiryo UI"/>
              <a:cs typeface="Meiryo UI"/>
            </a:endParaRPr>
          </a:p>
        </p:txBody>
      </p:sp>
      <p:sp>
        <p:nvSpPr>
          <p:cNvPr id="81" name="object 81"/>
          <p:cNvSpPr txBox="1"/>
          <p:nvPr/>
        </p:nvSpPr>
        <p:spPr>
          <a:xfrm>
            <a:off x="843178" y="3514725"/>
            <a:ext cx="1261745" cy="627380"/>
          </a:xfrm>
          <a:prstGeom prst="rect">
            <a:avLst/>
          </a:prstGeom>
        </p:spPr>
        <p:txBody>
          <a:bodyPr vert="horz" wrap="square" lIns="0" tIns="12700" rIns="0" bIns="0" rtlCol="0">
            <a:spAutoFit/>
          </a:bodyPr>
          <a:lstStyle/>
          <a:p>
            <a:pPr marL="45085" algn="ctr">
              <a:lnSpc>
                <a:spcPct val="100000"/>
              </a:lnSpc>
              <a:spcBef>
                <a:spcPts val="100"/>
              </a:spcBef>
              <a:tabLst>
                <a:tab pos="755650" algn="l"/>
              </a:tabLst>
            </a:pPr>
            <a:r>
              <a:rPr sz="1200" spc="-10" dirty="0">
                <a:latin typeface="BIZ UDPゴシック"/>
                <a:cs typeface="BIZ UDPゴシック"/>
              </a:rPr>
              <a:t>A</a:t>
            </a:r>
            <a:r>
              <a:rPr sz="1200" spc="-50" dirty="0">
                <a:latin typeface="BIZ UDPゴシック"/>
                <a:cs typeface="BIZ UDPゴシック"/>
              </a:rPr>
              <a:t>市</a:t>
            </a:r>
            <a:r>
              <a:rPr sz="1200" dirty="0">
                <a:latin typeface="BIZ UDPゴシック"/>
                <a:cs typeface="BIZ UDPゴシック"/>
              </a:rPr>
              <a:t>	</a:t>
            </a:r>
            <a:r>
              <a:rPr sz="1200" spc="-10" dirty="0">
                <a:latin typeface="BIZ UDPゴシック"/>
                <a:cs typeface="BIZ UDPゴシック"/>
              </a:rPr>
              <a:t>B</a:t>
            </a:r>
            <a:r>
              <a:rPr sz="1200" spc="-50" dirty="0">
                <a:latin typeface="BIZ UDPゴシック"/>
                <a:cs typeface="BIZ UDPゴシック"/>
              </a:rPr>
              <a:t>町</a:t>
            </a:r>
            <a:endParaRPr sz="1200">
              <a:latin typeface="BIZ UDPゴシック"/>
              <a:cs typeface="BIZ UDPゴシック"/>
            </a:endParaRPr>
          </a:p>
          <a:p>
            <a:pPr>
              <a:lnSpc>
                <a:spcPct val="100000"/>
              </a:lnSpc>
              <a:spcBef>
                <a:spcPts val="660"/>
              </a:spcBef>
            </a:pPr>
            <a:endParaRPr sz="1200">
              <a:latin typeface="BIZ UDPゴシック"/>
              <a:cs typeface="BIZ UDPゴシック"/>
            </a:endParaRPr>
          </a:p>
          <a:p>
            <a:pPr algn="ctr">
              <a:lnSpc>
                <a:spcPct val="100000"/>
              </a:lnSpc>
            </a:pPr>
            <a:r>
              <a:rPr sz="900" spc="-15" dirty="0">
                <a:latin typeface="Meiryo UI"/>
                <a:cs typeface="Meiryo UI"/>
              </a:rPr>
              <a:t>※本庁担当課で一括発注</a:t>
            </a:r>
            <a:endParaRPr sz="900">
              <a:latin typeface="Meiryo UI"/>
              <a:cs typeface="Meiryo UI"/>
            </a:endParaRP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8913621" y="6494779"/>
            <a:ext cx="142240" cy="250825"/>
          </a:xfrm>
          <a:prstGeom prst="rect">
            <a:avLst/>
          </a:prstGeom>
        </p:spPr>
        <p:txBody>
          <a:bodyPr vert="horz" wrap="square" lIns="0" tIns="15875" rIns="0" bIns="0" rtlCol="0">
            <a:spAutoFit/>
          </a:bodyPr>
          <a:lstStyle/>
          <a:p>
            <a:pPr marL="12700">
              <a:lnSpc>
                <a:spcPct val="100000"/>
              </a:lnSpc>
              <a:spcBef>
                <a:spcPts val="125"/>
              </a:spcBef>
            </a:pPr>
            <a:r>
              <a:rPr sz="1450" spc="-50" dirty="0">
                <a:latin typeface="Meiryo UI"/>
                <a:cs typeface="Meiryo UI"/>
              </a:rPr>
              <a:t>6</a:t>
            </a:r>
            <a:endParaRPr sz="1450">
              <a:latin typeface="Meiryo UI"/>
              <a:cs typeface="Meiryo UI"/>
            </a:endParaRPr>
          </a:p>
        </p:txBody>
      </p:sp>
      <p:grpSp>
        <p:nvGrpSpPr>
          <p:cNvPr id="3" name="object 3"/>
          <p:cNvGrpSpPr/>
          <p:nvPr/>
        </p:nvGrpSpPr>
        <p:grpSpPr>
          <a:xfrm>
            <a:off x="88392" y="32003"/>
            <a:ext cx="8945880" cy="635635"/>
            <a:chOff x="88392" y="32003"/>
            <a:chExt cx="8945880" cy="635635"/>
          </a:xfrm>
        </p:grpSpPr>
        <p:sp>
          <p:nvSpPr>
            <p:cNvPr id="4" name="object 4"/>
            <p:cNvSpPr/>
            <p:nvPr/>
          </p:nvSpPr>
          <p:spPr>
            <a:xfrm>
              <a:off x="101346" y="44957"/>
              <a:ext cx="8920480" cy="609600"/>
            </a:xfrm>
            <a:custGeom>
              <a:avLst/>
              <a:gdLst/>
              <a:ahLst/>
              <a:cxnLst/>
              <a:rect l="l" t="t" r="r" b="b"/>
              <a:pathLst>
                <a:path w="8920480" h="609600">
                  <a:moveTo>
                    <a:pt x="8851519" y="0"/>
                  </a:moveTo>
                  <a:lnTo>
                    <a:pt x="68402" y="0"/>
                  </a:lnTo>
                  <a:lnTo>
                    <a:pt x="41774" y="5373"/>
                  </a:lnTo>
                  <a:lnTo>
                    <a:pt x="20032" y="20034"/>
                  </a:lnTo>
                  <a:lnTo>
                    <a:pt x="5374" y="41790"/>
                  </a:lnTo>
                  <a:lnTo>
                    <a:pt x="0" y="68452"/>
                  </a:lnTo>
                  <a:lnTo>
                    <a:pt x="0" y="541147"/>
                  </a:lnTo>
                  <a:lnTo>
                    <a:pt x="5374" y="567809"/>
                  </a:lnTo>
                  <a:lnTo>
                    <a:pt x="20032" y="589565"/>
                  </a:lnTo>
                  <a:lnTo>
                    <a:pt x="41774" y="604226"/>
                  </a:lnTo>
                  <a:lnTo>
                    <a:pt x="68402" y="609600"/>
                  </a:lnTo>
                  <a:lnTo>
                    <a:pt x="8851519" y="609600"/>
                  </a:lnTo>
                  <a:lnTo>
                    <a:pt x="8878181" y="604226"/>
                  </a:lnTo>
                  <a:lnTo>
                    <a:pt x="8899937" y="589565"/>
                  </a:lnTo>
                  <a:lnTo>
                    <a:pt x="8914598" y="567809"/>
                  </a:lnTo>
                  <a:lnTo>
                    <a:pt x="8919972" y="541147"/>
                  </a:lnTo>
                  <a:lnTo>
                    <a:pt x="8919972" y="68452"/>
                  </a:lnTo>
                  <a:lnTo>
                    <a:pt x="8914598" y="41790"/>
                  </a:lnTo>
                  <a:lnTo>
                    <a:pt x="8899937" y="20034"/>
                  </a:lnTo>
                  <a:lnTo>
                    <a:pt x="8878181" y="5373"/>
                  </a:lnTo>
                  <a:lnTo>
                    <a:pt x="8851519" y="0"/>
                  </a:lnTo>
                  <a:close/>
                </a:path>
              </a:pathLst>
            </a:custGeom>
            <a:solidFill>
              <a:srgbClr val="DBEDF4"/>
            </a:solidFill>
          </p:spPr>
          <p:txBody>
            <a:bodyPr wrap="square" lIns="0" tIns="0" rIns="0" bIns="0" rtlCol="0"/>
            <a:lstStyle/>
            <a:p>
              <a:endParaRPr/>
            </a:p>
          </p:txBody>
        </p:sp>
        <p:sp>
          <p:nvSpPr>
            <p:cNvPr id="5" name="object 5"/>
            <p:cNvSpPr/>
            <p:nvPr/>
          </p:nvSpPr>
          <p:spPr>
            <a:xfrm>
              <a:off x="101346" y="44957"/>
              <a:ext cx="8920480" cy="609600"/>
            </a:xfrm>
            <a:custGeom>
              <a:avLst/>
              <a:gdLst/>
              <a:ahLst/>
              <a:cxnLst/>
              <a:rect l="l" t="t" r="r" b="b"/>
              <a:pathLst>
                <a:path w="8920480" h="609600">
                  <a:moveTo>
                    <a:pt x="0" y="68452"/>
                  </a:moveTo>
                  <a:lnTo>
                    <a:pt x="5374" y="41790"/>
                  </a:lnTo>
                  <a:lnTo>
                    <a:pt x="20032" y="20034"/>
                  </a:lnTo>
                  <a:lnTo>
                    <a:pt x="41774" y="5373"/>
                  </a:lnTo>
                  <a:lnTo>
                    <a:pt x="68402" y="0"/>
                  </a:lnTo>
                  <a:lnTo>
                    <a:pt x="8851519" y="0"/>
                  </a:lnTo>
                  <a:lnTo>
                    <a:pt x="8878181" y="5373"/>
                  </a:lnTo>
                  <a:lnTo>
                    <a:pt x="8899937" y="20034"/>
                  </a:lnTo>
                  <a:lnTo>
                    <a:pt x="8914598" y="41790"/>
                  </a:lnTo>
                  <a:lnTo>
                    <a:pt x="8919972" y="68452"/>
                  </a:lnTo>
                  <a:lnTo>
                    <a:pt x="8919972" y="541147"/>
                  </a:lnTo>
                  <a:lnTo>
                    <a:pt x="8914598" y="567809"/>
                  </a:lnTo>
                  <a:lnTo>
                    <a:pt x="8899937" y="589565"/>
                  </a:lnTo>
                  <a:lnTo>
                    <a:pt x="8878181" y="604226"/>
                  </a:lnTo>
                  <a:lnTo>
                    <a:pt x="8851519" y="609600"/>
                  </a:lnTo>
                  <a:lnTo>
                    <a:pt x="68402" y="609600"/>
                  </a:lnTo>
                  <a:lnTo>
                    <a:pt x="41774" y="604226"/>
                  </a:lnTo>
                  <a:lnTo>
                    <a:pt x="20032" y="589565"/>
                  </a:lnTo>
                  <a:lnTo>
                    <a:pt x="5374" y="567809"/>
                  </a:lnTo>
                  <a:lnTo>
                    <a:pt x="0" y="541147"/>
                  </a:lnTo>
                  <a:lnTo>
                    <a:pt x="0" y="68452"/>
                  </a:lnTo>
                  <a:close/>
                </a:path>
              </a:pathLst>
            </a:custGeom>
            <a:ln w="25908">
              <a:solidFill>
                <a:srgbClr val="000000"/>
              </a:solidFill>
            </a:ln>
          </p:spPr>
          <p:txBody>
            <a:bodyPr wrap="square" lIns="0" tIns="0" rIns="0" bIns="0" rtlCol="0"/>
            <a:lstStyle/>
            <a:p>
              <a:endParaRPr/>
            </a:p>
          </p:txBody>
        </p:sp>
      </p:grpSp>
      <p:sp>
        <p:nvSpPr>
          <p:cNvPr id="6" name="object 6"/>
          <p:cNvSpPr txBox="1">
            <a:spLocks noGrp="1"/>
          </p:cNvSpPr>
          <p:nvPr>
            <p:ph type="title"/>
          </p:nvPr>
        </p:nvSpPr>
        <p:spPr>
          <a:xfrm>
            <a:off x="1129665" y="127140"/>
            <a:ext cx="7892162" cy="443711"/>
          </a:xfrm>
          <a:prstGeom prst="rect">
            <a:avLst/>
          </a:prstGeom>
        </p:spPr>
        <p:txBody>
          <a:bodyPr vert="horz" wrap="square" lIns="0" tIns="12700" rIns="0" bIns="0" rtlCol="0">
            <a:spAutoFit/>
          </a:bodyPr>
          <a:lstStyle/>
          <a:p>
            <a:pPr marL="12700">
              <a:lnSpc>
                <a:spcPct val="100000"/>
              </a:lnSpc>
              <a:spcBef>
                <a:spcPts val="100"/>
              </a:spcBef>
            </a:pPr>
            <a:r>
              <a:rPr sz="2800" spc="-5" dirty="0"/>
              <a:t>群マネにおける「多分野」の考え方について</a:t>
            </a:r>
          </a:p>
        </p:txBody>
      </p:sp>
      <p:sp>
        <p:nvSpPr>
          <p:cNvPr id="7" name="object 7"/>
          <p:cNvSpPr txBox="1"/>
          <p:nvPr/>
        </p:nvSpPr>
        <p:spPr>
          <a:xfrm>
            <a:off x="251459" y="164592"/>
            <a:ext cx="878205" cy="368935"/>
          </a:xfrm>
          <a:prstGeom prst="rect">
            <a:avLst/>
          </a:prstGeom>
          <a:solidFill>
            <a:srgbClr val="CCC1DA"/>
          </a:solidFill>
          <a:ln w="9143">
            <a:solidFill>
              <a:srgbClr val="000000"/>
            </a:solidFill>
          </a:ln>
        </p:spPr>
        <p:txBody>
          <a:bodyPr vert="horz" wrap="square" lIns="0" tIns="40640" rIns="0" bIns="0" rtlCol="0">
            <a:spAutoFit/>
          </a:bodyPr>
          <a:lstStyle/>
          <a:p>
            <a:pPr marL="90805">
              <a:lnSpc>
                <a:spcPct val="100000"/>
              </a:lnSpc>
              <a:spcBef>
                <a:spcPts val="320"/>
              </a:spcBef>
            </a:pPr>
            <a:r>
              <a:rPr sz="1800" b="1" spc="-20" dirty="0">
                <a:latin typeface="Meiryo UI"/>
                <a:cs typeface="Meiryo UI"/>
              </a:rPr>
              <a:t>多分野</a:t>
            </a:r>
            <a:endParaRPr sz="1800">
              <a:latin typeface="Meiryo UI"/>
              <a:cs typeface="Meiryo UI"/>
            </a:endParaRPr>
          </a:p>
        </p:txBody>
      </p:sp>
      <p:sp>
        <p:nvSpPr>
          <p:cNvPr id="8" name="object 8"/>
          <p:cNvSpPr txBox="1"/>
          <p:nvPr/>
        </p:nvSpPr>
        <p:spPr>
          <a:xfrm>
            <a:off x="618540" y="1527428"/>
            <a:ext cx="7799705" cy="1855470"/>
          </a:xfrm>
          <a:prstGeom prst="rect">
            <a:avLst/>
          </a:prstGeom>
        </p:spPr>
        <p:txBody>
          <a:bodyPr vert="horz" wrap="square" lIns="0" tIns="13335" rIns="0" bIns="0" rtlCol="0">
            <a:spAutoFit/>
          </a:bodyPr>
          <a:lstStyle/>
          <a:p>
            <a:pPr marL="12700" marR="5080">
              <a:lnSpc>
                <a:spcPct val="100000"/>
              </a:lnSpc>
              <a:spcBef>
                <a:spcPts val="105"/>
              </a:spcBef>
            </a:pPr>
            <a:r>
              <a:rPr sz="2000" spc="-20" dirty="0">
                <a:latin typeface="Meiryo UI"/>
                <a:cs typeface="Meiryo UI"/>
              </a:rPr>
              <a:t>以下を考慮した上で、相乗効果が期待される場合に、分野連携が進みやすい</a:t>
            </a:r>
            <a:r>
              <a:rPr sz="2000" spc="-30" dirty="0">
                <a:latin typeface="Meiryo UI"/>
                <a:cs typeface="Meiryo UI"/>
              </a:rPr>
              <a:t>と考えられる。</a:t>
            </a:r>
            <a:endParaRPr sz="2000">
              <a:latin typeface="Meiryo UI"/>
              <a:cs typeface="Meiryo UI"/>
            </a:endParaRPr>
          </a:p>
          <a:p>
            <a:pPr marL="728345" indent="-353060">
              <a:lnSpc>
                <a:spcPct val="100000"/>
              </a:lnSpc>
              <a:buFont typeface="Wingdings"/>
              <a:buChar char=""/>
              <a:tabLst>
                <a:tab pos="728345" algn="l"/>
              </a:tabLst>
            </a:pPr>
            <a:r>
              <a:rPr sz="2000" spc="-15" dirty="0">
                <a:latin typeface="Meiryo UI"/>
                <a:cs typeface="Meiryo UI"/>
              </a:rPr>
              <a:t>業務の内容、難易度の共通性</a:t>
            </a:r>
            <a:endParaRPr sz="2000">
              <a:latin typeface="Meiryo UI"/>
              <a:cs typeface="Meiryo UI"/>
            </a:endParaRPr>
          </a:p>
          <a:p>
            <a:pPr marL="728345" indent="-353060">
              <a:lnSpc>
                <a:spcPct val="100000"/>
              </a:lnSpc>
              <a:buFont typeface="Wingdings"/>
              <a:buChar char=""/>
              <a:tabLst>
                <a:tab pos="728345" algn="l"/>
              </a:tabLst>
            </a:pPr>
            <a:r>
              <a:rPr sz="2000" spc="-10" dirty="0">
                <a:latin typeface="Meiryo UI"/>
                <a:cs typeface="Meiryo UI"/>
              </a:rPr>
              <a:t>対象とするエリア</a:t>
            </a:r>
            <a:endParaRPr sz="2000">
              <a:latin typeface="Meiryo UI"/>
              <a:cs typeface="Meiryo UI"/>
            </a:endParaRPr>
          </a:p>
          <a:p>
            <a:pPr marL="728345" indent="-353060">
              <a:lnSpc>
                <a:spcPct val="100000"/>
              </a:lnSpc>
              <a:buFont typeface="Wingdings"/>
              <a:buChar char=""/>
              <a:tabLst>
                <a:tab pos="728345" algn="l"/>
              </a:tabLst>
            </a:pPr>
            <a:r>
              <a:rPr sz="2000" spc="-30" dirty="0">
                <a:latin typeface="Meiryo UI"/>
                <a:cs typeface="Meiryo UI"/>
              </a:rPr>
              <a:t>地方公共団体側の部局連携のしやすさ</a:t>
            </a:r>
            <a:endParaRPr sz="2000">
              <a:latin typeface="Meiryo UI"/>
              <a:cs typeface="Meiryo UI"/>
            </a:endParaRPr>
          </a:p>
          <a:p>
            <a:pPr marL="719455">
              <a:lnSpc>
                <a:spcPct val="100000"/>
              </a:lnSpc>
              <a:tabLst>
                <a:tab pos="5158105" algn="l"/>
              </a:tabLst>
            </a:pPr>
            <a:r>
              <a:rPr sz="2000" dirty="0">
                <a:latin typeface="Meiryo UI"/>
                <a:cs typeface="Meiryo UI"/>
              </a:rPr>
              <a:t>（予算の出所や部局の指示</a:t>
            </a:r>
            <a:r>
              <a:rPr sz="2000" spc="-15" dirty="0">
                <a:latin typeface="Meiryo UI"/>
                <a:cs typeface="Meiryo UI"/>
              </a:rPr>
              <a:t>系</a:t>
            </a:r>
            <a:r>
              <a:rPr sz="2000" dirty="0">
                <a:latin typeface="Meiryo UI"/>
                <a:cs typeface="Meiryo UI"/>
              </a:rPr>
              <a:t>統等</a:t>
            </a:r>
            <a:r>
              <a:rPr sz="2000" spc="-50" dirty="0">
                <a:latin typeface="Meiryo UI"/>
                <a:cs typeface="Meiryo UI"/>
              </a:rPr>
              <a:t>）</a:t>
            </a:r>
            <a:r>
              <a:rPr sz="2000" dirty="0">
                <a:latin typeface="Meiryo UI"/>
                <a:cs typeface="Meiryo UI"/>
              </a:rPr>
              <a:t>	</a:t>
            </a:r>
            <a:r>
              <a:rPr sz="2000" spc="-50" dirty="0">
                <a:latin typeface="Meiryo UI"/>
                <a:cs typeface="Meiryo UI"/>
              </a:rPr>
              <a:t>等</a:t>
            </a:r>
            <a:endParaRPr sz="2000">
              <a:latin typeface="Meiryo UI"/>
              <a:cs typeface="Meiryo UI"/>
            </a:endParaRPr>
          </a:p>
        </p:txBody>
      </p:sp>
      <p:sp>
        <p:nvSpPr>
          <p:cNvPr id="9" name="object 9"/>
          <p:cNvSpPr txBox="1"/>
          <p:nvPr/>
        </p:nvSpPr>
        <p:spPr>
          <a:xfrm>
            <a:off x="981252" y="4576064"/>
            <a:ext cx="3171825" cy="636270"/>
          </a:xfrm>
          <a:prstGeom prst="rect">
            <a:avLst/>
          </a:prstGeom>
        </p:spPr>
        <p:txBody>
          <a:bodyPr vert="horz" wrap="square" lIns="0" tIns="12700" rIns="0" bIns="0" rtlCol="0">
            <a:spAutoFit/>
          </a:bodyPr>
          <a:lstStyle/>
          <a:p>
            <a:pPr marL="365760" indent="-353060">
              <a:lnSpc>
                <a:spcPct val="100000"/>
              </a:lnSpc>
              <a:spcBef>
                <a:spcPts val="100"/>
              </a:spcBef>
              <a:buFont typeface="Wingdings"/>
              <a:buChar char=""/>
              <a:tabLst>
                <a:tab pos="365760" algn="l"/>
              </a:tabLst>
            </a:pPr>
            <a:r>
              <a:rPr sz="2000" spc="-10" dirty="0">
                <a:latin typeface="Meiryo UI"/>
                <a:cs typeface="Meiryo UI"/>
              </a:rPr>
              <a:t>下水道＋上水道</a:t>
            </a:r>
            <a:endParaRPr sz="2000">
              <a:latin typeface="Meiryo UI"/>
              <a:cs typeface="Meiryo UI"/>
            </a:endParaRPr>
          </a:p>
          <a:p>
            <a:pPr marL="365760" indent="-353060">
              <a:lnSpc>
                <a:spcPct val="100000"/>
              </a:lnSpc>
              <a:buFont typeface="Wingdings"/>
              <a:buChar char=""/>
              <a:tabLst>
                <a:tab pos="365760" algn="l"/>
                <a:tab pos="2903855" algn="l"/>
              </a:tabLst>
            </a:pPr>
            <a:r>
              <a:rPr sz="2000" spc="-10" dirty="0">
                <a:latin typeface="Meiryo UI"/>
                <a:cs typeface="Meiryo UI"/>
              </a:rPr>
              <a:t>道路＋公園＋水</a:t>
            </a:r>
            <a:r>
              <a:rPr sz="2000" spc="-50" dirty="0">
                <a:latin typeface="Meiryo UI"/>
                <a:cs typeface="Meiryo UI"/>
              </a:rPr>
              <a:t>路</a:t>
            </a:r>
            <a:r>
              <a:rPr sz="2000" dirty="0">
                <a:latin typeface="Meiryo UI"/>
                <a:cs typeface="Meiryo UI"/>
              </a:rPr>
              <a:t>	</a:t>
            </a:r>
            <a:r>
              <a:rPr sz="2000" spc="-50" dirty="0">
                <a:latin typeface="Meiryo UI"/>
                <a:cs typeface="Meiryo UI"/>
              </a:rPr>
              <a:t>等</a:t>
            </a:r>
            <a:endParaRPr sz="2000">
              <a:latin typeface="Meiryo UI"/>
              <a:cs typeface="Meiryo UI"/>
            </a:endParaRPr>
          </a:p>
        </p:txBody>
      </p:sp>
      <p:sp>
        <p:nvSpPr>
          <p:cNvPr id="10" name="object 10"/>
          <p:cNvSpPr txBox="1"/>
          <p:nvPr/>
        </p:nvSpPr>
        <p:spPr>
          <a:xfrm>
            <a:off x="250697" y="965453"/>
            <a:ext cx="6571615" cy="399415"/>
          </a:xfrm>
          <a:prstGeom prst="rect">
            <a:avLst/>
          </a:prstGeom>
          <a:ln w="25907">
            <a:solidFill>
              <a:srgbClr val="000000"/>
            </a:solidFill>
          </a:ln>
        </p:spPr>
        <p:txBody>
          <a:bodyPr vert="horz" wrap="square" lIns="0" tIns="39369" rIns="0" bIns="0" rtlCol="0">
            <a:spAutoFit/>
          </a:bodyPr>
          <a:lstStyle/>
          <a:p>
            <a:pPr marL="315595">
              <a:lnSpc>
                <a:spcPct val="100000"/>
              </a:lnSpc>
              <a:spcBef>
                <a:spcPts val="309"/>
              </a:spcBef>
            </a:pPr>
            <a:r>
              <a:rPr sz="2000" b="1" spc="-20" dirty="0">
                <a:latin typeface="Meiryo UI"/>
                <a:cs typeface="Meiryo UI"/>
              </a:rPr>
              <a:t>多分野が連携した維持管理等を行う上で考慮すべき事項</a:t>
            </a:r>
            <a:endParaRPr sz="2000">
              <a:latin typeface="Meiryo UI"/>
              <a:cs typeface="Meiryo UI"/>
            </a:endParaRPr>
          </a:p>
        </p:txBody>
      </p:sp>
      <p:sp>
        <p:nvSpPr>
          <p:cNvPr id="11" name="object 11"/>
          <p:cNvSpPr txBox="1"/>
          <p:nvPr/>
        </p:nvSpPr>
        <p:spPr>
          <a:xfrm>
            <a:off x="250697" y="4121658"/>
            <a:ext cx="4590415" cy="399415"/>
          </a:xfrm>
          <a:prstGeom prst="rect">
            <a:avLst/>
          </a:prstGeom>
          <a:ln w="25907">
            <a:solidFill>
              <a:srgbClr val="000000"/>
            </a:solidFill>
          </a:ln>
        </p:spPr>
        <p:txBody>
          <a:bodyPr vert="horz" wrap="square" lIns="0" tIns="40005" rIns="0" bIns="0" rtlCol="0">
            <a:spAutoFit/>
          </a:bodyPr>
          <a:lstStyle/>
          <a:p>
            <a:pPr marL="280670">
              <a:lnSpc>
                <a:spcPct val="100000"/>
              </a:lnSpc>
              <a:spcBef>
                <a:spcPts val="315"/>
              </a:spcBef>
            </a:pPr>
            <a:r>
              <a:rPr sz="2000" b="1" spc="-10" dirty="0">
                <a:latin typeface="Meiryo UI"/>
                <a:cs typeface="Meiryo UI"/>
              </a:rPr>
              <a:t>多分野の包括的民間委託の既往事例</a:t>
            </a:r>
            <a:endParaRPr sz="2000">
              <a:latin typeface="Meiryo UI"/>
              <a:cs typeface="Meiryo UI"/>
            </a:endParaRPr>
          </a:p>
        </p:txBody>
      </p:sp>
      <p:grpSp>
        <p:nvGrpSpPr>
          <p:cNvPr id="12" name="object 12"/>
          <p:cNvGrpSpPr/>
          <p:nvPr/>
        </p:nvGrpSpPr>
        <p:grpSpPr>
          <a:xfrm>
            <a:off x="5026152" y="3915155"/>
            <a:ext cx="4029710" cy="2918460"/>
            <a:chOff x="5026152" y="3915155"/>
            <a:chExt cx="4029710" cy="2918460"/>
          </a:xfrm>
        </p:grpSpPr>
        <p:sp>
          <p:nvSpPr>
            <p:cNvPr id="13" name="object 13"/>
            <p:cNvSpPr/>
            <p:nvPr/>
          </p:nvSpPr>
          <p:spPr>
            <a:xfrm>
              <a:off x="5045202" y="3934205"/>
              <a:ext cx="3991610" cy="2880360"/>
            </a:xfrm>
            <a:custGeom>
              <a:avLst/>
              <a:gdLst/>
              <a:ahLst/>
              <a:cxnLst/>
              <a:rect l="l" t="t" r="r" b="b"/>
              <a:pathLst>
                <a:path w="3991609" h="2880359">
                  <a:moveTo>
                    <a:pt x="1995677" y="0"/>
                  </a:moveTo>
                  <a:lnTo>
                    <a:pt x="1939815" y="553"/>
                  </a:lnTo>
                  <a:lnTo>
                    <a:pt x="1884332" y="2203"/>
                  </a:lnTo>
                  <a:lnTo>
                    <a:pt x="1829250" y="4936"/>
                  </a:lnTo>
                  <a:lnTo>
                    <a:pt x="1774587" y="8736"/>
                  </a:lnTo>
                  <a:lnTo>
                    <a:pt x="1720364" y="13591"/>
                  </a:lnTo>
                  <a:lnTo>
                    <a:pt x="1666601" y="19484"/>
                  </a:lnTo>
                  <a:lnTo>
                    <a:pt x="1613318" y="26403"/>
                  </a:lnTo>
                  <a:lnTo>
                    <a:pt x="1560534" y="34331"/>
                  </a:lnTo>
                  <a:lnTo>
                    <a:pt x="1508271" y="43256"/>
                  </a:lnTo>
                  <a:lnTo>
                    <a:pt x="1456547" y="53162"/>
                  </a:lnTo>
                  <a:lnTo>
                    <a:pt x="1405384" y="64035"/>
                  </a:lnTo>
                  <a:lnTo>
                    <a:pt x="1354800" y="75860"/>
                  </a:lnTo>
                  <a:lnTo>
                    <a:pt x="1304816" y="88624"/>
                  </a:lnTo>
                  <a:lnTo>
                    <a:pt x="1255452" y="102311"/>
                  </a:lnTo>
                  <a:lnTo>
                    <a:pt x="1206728" y="116908"/>
                  </a:lnTo>
                  <a:lnTo>
                    <a:pt x="1158664" y="132399"/>
                  </a:lnTo>
                  <a:lnTo>
                    <a:pt x="1111280" y="148771"/>
                  </a:lnTo>
                  <a:lnTo>
                    <a:pt x="1064596" y="166009"/>
                  </a:lnTo>
                  <a:lnTo>
                    <a:pt x="1018631" y="184098"/>
                  </a:lnTo>
                  <a:lnTo>
                    <a:pt x="973407" y="203025"/>
                  </a:lnTo>
                  <a:lnTo>
                    <a:pt x="928942" y="222774"/>
                  </a:lnTo>
                  <a:lnTo>
                    <a:pt x="885258" y="243331"/>
                  </a:lnTo>
                  <a:lnTo>
                    <a:pt x="842373" y="264682"/>
                  </a:lnTo>
                  <a:lnTo>
                    <a:pt x="800308" y="286812"/>
                  </a:lnTo>
                  <a:lnTo>
                    <a:pt x="759083" y="309707"/>
                  </a:lnTo>
                  <a:lnTo>
                    <a:pt x="718718" y="333353"/>
                  </a:lnTo>
                  <a:lnTo>
                    <a:pt x="679233" y="357735"/>
                  </a:lnTo>
                  <a:lnTo>
                    <a:pt x="640648" y="382838"/>
                  </a:lnTo>
                  <a:lnTo>
                    <a:pt x="602983" y="408648"/>
                  </a:lnTo>
                  <a:lnTo>
                    <a:pt x="566257" y="435151"/>
                  </a:lnTo>
                  <a:lnTo>
                    <a:pt x="530492" y="462333"/>
                  </a:lnTo>
                  <a:lnTo>
                    <a:pt x="495706" y="490178"/>
                  </a:lnTo>
                  <a:lnTo>
                    <a:pt x="461921" y="518673"/>
                  </a:lnTo>
                  <a:lnTo>
                    <a:pt x="429155" y="547802"/>
                  </a:lnTo>
                  <a:lnTo>
                    <a:pt x="397430" y="577552"/>
                  </a:lnTo>
                  <a:lnTo>
                    <a:pt x="366764" y="607909"/>
                  </a:lnTo>
                  <a:lnTo>
                    <a:pt x="337178" y="638856"/>
                  </a:lnTo>
                  <a:lnTo>
                    <a:pt x="308692" y="670382"/>
                  </a:lnTo>
                  <a:lnTo>
                    <a:pt x="281326" y="702469"/>
                  </a:lnTo>
                  <a:lnTo>
                    <a:pt x="255101" y="735106"/>
                  </a:lnTo>
                  <a:lnTo>
                    <a:pt x="230035" y="768276"/>
                  </a:lnTo>
                  <a:lnTo>
                    <a:pt x="206148" y="801965"/>
                  </a:lnTo>
                  <a:lnTo>
                    <a:pt x="183462" y="836160"/>
                  </a:lnTo>
                  <a:lnTo>
                    <a:pt x="161996" y="870845"/>
                  </a:lnTo>
                  <a:lnTo>
                    <a:pt x="141770" y="906007"/>
                  </a:lnTo>
                  <a:lnTo>
                    <a:pt x="122804" y="941630"/>
                  </a:lnTo>
                  <a:lnTo>
                    <a:pt x="105118" y="977700"/>
                  </a:lnTo>
                  <a:lnTo>
                    <a:pt x="88731" y="1014204"/>
                  </a:lnTo>
                  <a:lnTo>
                    <a:pt x="73665" y="1051125"/>
                  </a:lnTo>
                  <a:lnTo>
                    <a:pt x="59938" y="1088451"/>
                  </a:lnTo>
                  <a:lnTo>
                    <a:pt x="47572" y="1126166"/>
                  </a:lnTo>
                  <a:lnTo>
                    <a:pt x="36586" y="1164257"/>
                  </a:lnTo>
                  <a:lnTo>
                    <a:pt x="26999" y="1202708"/>
                  </a:lnTo>
                  <a:lnTo>
                    <a:pt x="18833" y="1241505"/>
                  </a:lnTo>
                  <a:lnTo>
                    <a:pt x="12106" y="1280634"/>
                  </a:lnTo>
                  <a:lnTo>
                    <a:pt x="6839" y="1320080"/>
                  </a:lnTo>
                  <a:lnTo>
                    <a:pt x="3053" y="1359830"/>
                  </a:lnTo>
                  <a:lnTo>
                    <a:pt x="766" y="1399868"/>
                  </a:lnTo>
                  <a:lnTo>
                    <a:pt x="0" y="1440180"/>
                  </a:lnTo>
                  <a:lnTo>
                    <a:pt x="766" y="1480491"/>
                  </a:lnTo>
                  <a:lnTo>
                    <a:pt x="3053" y="1520528"/>
                  </a:lnTo>
                  <a:lnTo>
                    <a:pt x="6839" y="1560277"/>
                  </a:lnTo>
                  <a:lnTo>
                    <a:pt x="12106" y="1599723"/>
                  </a:lnTo>
                  <a:lnTo>
                    <a:pt x="18833" y="1638851"/>
                  </a:lnTo>
                  <a:lnTo>
                    <a:pt x="26999" y="1677648"/>
                  </a:lnTo>
                  <a:lnTo>
                    <a:pt x="36586" y="1716099"/>
                  </a:lnTo>
                  <a:lnTo>
                    <a:pt x="47572" y="1754189"/>
                  </a:lnTo>
                  <a:lnTo>
                    <a:pt x="59938" y="1791904"/>
                  </a:lnTo>
                  <a:lnTo>
                    <a:pt x="73665" y="1829229"/>
                  </a:lnTo>
                  <a:lnTo>
                    <a:pt x="88731" y="1866151"/>
                  </a:lnTo>
                  <a:lnTo>
                    <a:pt x="105118" y="1902654"/>
                  </a:lnTo>
                  <a:lnTo>
                    <a:pt x="122804" y="1938724"/>
                  </a:lnTo>
                  <a:lnTo>
                    <a:pt x="141770" y="1974347"/>
                  </a:lnTo>
                  <a:lnTo>
                    <a:pt x="161996" y="2009508"/>
                  </a:lnTo>
                  <a:lnTo>
                    <a:pt x="183462" y="2044193"/>
                  </a:lnTo>
                  <a:lnTo>
                    <a:pt x="206148" y="2078388"/>
                  </a:lnTo>
                  <a:lnTo>
                    <a:pt x="230035" y="2112078"/>
                  </a:lnTo>
                  <a:lnTo>
                    <a:pt x="255101" y="2145248"/>
                  </a:lnTo>
                  <a:lnTo>
                    <a:pt x="281326" y="2177884"/>
                  </a:lnTo>
                  <a:lnTo>
                    <a:pt x="308692" y="2209972"/>
                  </a:lnTo>
                  <a:lnTo>
                    <a:pt x="337178" y="2241497"/>
                  </a:lnTo>
                  <a:lnTo>
                    <a:pt x="366764" y="2272445"/>
                  </a:lnTo>
                  <a:lnTo>
                    <a:pt x="397430" y="2302801"/>
                  </a:lnTo>
                  <a:lnTo>
                    <a:pt x="429155" y="2332551"/>
                  </a:lnTo>
                  <a:lnTo>
                    <a:pt x="461921" y="2361681"/>
                  </a:lnTo>
                  <a:lnTo>
                    <a:pt x="495706" y="2390176"/>
                  </a:lnTo>
                  <a:lnTo>
                    <a:pt x="530492" y="2418021"/>
                  </a:lnTo>
                  <a:lnTo>
                    <a:pt x="566257" y="2445203"/>
                  </a:lnTo>
                  <a:lnTo>
                    <a:pt x="602983" y="2471706"/>
                  </a:lnTo>
                  <a:lnTo>
                    <a:pt x="640648" y="2497517"/>
                  </a:lnTo>
                  <a:lnTo>
                    <a:pt x="679233" y="2522620"/>
                  </a:lnTo>
                  <a:lnTo>
                    <a:pt x="718718" y="2547002"/>
                  </a:lnTo>
                  <a:lnTo>
                    <a:pt x="759083" y="2570648"/>
                  </a:lnTo>
                  <a:lnTo>
                    <a:pt x="800308" y="2593543"/>
                  </a:lnTo>
                  <a:lnTo>
                    <a:pt x="842373" y="2615674"/>
                  </a:lnTo>
                  <a:lnTo>
                    <a:pt x="885258" y="2637025"/>
                  </a:lnTo>
                  <a:lnTo>
                    <a:pt x="928942" y="2657582"/>
                  </a:lnTo>
                  <a:lnTo>
                    <a:pt x="973407" y="2677331"/>
                  </a:lnTo>
                  <a:lnTo>
                    <a:pt x="1018631" y="2696258"/>
                  </a:lnTo>
                  <a:lnTo>
                    <a:pt x="1064596" y="2714348"/>
                  </a:lnTo>
                  <a:lnTo>
                    <a:pt x="1111280" y="2731586"/>
                  </a:lnTo>
                  <a:lnTo>
                    <a:pt x="1158664" y="2747958"/>
                  </a:lnTo>
                  <a:lnTo>
                    <a:pt x="1206728" y="2763449"/>
                  </a:lnTo>
                  <a:lnTo>
                    <a:pt x="1255452" y="2778046"/>
                  </a:lnTo>
                  <a:lnTo>
                    <a:pt x="1304816" y="2791734"/>
                  </a:lnTo>
                  <a:lnTo>
                    <a:pt x="1354800" y="2804497"/>
                  </a:lnTo>
                  <a:lnTo>
                    <a:pt x="1405384" y="2816323"/>
                  </a:lnTo>
                  <a:lnTo>
                    <a:pt x="1456547" y="2827196"/>
                  </a:lnTo>
                  <a:lnTo>
                    <a:pt x="1508271" y="2837102"/>
                  </a:lnTo>
                  <a:lnTo>
                    <a:pt x="1560534" y="2846027"/>
                  </a:lnTo>
                  <a:lnTo>
                    <a:pt x="1613318" y="2853956"/>
                  </a:lnTo>
                  <a:lnTo>
                    <a:pt x="1666601" y="2860874"/>
                  </a:lnTo>
                  <a:lnTo>
                    <a:pt x="1720364" y="2866768"/>
                  </a:lnTo>
                  <a:lnTo>
                    <a:pt x="1774587" y="2871622"/>
                  </a:lnTo>
                  <a:lnTo>
                    <a:pt x="1829250" y="2875423"/>
                  </a:lnTo>
                  <a:lnTo>
                    <a:pt x="1884332" y="2878156"/>
                  </a:lnTo>
                  <a:lnTo>
                    <a:pt x="1939815" y="2879806"/>
                  </a:lnTo>
                  <a:lnTo>
                    <a:pt x="1995677" y="2880360"/>
                  </a:lnTo>
                  <a:lnTo>
                    <a:pt x="2051540" y="2879806"/>
                  </a:lnTo>
                  <a:lnTo>
                    <a:pt x="2107023" y="2878156"/>
                  </a:lnTo>
                  <a:lnTo>
                    <a:pt x="2162105" y="2875423"/>
                  </a:lnTo>
                  <a:lnTo>
                    <a:pt x="2216768" y="2871622"/>
                  </a:lnTo>
                  <a:lnTo>
                    <a:pt x="2270991" y="2866768"/>
                  </a:lnTo>
                  <a:lnTo>
                    <a:pt x="2324754" y="2860874"/>
                  </a:lnTo>
                  <a:lnTo>
                    <a:pt x="2378037" y="2853956"/>
                  </a:lnTo>
                  <a:lnTo>
                    <a:pt x="2430821" y="2846027"/>
                  </a:lnTo>
                  <a:lnTo>
                    <a:pt x="2483084" y="2837102"/>
                  </a:lnTo>
                  <a:lnTo>
                    <a:pt x="2534808" y="2827196"/>
                  </a:lnTo>
                  <a:lnTo>
                    <a:pt x="2585971" y="2816323"/>
                  </a:lnTo>
                  <a:lnTo>
                    <a:pt x="2636555" y="2804497"/>
                  </a:lnTo>
                  <a:lnTo>
                    <a:pt x="2686539" y="2791734"/>
                  </a:lnTo>
                  <a:lnTo>
                    <a:pt x="2735903" y="2778046"/>
                  </a:lnTo>
                  <a:lnTo>
                    <a:pt x="2784627" y="2763449"/>
                  </a:lnTo>
                  <a:lnTo>
                    <a:pt x="2832691" y="2747958"/>
                  </a:lnTo>
                  <a:lnTo>
                    <a:pt x="2880075" y="2731586"/>
                  </a:lnTo>
                  <a:lnTo>
                    <a:pt x="2926759" y="2714348"/>
                  </a:lnTo>
                  <a:lnTo>
                    <a:pt x="2972724" y="2696258"/>
                  </a:lnTo>
                  <a:lnTo>
                    <a:pt x="3017948" y="2677331"/>
                  </a:lnTo>
                  <a:lnTo>
                    <a:pt x="3062413" y="2657582"/>
                  </a:lnTo>
                  <a:lnTo>
                    <a:pt x="3106097" y="2637025"/>
                  </a:lnTo>
                  <a:lnTo>
                    <a:pt x="3148982" y="2615674"/>
                  </a:lnTo>
                  <a:lnTo>
                    <a:pt x="3191047" y="2593543"/>
                  </a:lnTo>
                  <a:lnTo>
                    <a:pt x="3232272" y="2570648"/>
                  </a:lnTo>
                  <a:lnTo>
                    <a:pt x="3272637" y="2547002"/>
                  </a:lnTo>
                  <a:lnTo>
                    <a:pt x="3312122" y="2522620"/>
                  </a:lnTo>
                  <a:lnTo>
                    <a:pt x="3350707" y="2497517"/>
                  </a:lnTo>
                  <a:lnTo>
                    <a:pt x="3388372" y="2471706"/>
                  </a:lnTo>
                  <a:lnTo>
                    <a:pt x="3425098" y="2445203"/>
                  </a:lnTo>
                  <a:lnTo>
                    <a:pt x="3460863" y="2418021"/>
                  </a:lnTo>
                  <a:lnTo>
                    <a:pt x="3495649" y="2390176"/>
                  </a:lnTo>
                  <a:lnTo>
                    <a:pt x="3529434" y="2361681"/>
                  </a:lnTo>
                  <a:lnTo>
                    <a:pt x="3562200" y="2332551"/>
                  </a:lnTo>
                  <a:lnTo>
                    <a:pt x="3593925" y="2302801"/>
                  </a:lnTo>
                  <a:lnTo>
                    <a:pt x="3624591" y="2272445"/>
                  </a:lnTo>
                  <a:lnTo>
                    <a:pt x="3654177" y="2241497"/>
                  </a:lnTo>
                  <a:lnTo>
                    <a:pt x="3682663" y="2209972"/>
                  </a:lnTo>
                  <a:lnTo>
                    <a:pt x="3710029" y="2177884"/>
                  </a:lnTo>
                  <a:lnTo>
                    <a:pt x="3736254" y="2145248"/>
                  </a:lnTo>
                  <a:lnTo>
                    <a:pt x="3761320" y="2112078"/>
                  </a:lnTo>
                  <a:lnTo>
                    <a:pt x="3785207" y="2078388"/>
                  </a:lnTo>
                  <a:lnTo>
                    <a:pt x="3807893" y="2044193"/>
                  </a:lnTo>
                  <a:lnTo>
                    <a:pt x="3829359" y="2009508"/>
                  </a:lnTo>
                  <a:lnTo>
                    <a:pt x="3849585" y="1974347"/>
                  </a:lnTo>
                  <a:lnTo>
                    <a:pt x="3868551" y="1938724"/>
                  </a:lnTo>
                  <a:lnTo>
                    <a:pt x="3886237" y="1902654"/>
                  </a:lnTo>
                  <a:lnTo>
                    <a:pt x="3902624" y="1866151"/>
                  </a:lnTo>
                  <a:lnTo>
                    <a:pt x="3917690" y="1829229"/>
                  </a:lnTo>
                  <a:lnTo>
                    <a:pt x="3931417" y="1791904"/>
                  </a:lnTo>
                  <a:lnTo>
                    <a:pt x="3943783" y="1754189"/>
                  </a:lnTo>
                  <a:lnTo>
                    <a:pt x="3954769" y="1716099"/>
                  </a:lnTo>
                  <a:lnTo>
                    <a:pt x="3964356" y="1677648"/>
                  </a:lnTo>
                  <a:lnTo>
                    <a:pt x="3972522" y="1638851"/>
                  </a:lnTo>
                  <a:lnTo>
                    <a:pt x="3979249" y="1599723"/>
                  </a:lnTo>
                  <a:lnTo>
                    <a:pt x="3984516" y="1560277"/>
                  </a:lnTo>
                  <a:lnTo>
                    <a:pt x="3988302" y="1520528"/>
                  </a:lnTo>
                  <a:lnTo>
                    <a:pt x="3990589" y="1480491"/>
                  </a:lnTo>
                  <a:lnTo>
                    <a:pt x="3991355" y="1440180"/>
                  </a:lnTo>
                  <a:lnTo>
                    <a:pt x="3990589" y="1399868"/>
                  </a:lnTo>
                  <a:lnTo>
                    <a:pt x="3988302" y="1359830"/>
                  </a:lnTo>
                  <a:lnTo>
                    <a:pt x="3984516" y="1320080"/>
                  </a:lnTo>
                  <a:lnTo>
                    <a:pt x="3979249" y="1280634"/>
                  </a:lnTo>
                  <a:lnTo>
                    <a:pt x="3972522" y="1241505"/>
                  </a:lnTo>
                  <a:lnTo>
                    <a:pt x="3964356" y="1202708"/>
                  </a:lnTo>
                  <a:lnTo>
                    <a:pt x="3954769" y="1164257"/>
                  </a:lnTo>
                  <a:lnTo>
                    <a:pt x="3943783" y="1126166"/>
                  </a:lnTo>
                  <a:lnTo>
                    <a:pt x="3931417" y="1088451"/>
                  </a:lnTo>
                  <a:lnTo>
                    <a:pt x="3917690" y="1051125"/>
                  </a:lnTo>
                  <a:lnTo>
                    <a:pt x="3902624" y="1014204"/>
                  </a:lnTo>
                  <a:lnTo>
                    <a:pt x="3886237" y="977700"/>
                  </a:lnTo>
                  <a:lnTo>
                    <a:pt x="3868551" y="941630"/>
                  </a:lnTo>
                  <a:lnTo>
                    <a:pt x="3849585" y="906007"/>
                  </a:lnTo>
                  <a:lnTo>
                    <a:pt x="3829359" y="870845"/>
                  </a:lnTo>
                  <a:lnTo>
                    <a:pt x="3807893" y="836160"/>
                  </a:lnTo>
                  <a:lnTo>
                    <a:pt x="3785207" y="801965"/>
                  </a:lnTo>
                  <a:lnTo>
                    <a:pt x="3761320" y="768276"/>
                  </a:lnTo>
                  <a:lnTo>
                    <a:pt x="3736254" y="735106"/>
                  </a:lnTo>
                  <a:lnTo>
                    <a:pt x="3710029" y="702469"/>
                  </a:lnTo>
                  <a:lnTo>
                    <a:pt x="3682663" y="670382"/>
                  </a:lnTo>
                  <a:lnTo>
                    <a:pt x="3654177" y="638856"/>
                  </a:lnTo>
                  <a:lnTo>
                    <a:pt x="3624591" y="607909"/>
                  </a:lnTo>
                  <a:lnTo>
                    <a:pt x="3593925" y="577552"/>
                  </a:lnTo>
                  <a:lnTo>
                    <a:pt x="3562200" y="547802"/>
                  </a:lnTo>
                  <a:lnTo>
                    <a:pt x="3529434" y="518673"/>
                  </a:lnTo>
                  <a:lnTo>
                    <a:pt x="3495649" y="490178"/>
                  </a:lnTo>
                  <a:lnTo>
                    <a:pt x="3460863" y="462333"/>
                  </a:lnTo>
                  <a:lnTo>
                    <a:pt x="3425098" y="435151"/>
                  </a:lnTo>
                  <a:lnTo>
                    <a:pt x="3388372" y="408648"/>
                  </a:lnTo>
                  <a:lnTo>
                    <a:pt x="3350707" y="382838"/>
                  </a:lnTo>
                  <a:lnTo>
                    <a:pt x="3312122" y="357735"/>
                  </a:lnTo>
                  <a:lnTo>
                    <a:pt x="3272637" y="333353"/>
                  </a:lnTo>
                  <a:lnTo>
                    <a:pt x="3232272" y="309707"/>
                  </a:lnTo>
                  <a:lnTo>
                    <a:pt x="3191047" y="286812"/>
                  </a:lnTo>
                  <a:lnTo>
                    <a:pt x="3148982" y="264682"/>
                  </a:lnTo>
                  <a:lnTo>
                    <a:pt x="3106097" y="243331"/>
                  </a:lnTo>
                  <a:lnTo>
                    <a:pt x="3062413" y="222774"/>
                  </a:lnTo>
                  <a:lnTo>
                    <a:pt x="3017948" y="203025"/>
                  </a:lnTo>
                  <a:lnTo>
                    <a:pt x="2972724" y="184098"/>
                  </a:lnTo>
                  <a:lnTo>
                    <a:pt x="2926759" y="166009"/>
                  </a:lnTo>
                  <a:lnTo>
                    <a:pt x="2880075" y="148771"/>
                  </a:lnTo>
                  <a:lnTo>
                    <a:pt x="2832691" y="132399"/>
                  </a:lnTo>
                  <a:lnTo>
                    <a:pt x="2784627" y="116908"/>
                  </a:lnTo>
                  <a:lnTo>
                    <a:pt x="2735903" y="102311"/>
                  </a:lnTo>
                  <a:lnTo>
                    <a:pt x="2686539" y="88624"/>
                  </a:lnTo>
                  <a:lnTo>
                    <a:pt x="2636555" y="75860"/>
                  </a:lnTo>
                  <a:lnTo>
                    <a:pt x="2585971" y="64035"/>
                  </a:lnTo>
                  <a:lnTo>
                    <a:pt x="2534808" y="53162"/>
                  </a:lnTo>
                  <a:lnTo>
                    <a:pt x="2483084" y="43256"/>
                  </a:lnTo>
                  <a:lnTo>
                    <a:pt x="2430821" y="34331"/>
                  </a:lnTo>
                  <a:lnTo>
                    <a:pt x="2378037" y="26403"/>
                  </a:lnTo>
                  <a:lnTo>
                    <a:pt x="2324754" y="19484"/>
                  </a:lnTo>
                  <a:lnTo>
                    <a:pt x="2270991" y="13591"/>
                  </a:lnTo>
                  <a:lnTo>
                    <a:pt x="2216768" y="8736"/>
                  </a:lnTo>
                  <a:lnTo>
                    <a:pt x="2162105" y="4936"/>
                  </a:lnTo>
                  <a:lnTo>
                    <a:pt x="2107023" y="2203"/>
                  </a:lnTo>
                  <a:lnTo>
                    <a:pt x="2051540" y="553"/>
                  </a:lnTo>
                  <a:lnTo>
                    <a:pt x="1995677" y="0"/>
                  </a:lnTo>
                  <a:close/>
                </a:path>
              </a:pathLst>
            </a:custGeom>
            <a:solidFill>
              <a:srgbClr val="DBEDF4"/>
            </a:solidFill>
          </p:spPr>
          <p:txBody>
            <a:bodyPr wrap="square" lIns="0" tIns="0" rIns="0" bIns="0" rtlCol="0"/>
            <a:lstStyle/>
            <a:p>
              <a:endParaRPr/>
            </a:p>
          </p:txBody>
        </p:sp>
        <p:sp>
          <p:nvSpPr>
            <p:cNvPr id="14" name="object 14"/>
            <p:cNvSpPr/>
            <p:nvPr/>
          </p:nvSpPr>
          <p:spPr>
            <a:xfrm>
              <a:off x="5045202" y="3934205"/>
              <a:ext cx="3991610" cy="2880360"/>
            </a:xfrm>
            <a:custGeom>
              <a:avLst/>
              <a:gdLst/>
              <a:ahLst/>
              <a:cxnLst/>
              <a:rect l="l" t="t" r="r" b="b"/>
              <a:pathLst>
                <a:path w="3991609" h="2880359">
                  <a:moveTo>
                    <a:pt x="0" y="1440180"/>
                  </a:moveTo>
                  <a:lnTo>
                    <a:pt x="766" y="1399868"/>
                  </a:lnTo>
                  <a:lnTo>
                    <a:pt x="3053" y="1359830"/>
                  </a:lnTo>
                  <a:lnTo>
                    <a:pt x="6839" y="1320080"/>
                  </a:lnTo>
                  <a:lnTo>
                    <a:pt x="12106" y="1280634"/>
                  </a:lnTo>
                  <a:lnTo>
                    <a:pt x="18833" y="1241505"/>
                  </a:lnTo>
                  <a:lnTo>
                    <a:pt x="26999" y="1202708"/>
                  </a:lnTo>
                  <a:lnTo>
                    <a:pt x="36586" y="1164257"/>
                  </a:lnTo>
                  <a:lnTo>
                    <a:pt x="47572" y="1126166"/>
                  </a:lnTo>
                  <a:lnTo>
                    <a:pt x="59938" y="1088451"/>
                  </a:lnTo>
                  <a:lnTo>
                    <a:pt x="73665" y="1051125"/>
                  </a:lnTo>
                  <a:lnTo>
                    <a:pt x="88731" y="1014204"/>
                  </a:lnTo>
                  <a:lnTo>
                    <a:pt x="105118" y="977700"/>
                  </a:lnTo>
                  <a:lnTo>
                    <a:pt x="122804" y="941630"/>
                  </a:lnTo>
                  <a:lnTo>
                    <a:pt x="141770" y="906007"/>
                  </a:lnTo>
                  <a:lnTo>
                    <a:pt x="161996" y="870845"/>
                  </a:lnTo>
                  <a:lnTo>
                    <a:pt x="183462" y="836160"/>
                  </a:lnTo>
                  <a:lnTo>
                    <a:pt x="206148" y="801965"/>
                  </a:lnTo>
                  <a:lnTo>
                    <a:pt x="230035" y="768276"/>
                  </a:lnTo>
                  <a:lnTo>
                    <a:pt x="255101" y="735106"/>
                  </a:lnTo>
                  <a:lnTo>
                    <a:pt x="281326" y="702469"/>
                  </a:lnTo>
                  <a:lnTo>
                    <a:pt x="308692" y="670382"/>
                  </a:lnTo>
                  <a:lnTo>
                    <a:pt x="337178" y="638856"/>
                  </a:lnTo>
                  <a:lnTo>
                    <a:pt x="366764" y="607909"/>
                  </a:lnTo>
                  <a:lnTo>
                    <a:pt x="397430" y="577552"/>
                  </a:lnTo>
                  <a:lnTo>
                    <a:pt x="429155" y="547802"/>
                  </a:lnTo>
                  <a:lnTo>
                    <a:pt x="461921" y="518673"/>
                  </a:lnTo>
                  <a:lnTo>
                    <a:pt x="495706" y="490178"/>
                  </a:lnTo>
                  <a:lnTo>
                    <a:pt x="530492" y="462333"/>
                  </a:lnTo>
                  <a:lnTo>
                    <a:pt x="566257" y="435151"/>
                  </a:lnTo>
                  <a:lnTo>
                    <a:pt x="602983" y="408648"/>
                  </a:lnTo>
                  <a:lnTo>
                    <a:pt x="640648" y="382838"/>
                  </a:lnTo>
                  <a:lnTo>
                    <a:pt x="679233" y="357735"/>
                  </a:lnTo>
                  <a:lnTo>
                    <a:pt x="718718" y="333353"/>
                  </a:lnTo>
                  <a:lnTo>
                    <a:pt x="759083" y="309707"/>
                  </a:lnTo>
                  <a:lnTo>
                    <a:pt x="800308" y="286812"/>
                  </a:lnTo>
                  <a:lnTo>
                    <a:pt x="842373" y="264682"/>
                  </a:lnTo>
                  <a:lnTo>
                    <a:pt x="885258" y="243331"/>
                  </a:lnTo>
                  <a:lnTo>
                    <a:pt x="928942" y="222774"/>
                  </a:lnTo>
                  <a:lnTo>
                    <a:pt x="973407" y="203025"/>
                  </a:lnTo>
                  <a:lnTo>
                    <a:pt x="1018631" y="184098"/>
                  </a:lnTo>
                  <a:lnTo>
                    <a:pt x="1064596" y="166009"/>
                  </a:lnTo>
                  <a:lnTo>
                    <a:pt x="1111280" y="148771"/>
                  </a:lnTo>
                  <a:lnTo>
                    <a:pt x="1158664" y="132399"/>
                  </a:lnTo>
                  <a:lnTo>
                    <a:pt x="1206728" y="116908"/>
                  </a:lnTo>
                  <a:lnTo>
                    <a:pt x="1255452" y="102311"/>
                  </a:lnTo>
                  <a:lnTo>
                    <a:pt x="1304816" y="88624"/>
                  </a:lnTo>
                  <a:lnTo>
                    <a:pt x="1354800" y="75860"/>
                  </a:lnTo>
                  <a:lnTo>
                    <a:pt x="1405384" y="64035"/>
                  </a:lnTo>
                  <a:lnTo>
                    <a:pt x="1456547" y="53162"/>
                  </a:lnTo>
                  <a:lnTo>
                    <a:pt x="1508271" y="43256"/>
                  </a:lnTo>
                  <a:lnTo>
                    <a:pt x="1560534" y="34331"/>
                  </a:lnTo>
                  <a:lnTo>
                    <a:pt x="1613318" y="26403"/>
                  </a:lnTo>
                  <a:lnTo>
                    <a:pt x="1666601" y="19484"/>
                  </a:lnTo>
                  <a:lnTo>
                    <a:pt x="1720364" y="13591"/>
                  </a:lnTo>
                  <a:lnTo>
                    <a:pt x="1774587" y="8736"/>
                  </a:lnTo>
                  <a:lnTo>
                    <a:pt x="1829250" y="4936"/>
                  </a:lnTo>
                  <a:lnTo>
                    <a:pt x="1884332" y="2203"/>
                  </a:lnTo>
                  <a:lnTo>
                    <a:pt x="1939815" y="553"/>
                  </a:lnTo>
                  <a:lnTo>
                    <a:pt x="1995677" y="0"/>
                  </a:lnTo>
                  <a:lnTo>
                    <a:pt x="2051540" y="553"/>
                  </a:lnTo>
                  <a:lnTo>
                    <a:pt x="2107023" y="2203"/>
                  </a:lnTo>
                  <a:lnTo>
                    <a:pt x="2162105" y="4936"/>
                  </a:lnTo>
                  <a:lnTo>
                    <a:pt x="2216768" y="8736"/>
                  </a:lnTo>
                  <a:lnTo>
                    <a:pt x="2270991" y="13591"/>
                  </a:lnTo>
                  <a:lnTo>
                    <a:pt x="2324754" y="19484"/>
                  </a:lnTo>
                  <a:lnTo>
                    <a:pt x="2378037" y="26403"/>
                  </a:lnTo>
                  <a:lnTo>
                    <a:pt x="2430821" y="34331"/>
                  </a:lnTo>
                  <a:lnTo>
                    <a:pt x="2483084" y="43256"/>
                  </a:lnTo>
                  <a:lnTo>
                    <a:pt x="2534808" y="53162"/>
                  </a:lnTo>
                  <a:lnTo>
                    <a:pt x="2585971" y="64035"/>
                  </a:lnTo>
                  <a:lnTo>
                    <a:pt x="2636555" y="75860"/>
                  </a:lnTo>
                  <a:lnTo>
                    <a:pt x="2686539" y="88624"/>
                  </a:lnTo>
                  <a:lnTo>
                    <a:pt x="2735903" y="102311"/>
                  </a:lnTo>
                  <a:lnTo>
                    <a:pt x="2784627" y="116908"/>
                  </a:lnTo>
                  <a:lnTo>
                    <a:pt x="2832691" y="132399"/>
                  </a:lnTo>
                  <a:lnTo>
                    <a:pt x="2880075" y="148771"/>
                  </a:lnTo>
                  <a:lnTo>
                    <a:pt x="2926759" y="166009"/>
                  </a:lnTo>
                  <a:lnTo>
                    <a:pt x="2972724" y="184098"/>
                  </a:lnTo>
                  <a:lnTo>
                    <a:pt x="3017948" y="203025"/>
                  </a:lnTo>
                  <a:lnTo>
                    <a:pt x="3062413" y="222774"/>
                  </a:lnTo>
                  <a:lnTo>
                    <a:pt x="3106097" y="243331"/>
                  </a:lnTo>
                  <a:lnTo>
                    <a:pt x="3148982" y="264682"/>
                  </a:lnTo>
                  <a:lnTo>
                    <a:pt x="3191047" y="286812"/>
                  </a:lnTo>
                  <a:lnTo>
                    <a:pt x="3232272" y="309707"/>
                  </a:lnTo>
                  <a:lnTo>
                    <a:pt x="3272637" y="333353"/>
                  </a:lnTo>
                  <a:lnTo>
                    <a:pt x="3312122" y="357735"/>
                  </a:lnTo>
                  <a:lnTo>
                    <a:pt x="3350707" y="382838"/>
                  </a:lnTo>
                  <a:lnTo>
                    <a:pt x="3388372" y="408648"/>
                  </a:lnTo>
                  <a:lnTo>
                    <a:pt x="3425098" y="435151"/>
                  </a:lnTo>
                  <a:lnTo>
                    <a:pt x="3460863" y="462333"/>
                  </a:lnTo>
                  <a:lnTo>
                    <a:pt x="3495649" y="490178"/>
                  </a:lnTo>
                  <a:lnTo>
                    <a:pt x="3529434" y="518673"/>
                  </a:lnTo>
                  <a:lnTo>
                    <a:pt x="3562200" y="547802"/>
                  </a:lnTo>
                  <a:lnTo>
                    <a:pt x="3593925" y="577552"/>
                  </a:lnTo>
                  <a:lnTo>
                    <a:pt x="3624591" y="607909"/>
                  </a:lnTo>
                  <a:lnTo>
                    <a:pt x="3654177" y="638856"/>
                  </a:lnTo>
                  <a:lnTo>
                    <a:pt x="3682663" y="670382"/>
                  </a:lnTo>
                  <a:lnTo>
                    <a:pt x="3710029" y="702469"/>
                  </a:lnTo>
                  <a:lnTo>
                    <a:pt x="3736254" y="735106"/>
                  </a:lnTo>
                  <a:lnTo>
                    <a:pt x="3761320" y="768276"/>
                  </a:lnTo>
                  <a:lnTo>
                    <a:pt x="3785207" y="801965"/>
                  </a:lnTo>
                  <a:lnTo>
                    <a:pt x="3807893" y="836160"/>
                  </a:lnTo>
                  <a:lnTo>
                    <a:pt x="3829359" y="870845"/>
                  </a:lnTo>
                  <a:lnTo>
                    <a:pt x="3849585" y="906007"/>
                  </a:lnTo>
                  <a:lnTo>
                    <a:pt x="3868551" y="941630"/>
                  </a:lnTo>
                  <a:lnTo>
                    <a:pt x="3886237" y="977700"/>
                  </a:lnTo>
                  <a:lnTo>
                    <a:pt x="3902624" y="1014204"/>
                  </a:lnTo>
                  <a:lnTo>
                    <a:pt x="3917690" y="1051125"/>
                  </a:lnTo>
                  <a:lnTo>
                    <a:pt x="3931417" y="1088451"/>
                  </a:lnTo>
                  <a:lnTo>
                    <a:pt x="3943783" y="1126166"/>
                  </a:lnTo>
                  <a:lnTo>
                    <a:pt x="3954769" y="1164257"/>
                  </a:lnTo>
                  <a:lnTo>
                    <a:pt x="3964356" y="1202708"/>
                  </a:lnTo>
                  <a:lnTo>
                    <a:pt x="3972522" y="1241505"/>
                  </a:lnTo>
                  <a:lnTo>
                    <a:pt x="3979249" y="1280634"/>
                  </a:lnTo>
                  <a:lnTo>
                    <a:pt x="3984516" y="1320080"/>
                  </a:lnTo>
                  <a:lnTo>
                    <a:pt x="3988302" y="1359830"/>
                  </a:lnTo>
                  <a:lnTo>
                    <a:pt x="3990589" y="1399868"/>
                  </a:lnTo>
                  <a:lnTo>
                    <a:pt x="3991355" y="1440180"/>
                  </a:lnTo>
                  <a:lnTo>
                    <a:pt x="3990589" y="1480491"/>
                  </a:lnTo>
                  <a:lnTo>
                    <a:pt x="3988302" y="1520528"/>
                  </a:lnTo>
                  <a:lnTo>
                    <a:pt x="3984516" y="1560277"/>
                  </a:lnTo>
                  <a:lnTo>
                    <a:pt x="3979249" y="1599723"/>
                  </a:lnTo>
                  <a:lnTo>
                    <a:pt x="3972522" y="1638851"/>
                  </a:lnTo>
                  <a:lnTo>
                    <a:pt x="3964356" y="1677648"/>
                  </a:lnTo>
                  <a:lnTo>
                    <a:pt x="3954769" y="1716099"/>
                  </a:lnTo>
                  <a:lnTo>
                    <a:pt x="3943783" y="1754189"/>
                  </a:lnTo>
                  <a:lnTo>
                    <a:pt x="3931417" y="1791904"/>
                  </a:lnTo>
                  <a:lnTo>
                    <a:pt x="3917690" y="1829229"/>
                  </a:lnTo>
                  <a:lnTo>
                    <a:pt x="3902624" y="1866151"/>
                  </a:lnTo>
                  <a:lnTo>
                    <a:pt x="3886237" y="1902654"/>
                  </a:lnTo>
                  <a:lnTo>
                    <a:pt x="3868551" y="1938724"/>
                  </a:lnTo>
                  <a:lnTo>
                    <a:pt x="3849585" y="1974347"/>
                  </a:lnTo>
                  <a:lnTo>
                    <a:pt x="3829359" y="2009508"/>
                  </a:lnTo>
                  <a:lnTo>
                    <a:pt x="3807893" y="2044193"/>
                  </a:lnTo>
                  <a:lnTo>
                    <a:pt x="3785207" y="2078388"/>
                  </a:lnTo>
                  <a:lnTo>
                    <a:pt x="3761320" y="2112078"/>
                  </a:lnTo>
                  <a:lnTo>
                    <a:pt x="3736254" y="2145248"/>
                  </a:lnTo>
                  <a:lnTo>
                    <a:pt x="3710029" y="2177884"/>
                  </a:lnTo>
                  <a:lnTo>
                    <a:pt x="3682663" y="2209972"/>
                  </a:lnTo>
                  <a:lnTo>
                    <a:pt x="3654177" y="2241497"/>
                  </a:lnTo>
                  <a:lnTo>
                    <a:pt x="3624591" y="2272445"/>
                  </a:lnTo>
                  <a:lnTo>
                    <a:pt x="3593925" y="2302801"/>
                  </a:lnTo>
                  <a:lnTo>
                    <a:pt x="3562200" y="2332551"/>
                  </a:lnTo>
                  <a:lnTo>
                    <a:pt x="3529434" y="2361681"/>
                  </a:lnTo>
                  <a:lnTo>
                    <a:pt x="3495649" y="2390176"/>
                  </a:lnTo>
                  <a:lnTo>
                    <a:pt x="3460863" y="2418021"/>
                  </a:lnTo>
                  <a:lnTo>
                    <a:pt x="3425098" y="2445203"/>
                  </a:lnTo>
                  <a:lnTo>
                    <a:pt x="3388372" y="2471706"/>
                  </a:lnTo>
                  <a:lnTo>
                    <a:pt x="3350707" y="2497517"/>
                  </a:lnTo>
                  <a:lnTo>
                    <a:pt x="3312122" y="2522620"/>
                  </a:lnTo>
                  <a:lnTo>
                    <a:pt x="3272637" y="2547002"/>
                  </a:lnTo>
                  <a:lnTo>
                    <a:pt x="3232272" y="2570648"/>
                  </a:lnTo>
                  <a:lnTo>
                    <a:pt x="3191047" y="2593543"/>
                  </a:lnTo>
                  <a:lnTo>
                    <a:pt x="3148982" y="2615674"/>
                  </a:lnTo>
                  <a:lnTo>
                    <a:pt x="3106097" y="2637025"/>
                  </a:lnTo>
                  <a:lnTo>
                    <a:pt x="3062413" y="2657582"/>
                  </a:lnTo>
                  <a:lnTo>
                    <a:pt x="3017948" y="2677331"/>
                  </a:lnTo>
                  <a:lnTo>
                    <a:pt x="2972724" y="2696258"/>
                  </a:lnTo>
                  <a:lnTo>
                    <a:pt x="2926759" y="2714348"/>
                  </a:lnTo>
                  <a:lnTo>
                    <a:pt x="2880075" y="2731586"/>
                  </a:lnTo>
                  <a:lnTo>
                    <a:pt x="2832691" y="2747958"/>
                  </a:lnTo>
                  <a:lnTo>
                    <a:pt x="2784627" y="2763449"/>
                  </a:lnTo>
                  <a:lnTo>
                    <a:pt x="2735903" y="2778046"/>
                  </a:lnTo>
                  <a:lnTo>
                    <a:pt x="2686539" y="2791734"/>
                  </a:lnTo>
                  <a:lnTo>
                    <a:pt x="2636555" y="2804497"/>
                  </a:lnTo>
                  <a:lnTo>
                    <a:pt x="2585971" y="2816323"/>
                  </a:lnTo>
                  <a:lnTo>
                    <a:pt x="2534808" y="2827196"/>
                  </a:lnTo>
                  <a:lnTo>
                    <a:pt x="2483084" y="2837102"/>
                  </a:lnTo>
                  <a:lnTo>
                    <a:pt x="2430821" y="2846027"/>
                  </a:lnTo>
                  <a:lnTo>
                    <a:pt x="2378037" y="2853956"/>
                  </a:lnTo>
                  <a:lnTo>
                    <a:pt x="2324754" y="2860874"/>
                  </a:lnTo>
                  <a:lnTo>
                    <a:pt x="2270991" y="2866768"/>
                  </a:lnTo>
                  <a:lnTo>
                    <a:pt x="2216768" y="2871622"/>
                  </a:lnTo>
                  <a:lnTo>
                    <a:pt x="2162105" y="2875423"/>
                  </a:lnTo>
                  <a:lnTo>
                    <a:pt x="2107023" y="2878156"/>
                  </a:lnTo>
                  <a:lnTo>
                    <a:pt x="2051540" y="2879806"/>
                  </a:lnTo>
                  <a:lnTo>
                    <a:pt x="1995677" y="2880360"/>
                  </a:lnTo>
                  <a:lnTo>
                    <a:pt x="1939815" y="2879806"/>
                  </a:lnTo>
                  <a:lnTo>
                    <a:pt x="1884332" y="2878156"/>
                  </a:lnTo>
                  <a:lnTo>
                    <a:pt x="1829250" y="2875423"/>
                  </a:lnTo>
                  <a:lnTo>
                    <a:pt x="1774587" y="2871622"/>
                  </a:lnTo>
                  <a:lnTo>
                    <a:pt x="1720364" y="2866768"/>
                  </a:lnTo>
                  <a:lnTo>
                    <a:pt x="1666601" y="2860874"/>
                  </a:lnTo>
                  <a:lnTo>
                    <a:pt x="1613318" y="2853956"/>
                  </a:lnTo>
                  <a:lnTo>
                    <a:pt x="1560534" y="2846027"/>
                  </a:lnTo>
                  <a:lnTo>
                    <a:pt x="1508271" y="2837102"/>
                  </a:lnTo>
                  <a:lnTo>
                    <a:pt x="1456547" y="2827196"/>
                  </a:lnTo>
                  <a:lnTo>
                    <a:pt x="1405384" y="2816323"/>
                  </a:lnTo>
                  <a:lnTo>
                    <a:pt x="1354800" y="2804497"/>
                  </a:lnTo>
                  <a:lnTo>
                    <a:pt x="1304816" y="2791734"/>
                  </a:lnTo>
                  <a:lnTo>
                    <a:pt x="1255452" y="2778046"/>
                  </a:lnTo>
                  <a:lnTo>
                    <a:pt x="1206728" y="2763449"/>
                  </a:lnTo>
                  <a:lnTo>
                    <a:pt x="1158664" y="2747958"/>
                  </a:lnTo>
                  <a:lnTo>
                    <a:pt x="1111280" y="2731586"/>
                  </a:lnTo>
                  <a:lnTo>
                    <a:pt x="1064596" y="2714348"/>
                  </a:lnTo>
                  <a:lnTo>
                    <a:pt x="1018631" y="2696258"/>
                  </a:lnTo>
                  <a:lnTo>
                    <a:pt x="973407" y="2677331"/>
                  </a:lnTo>
                  <a:lnTo>
                    <a:pt x="928942" y="2657582"/>
                  </a:lnTo>
                  <a:lnTo>
                    <a:pt x="885258" y="2637025"/>
                  </a:lnTo>
                  <a:lnTo>
                    <a:pt x="842373" y="2615674"/>
                  </a:lnTo>
                  <a:lnTo>
                    <a:pt x="800308" y="2593543"/>
                  </a:lnTo>
                  <a:lnTo>
                    <a:pt x="759083" y="2570648"/>
                  </a:lnTo>
                  <a:lnTo>
                    <a:pt x="718718" y="2547002"/>
                  </a:lnTo>
                  <a:lnTo>
                    <a:pt x="679233" y="2522620"/>
                  </a:lnTo>
                  <a:lnTo>
                    <a:pt x="640648" y="2497517"/>
                  </a:lnTo>
                  <a:lnTo>
                    <a:pt x="602983" y="2471706"/>
                  </a:lnTo>
                  <a:lnTo>
                    <a:pt x="566257" y="2445203"/>
                  </a:lnTo>
                  <a:lnTo>
                    <a:pt x="530492" y="2418021"/>
                  </a:lnTo>
                  <a:lnTo>
                    <a:pt x="495706" y="2390176"/>
                  </a:lnTo>
                  <a:lnTo>
                    <a:pt x="461921" y="2361681"/>
                  </a:lnTo>
                  <a:lnTo>
                    <a:pt x="429155" y="2332551"/>
                  </a:lnTo>
                  <a:lnTo>
                    <a:pt x="397430" y="2302801"/>
                  </a:lnTo>
                  <a:lnTo>
                    <a:pt x="366764" y="2272445"/>
                  </a:lnTo>
                  <a:lnTo>
                    <a:pt x="337178" y="2241497"/>
                  </a:lnTo>
                  <a:lnTo>
                    <a:pt x="308692" y="2209972"/>
                  </a:lnTo>
                  <a:lnTo>
                    <a:pt x="281326" y="2177884"/>
                  </a:lnTo>
                  <a:lnTo>
                    <a:pt x="255101" y="2145248"/>
                  </a:lnTo>
                  <a:lnTo>
                    <a:pt x="230035" y="2112078"/>
                  </a:lnTo>
                  <a:lnTo>
                    <a:pt x="206148" y="2078388"/>
                  </a:lnTo>
                  <a:lnTo>
                    <a:pt x="183462" y="2044193"/>
                  </a:lnTo>
                  <a:lnTo>
                    <a:pt x="161996" y="2009508"/>
                  </a:lnTo>
                  <a:lnTo>
                    <a:pt x="141770" y="1974347"/>
                  </a:lnTo>
                  <a:lnTo>
                    <a:pt x="122804" y="1938724"/>
                  </a:lnTo>
                  <a:lnTo>
                    <a:pt x="105118" y="1902654"/>
                  </a:lnTo>
                  <a:lnTo>
                    <a:pt x="88731" y="1866151"/>
                  </a:lnTo>
                  <a:lnTo>
                    <a:pt x="73665" y="1829229"/>
                  </a:lnTo>
                  <a:lnTo>
                    <a:pt x="59938" y="1791904"/>
                  </a:lnTo>
                  <a:lnTo>
                    <a:pt x="47572" y="1754189"/>
                  </a:lnTo>
                  <a:lnTo>
                    <a:pt x="36586" y="1716099"/>
                  </a:lnTo>
                  <a:lnTo>
                    <a:pt x="26999" y="1677648"/>
                  </a:lnTo>
                  <a:lnTo>
                    <a:pt x="18833" y="1638851"/>
                  </a:lnTo>
                  <a:lnTo>
                    <a:pt x="12106" y="1599723"/>
                  </a:lnTo>
                  <a:lnTo>
                    <a:pt x="6839" y="1560277"/>
                  </a:lnTo>
                  <a:lnTo>
                    <a:pt x="3053" y="1520528"/>
                  </a:lnTo>
                  <a:lnTo>
                    <a:pt x="766" y="1480491"/>
                  </a:lnTo>
                  <a:lnTo>
                    <a:pt x="0" y="1440180"/>
                  </a:lnTo>
                  <a:close/>
                </a:path>
              </a:pathLst>
            </a:custGeom>
            <a:ln w="38100">
              <a:solidFill>
                <a:srgbClr val="4F81BC"/>
              </a:solidFill>
            </a:ln>
          </p:spPr>
          <p:txBody>
            <a:bodyPr wrap="square" lIns="0" tIns="0" rIns="0" bIns="0" rtlCol="0"/>
            <a:lstStyle/>
            <a:p>
              <a:endParaRPr/>
            </a:p>
          </p:txBody>
        </p:sp>
        <p:pic>
          <p:nvPicPr>
            <p:cNvPr id="15" name="object 15"/>
            <p:cNvPicPr/>
            <p:nvPr/>
          </p:nvPicPr>
          <p:blipFill>
            <a:blip r:embed="rId2" cstate="print"/>
            <a:stretch>
              <a:fillRect/>
            </a:stretch>
          </p:blipFill>
          <p:spPr>
            <a:xfrm>
              <a:off x="7351776" y="5260847"/>
              <a:ext cx="1299972" cy="900684"/>
            </a:xfrm>
            <a:prstGeom prst="rect">
              <a:avLst/>
            </a:prstGeom>
          </p:spPr>
        </p:pic>
        <p:pic>
          <p:nvPicPr>
            <p:cNvPr id="16" name="object 16"/>
            <p:cNvPicPr/>
            <p:nvPr/>
          </p:nvPicPr>
          <p:blipFill>
            <a:blip r:embed="rId3" cstate="print"/>
            <a:stretch>
              <a:fillRect/>
            </a:stretch>
          </p:blipFill>
          <p:spPr>
            <a:xfrm>
              <a:off x="5996940" y="5501639"/>
              <a:ext cx="1306067" cy="960119"/>
            </a:xfrm>
            <a:prstGeom prst="rect">
              <a:avLst/>
            </a:prstGeom>
          </p:spPr>
        </p:pic>
        <p:pic>
          <p:nvPicPr>
            <p:cNvPr id="17" name="object 17"/>
            <p:cNvPicPr/>
            <p:nvPr/>
          </p:nvPicPr>
          <p:blipFill>
            <a:blip r:embed="rId4" cstate="print"/>
            <a:stretch>
              <a:fillRect/>
            </a:stretch>
          </p:blipFill>
          <p:spPr>
            <a:xfrm>
              <a:off x="5539740" y="4587239"/>
              <a:ext cx="1316736" cy="888492"/>
            </a:xfrm>
            <a:prstGeom prst="rect">
              <a:avLst/>
            </a:prstGeom>
          </p:spPr>
        </p:pic>
        <p:pic>
          <p:nvPicPr>
            <p:cNvPr id="18" name="object 18"/>
            <p:cNvPicPr/>
            <p:nvPr/>
          </p:nvPicPr>
          <p:blipFill>
            <a:blip r:embed="rId5" cstate="print"/>
            <a:stretch>
              <a:fillRect/>
            </a:stretch>
          </p:blipFill>
          <p:spPr>
            <a:xfrm>
              <a:off x="7001256" y="4320539"/>
              <a:ext cx="1333500" cy="862584"/>
            </a:xfrm>
            <a:prstGeom prst="rect">
              <a:avLst/>
            </a:prstGeom>
          </p:spPr>
        </p:pic>
      </p:grpSp>
      <p:sp>
        <p:nvSpPr>
          <p:cNvPr id="19" name="object 19"/>
          <p:cNvSpPr txBox="1"/>
          <p:nvPr/>
        </p:nvSpPr>
        <p:spPr>
          <a:xfrm>
            <a:off x="5355335" y="3550920"/>
            <a:ext cx="3183890" cy="347980"/>
          </a:xfrm>
          <a:prstGeom prst="rect">
            <a:avLst/>
          </a:prstGeom>
          <a:solidFill>
            <a:srgbClr val="D9D9D9"/>
          </a:solidFill>
        </p:spPr>
        <p:txBody>
          <a:bodyPr vert="horz" wrap="square" lIns="0" tIns="48260" rIns="0" bIns="0" rtlCol="0">
            <a:spAutoFit/>
          </a:bodyPr>
          <a:lstStyle/>
          <a:p>
            <a:pPr marL="92710">
              <a:lnSpc>
                <a:spcPct val="100000"/>
              </a:lnSpc>
              <a:spcBef>
                <a:spcPts val="380"/>
              </a:spcBef>
            </a:pPr>
            <a:r>
              <a:rPr sz="1650" spc="-20" dirty="0">
                <a:latin typeface="Meiryo UI"/>
                <a:cs typeface="Meiryo UI"/>
              </a:rPr>
              <a:t>多分野のメンテナンスをまとめて実施</a:t>
            </a:r>
            <a:endParaRPr sz="1650">
              <a:latin typeface="Meiryo UI"/>
              <a:cs typeface="Meiryo UI"/>
            </a:endParaRPr>
          </a:p>
        </p:txBody>
      </p:sp>
      <p:sp>
        <p:nvSpPr>
          <p:cNvPr id="20" name="object 20"/>
          <p:cNvSpPr txBox="1"/>
          <p:nvPr/>
        </p:nvSpPr>
        <p:spPr>
          <a:xfrm>
            <a:off x="5539740" y="4588764"/>
            <a:ext cx="398145" cy="184785"/>
          </a:xfrm>
          <a:prstGeom prst="rect">
            <a:avLst/>
          </a:prstGeom>
          <a:solidFill>
            <a:srgbClr val="000000">
              <a:alpha val="39999"/>
            </a:srgbClr>
          </a:solidFill>
        </p:spPr>
        <p:txBody>
          <a:bodyPr vert="horz" wrap="square" lIns="0" tIns="1270" rIns="0" bIns="0" rtlCol="0">
            <a:spAutoFit/>
          </a:bodyPr>
          <a:lstStyle/>
          <a:p>
            <a:pPr marL="46355">
              <a:lnSpc>
                <a:spcPct val="100000"/>
              </a:lnSpc>
              <a:spcBef>
                <a:spcPts val="10"/>
              </a:spcBef>
            </a:pPr>
            <a:r>
              <a:rPr sz="1200" spc="-25" dirty="0">
                <a:solidFill>
                  <a:srgbClr val="FFFFFF"/>
                </a:solidFill>
                <a:latin typeface="Meiryo UI"/>
                <a:cs typeface="Meiryo UI"/>
              </a:rPr>
              <a:t>道路</a:t>
            </a:r>
            <a:endParaRPr sz="1200">
              <a:latin typeface="Meiryo UI"/>
              <a:cs typeface="Meiryo UI"/>
            </a:endParaRPr>
          </a:p>
        </p:txBody>
      </p:sp>
      <p:sp>
        <p:nvSpPr>
          <p:cNvPr id="21" name="object 21"/>
          <p:cNvSpPr txBox="1"/>
          <p:nvPr/>
        </p:nvSpPr>
        <p:spPr>
          <a:xfrm>
            <a:off x="7930895" y="4983479"/>
            <a:ext cx="398145" cy="186055"/>
          </a:xfrm>
          <a:prstGeom prst="rect">
            <a:avLst/>
          </a:prstGeom>
          <a:solidFill>
            <a:srgbClr val="000000">
              <a:alpha val="39999"/>
            </a:srgbClr>
          </a:solidFill>
        </p:spPr>
        <p:txBody>
          <a:bodyPr vert="horz" wrap="square" lIns="0" tIns="1270" rIns="0" bIns="0" rtlCol="0">
            <a:spAutoFit/>
          </a:bodyPr>
          <a:lstStyle/>
          <a:p>
            <a:pPr marL="46355">
              <a:lnSpc>
                <a:spcPct val="100000"/>
              </a:lnSpc>
              <a:spcBef>
                <a:spcPts val="10"/>
              </a:spcBef>
            </a:pPr>
            <a:r>
              <a:rPr sz="1200" spc="-25" dirty="0">
                <a:solidFill>
                  <a:srgbClr val="FFFFFF"/>
                </a:solidFill>
                <a:latin typeface="Meiryo UI"/>
                <a:cs typeface="Meiryo UI"/>
              </a:rPr>
              <a:t>公園</a:t>
            </a:r>
            <a:endParaRPr sz="1200">
              <a:latin typeface="Meiryo UI"/>
              <a:cs typeface="Meiryo UI"/>
            </a:endParaRPr>
          </a:p>
        </p:txBody>
      </p:sp>
      <p:sp>
        <p:nvSpPr>
          <p:cNvPr id="22" name="object 22"/>
          <p:cNvSpPr txBox="1"/>
          <p:nvPr/>
        </p:nvSpPr>
        <p:spPr>
          <a:xfrm>
            <a:off x="6720840" y="5500115"/>
            <a:ext cx="582295" cy="186055"/>
          </a:xfrm>
          <a:prstGeom prst="rect">
            <a:avLst/>
          </a:prstGeom>
          <a:solidFill>
            <a:srgbClr val="000000">
              <a:alpha val="39999"/>
            </a:srgbClr>
          </a:solidFill>
        </p:spPr>
        <p:txBody>
          <a:bodyPr vert="horz" wrap="square" lIns="0" tIns="1905" rIns="0" bIns="0" rtlCol="0">
            <a:spAutoFit/>
          </a:bodyPr>
          <a:lstStyle/>
          <a:p>
            <a:pPr marL="62865">
              <a:lnSpc>
                <a:spcPct val="100000"/>
              </a:lnSpc>
              <a:spcBef>
                <a:spcPts val="15"/>
              </a:spcBef>
            </a:pPr>
            <a:r>
              <a:rPr sz="1200" spc="-20" dirty="0">
                <a:solidFill>
                  <a:srgbClr val="FFFFFF"/>
                </a:solidFill>
                <a:latin typeface="Meiryo UI"/>
                <a:cs typeface="Meiryo UI"/>
              </a:rPr>
              <a:t>下水道</a:t>
            </a:r>
            <a:endParaRPr sz="1200">
              <a:latin typeface="Meiryo UI"/>
              <a:cs typeface="Meiryo UI"/>
            </a:endParaRPr>
          </a:p>
        </p:txBody>
      </p:sp>
      <p:sp>
        <p:nvSpPr>
          <p:cNvPr id="23" name="object 23"/>
          <p:cNvSpPr txBox="1"/>
          <p:nvPr/>
        </p:nvSpPr>
        <p:spPr>
          <a:xfrm>
            <a:off x="7351776" y="5262371"/>
            <a:ext cx="399415" cy="184785"/>
          </a:xfrm>
          <a:prstGeom prst="rect">
            <a:avLst/>
          </a:prstGeom>
          <a:solidFill>
            <a:srgbClr val="000000">
              <a:alpha val="39999"/>
            </a:srgbClr>
          </a:solidFill>
        </p:spPr>
        <p:txBody>
          <a:bodyPr vert="horz" wrap="square" lIns="0" tIns="1270" rIns="0" bIns="0" rtlCol="0">
            <a:spAutoFit/>
          </a:bodyPr>
          <a:lstStyle/>
          <a:p>
            <a:pPr marL="46990">
              <a:lnSpc>
                <a:spcPct val="100000"/>
              </a:lnSpc>
              <a:spcBef>
                <a:spcPts val="10"/>
              </a:spcBef>
            </a:pPr>
            <a:r>
              <a:rPr sz="1200" spc="-25" dirty="0">
                <a:solidFill>
                  <a:srgbClr val="FFFFFF"/>
                </a:solidFill>
                <a:latin typeface="Meiryo UI"/>
                <a:cs typeface="Meiryo UI"/>
              </a:rPr>
              <a:t>河川</a:t>
            </a:r>
            <a:endParaRPr sz="1200">
              <a:latin typeface="Meiryo UI"/>
              <a:cs typeface="Meiryo UI"/>
            </a:endParaRPr>
          </a:p>
        </p:txBody>
      </p:sp>
      <p:sp>
        <p:nvSpPr>
          <p:cNvPr id="24" name="object 24"/>
          <p:cNvSpPr txBox="1"/>
          <p:nvPr/>
        </p:nvSpPr>
        <p:spPr>
          <a:xfrm>
            <a:off x="7656068" y="6211620"/>
            <a:ext cx="547370" cy="280035"/>
          </a:xfrm>
          <a:prstGeom prst="rect">
            <a:avLst/>
          </a:prstGeom>
        </p:spPr>
        <p:txBody>
          <a:bodyPr vert="horz" wrap="square" lIns="0" tIns="14604" rIns="0" bIns="0" rtlCol="0">
            <a:spAutoFit/>
          </a:bodyPr>
          <a:lstStyle/>
          <a:p>
            <a:pPr marL="12700">
              <a:lnSpc>
                <a:spcPct val="100000"/>
              </a:lnSpc>
              <a:spcBef>
                <a:spcPts val="114"/>
              </a:spcBef>
            </a:pPr>
            <a:r>
              <a:rPr sz="1650" spc="-20" dirty="0">
                <a:latin typeface="Meiryo UI"/>
                <a:cs typeface="Meiryo UI"/>
              </a:rPr>
              <a:t>etc…</a:t>
            </a:r>
            <a:endParaRPr sz="1650">
              <a:latin typeface="Meiryo UI"/>
              <a:cs typeface="Meiryo UI"/>
            </a:endParaRPr>
          </a:p>
        </p:txBody>
      </p:sp>
      <p:sp>
        <p:nvSpPr>
          <p:cNvPr id="25" name="object 25"/>
          <p:cNvSpPr txBox="1"/>
          <p:nvPr/>
        </p:nvSpPr>
        <p:spPr>
          <a:xfrm>
            <a:off x="5632703" y="4067555"/>
            <a:ext cx="611505" cy="349250"/>
          </a:xfrm>
          <a:prstGeom prst="rect">
            <a:avLst/>
          </a:prstGeom>
          <a:solidFill>
            <a:srgbClr val="FFFFFF"/>
          </a:solidFill>
          <a:ln w="9144">
            <a:solidFill>
              <a:srgbClr val="006FC0"/>
            </a:solidFill>
          </a:ln>
        </p:spPr>
        <p:txBody>
          <a:bodyPr vert="horz" wrap="square" lIns="0" tIns="49530" rIns="0" bIns="0" rtlCol="0">
            <a:spAutoFit/>
          </a:bodyPr>
          <a:lstStyle/>
          <a:p>
            <a:pPr marL="93980">
              <a:lnSpc>
                <a:spcPct val="100000"/>
              </a:lnSpc>
              <a:spcBef>
                <a:spcPts val="390"/>
              </a:spcBef>
            </a:pPr>
            <a:r>
              <a:rPr sz="1650" b="1" spc="-25" dirty="0">
                <a:latin typeface="Meiryo UI"/>
                <a:cs typeface="Meiryo UI"/>
              </a:rPr>
              <a:t>Ａ市</a:t>
            </a:r>
            <a:endParaRPr sz="1650">
              <a:latin typeface="Meiryo UI"/>
              <a:cs typeface="Meiryo UI"/>
            </a:endParaRPr>
          </a:p>
        </p:txBody>
      </p:sp>
      <p:sp>
        <p:nvSpPr>
          <p:cNvPr id="26" name="object 26"/>
          <p:cNvSpPr txBox="1"/>
          <p:nvPr/>
        </p:nvSpPr>
        <p:spPr>
          <a:xfrm>
            <a:off x="6027546" y="6471920"/>
            <a:ext cx="743585" cy="124460"/>
          </a:xfrm>
          <a:prstGeom prst="rect">
            <a:avLst/>
          </a:prstGeom>
        </p:spPr>
        <p:txBody>
          <a:bodyPr vert="horz" wrap="square" lIns="0" tIns="12065" rIns="0" bIns="0" rtlCol="0">
            <a:spAutoFit/>
          </a:bodyPr>
          <a:lstStyle/>
          <a:p>
            <a:pPr marL="12700">
              <a:lnSpc>
                <a:spcPct val="100000"/>
              </a:lnSpc>
              <a:spcBef>
                <a:spcPts val="95"/>
              </a:spcBef>
            </a:pPr>
            <a:r>
              <a:rPr sz="650" spc="-10" dirty="0">
                <a:latin typeface="Meiryo UI"/>
                <a:cs typeface="Meiryo UI"/>
              </a:rPr>
              <a:t>※京都市HP</a:t>
            </a:r>
            <a:r>
              <a:rPr sz="650" spc="-20" dirty="0">
                <a:latin typeface="Meiryo UI"/>
                <a:cs typeface="Meiryo UI"/>
              </a:rPr>
              <a:t>より引用</a:t>
            </a:r>
            <a:endParaRPr sz="650">
              <a:latin typeface="Meiryo UI"/>
              <a:cs typeface="Meiryo UI"/>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タイトル 2">
            <a:extLst>
              <a:ext uri="{FF2B5EF4-FFF2-40B4-BE49-F238E27FC236}">
                <a16:creationId xmlns:a16="http://schemas.microsoft.com/office/drawing/2014/main" id="{F832B49F-A092-4451-842B-D584C2BEFB2C}"/>
              </a:ext>
            </a:extLst>
          </p:cNvPr>
          <p:cNvSpPr txBox="1">
            <a:spLocks noGrp="1"/>
          </p:cNvSpPr>
          <p:nvPr>
            <p:ph type="title"/>
          </p:nvPr>
        </p:nvSpPr>
        <p:spPr>
          <a:xfrm>
            <a:off x="159185" y="306328"/>
            <a:ext cx="7457998" cy="315407"/>
          </a:xfrm>
          <a:prstGeom prst="rect">
            <a:avLst/>
          </a:prstGeom>
        </p:spPr>
        <p:txBody>
          <a:bodyPr vert="horz" wrap="square" lIns="0" tIns="0" rIns="0" bIns="0" rtlCol="0" anchor="t" anchorCtr="0">
            <a:spAutoFit/>
          </a:bodyPr>
          <a:lstStyle>
            <a:lvl1pPr algn="l" defTabSz="987461" rtl="0" eaLnBrk="1" fontAlgn="ctr" latinLnBrk="0" hangingPunct="1">
              <a:spcBef>
                <a:spcPct val="0"/>
              </a:spcBef>
              <a:buNone/>
              <a:defRPr kumimoji="1" sz="2200" b="1" kern="1200">
                <a:solidFill>
                  <a:schemeClr val="tx1"/>
                </a:solidFill>
                <a:latin typeface="Arial" pitchFamily="34" charset="0"/>
                <a:ea typeface="ＭＳ Ｐゴシック" pitchFamily="50" charset="-128"/>
                <a:cs typeface="Arial" pitchFamily="34" charset="0"/>
              </a:defRPr>
            </a:lvl1pPr>
          </a:lstStyle>
          <a:p>
            <a:r>
              <a:rPr lang="ja-JP" altLang="en-US" sz="2216" b="0" dirty="0">
                <a:latin typeface="HG丸ｺﾞｼｯｸM-PRO" panose="020F0600000000000000" pitchFamily="50" charset="-128"/>
                <a:ea typeface="HG丸ｺﾞｼｯｸM-PRO" panose="020F0600000000000000" pitchFamily="50" charset="-128"/>
              </a:rPr>
              <a:t>地方自治体の状況</a:t>
            </a:r>
          </a:p>
        </p:txBody>
      </p:sp>
      <p:sp>
        <p:nvSpPr>
          <p:cNvPr id="4" name="スライド番号プレースホルダー 3">
            <a:extLst>
              <a:ext uri="{FF2B5EF4-FFF2-40B4-BE49-F238E27FC236}">
                <a16:creationId xmlns:a16="http://schemas.microsoft.com/office/drawing/2014/main" id="{2CD7A590-96A1-438B-81F1-0E8A78E0D318}"/>
              </a:ext>
            </a:extLst>
          </p:cNvPr>
          <p:cNvSpPr>
            <a:spLocks noGrp="1"/>
          </p:cNvSpPr>
          <p:nvPr>
            <p:ph type="sldNum" sz="quarter" idx="4"/>
          </p:nvPr>
        </p:nvSpPr>
        <p:spPr>
          <a:xfrm>
            <a:off x="8538325" y="6592431"/>
            <a:ext cx="465506" cy="211824"/>
          </a:xfrm>
        </p:spPr>
        <p:txBody>
          <a:bodyPr/>
          <a:lstStyle/>
          <a:p>
            <a:fld id="{E4DD4CA9-FFF4-4929-B1F3-DD754470E6A2}" type="slidenum">
              <a:rPr lang="ja-JP" altLang="en-US" sz="1478"/>
              <a:pPr/>
              <a:t>3</a:t>
            </a:fld>
            <a:endParaRPr lang="ja-JP" altLang="en-US" sz="1478" dirty="0"/>
          </a:p>
        </p:txBody>
      </p:sp>
      <p:cxnSp>
        <p:nvCxnSpPr>
          <p:cNvPr id="23" name="直線コネクタ 22">
            <a:extLst>
              <a:ext uri="{FF2B5EF4-FFF2-40B4-BE49-F238E27FC236}">
                <a16:creationId xmlns:a16="http://schemas.microsoft.com/office/drawing/2014/main" id="{D4589F8B-29C0-465F-88D2-AADF5AC62CE9}"/>
              </a:ext>
            </a:extLst>
          </p:cNvPr>
          <p:cNvCxnSpPr>
            <a:stCxn id="8" idx="2"/>
            <a:endCxn id="9" idx="0"/>
          </p:cNvCxnSpPr>
          <p:nvPr/>
        </p:nvCxnSpPr>
        <p:spPr>
          <a:xfrm>
            <a:off x="4114489" y="3210702"/>
            <a:ext cx="0" cy="1164074"/>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32" name="グループ化 31">
            <a:extLst>
              <a:ext uri="{FF2B5EF4-FFF2-40B4-BE49-F238E27FC236}">
                <a16:creationId xmlns:a16="http://schemas.microsoft.com/office/drawing/2014/main" id="{80BA64C7-B195-4EC6-B6FE-E80383C184BA}"/>
              </a:ext>
            </a:extLst>
          </p:cNvPr>
          <p:cNvGrpSpPr>
            <a:grpSpLocks noChangeAspect="1"/>
          </p:cNvGrpSpPr>
          <p:nvPr/>
        </p:nvGrpSpPr>
        <p:grpSpPr>
          <a:xfrm>
            <a:off x="484153" y="1414651"/>
            <a:ext cx="7449037" cy="3629221"/>
            <a:chOff x="376772" y="2973429"/>
            <a:chExt cx="8184812" cy="4315640"/>
          </a:xfrm>
        </p:grpSpPr>
        <p:sp>
          <p:nvSpPr>
            <p:cNvPr id="7" name="正方形/長方形 6">
              <a:extLst>
                <a:ext uri="{FF2B5EF4-FFF2-40B4-BE49-F238E27FC236}">
                  <a16:creationId xmlns:a16="http://schemas.microsoft.com/office/drawing/2014/main" id="{1A4A8FA5-F2F2-4CAE-AA83-4845702A81F6}"/>
                </a:ext>
              </a:extLst>
            </p:cNvPr>
            <p:cNvSpPr/>
            <p:nvPr/>
          </p:nvSpPr>
          <p:spPr>
            <a:xfrm>
              <a:off x="6424537" y="5109178"/>
              <a:ext cx="2127772" cy="995554"/>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en-US" altLang="ja-JP" sz="1478" b="1" dirty="0">
                  <a:solidFill>
                    <a:schemeClr val="tx1"/>
                  </a:solidFill>
                  <a:latin typeface="HG丸ｺﾞｼｯｸM-PRO" panose="020F0600000000000000" pitchFamily="50" charset="-128"/>
                  <a:ea typeface="HG丸ｺﾞｼｯｸM-PRO" panose="020F0600000000000000" pitchFamily="50" charset="-128"/>
                </a:rPr>
                <a:t>Ⅳ0.1%</a:t>
              </a:r>
              <a:r>
                <a:rPr lang="en-US" altLang="ja-JP" sz="1478" baseline="30000" dirty="0">
                  <a:solidFill>
                    <a:schemeClr val="tx1"/>
                  </a:solidFill>
                  <a:latin typeface="HG丸ｺﾞｼｯｸM-PRO" panose="020F0600000000000000" pitchFamily="50" charset="-128"/>
                  <a:ea typeface="HG丸ｺﾞｼｯｸM-PRO" panose="020F0600000000000000" pitchFamily="50" charset="-128"/>
                </a:rPr>
                <a:t>※1</a:t>
              </a:r>
              <a:endParaRPr lang="en-US" altLang="ja-JP" sz="1478" dirty="0">
                <a:solidFill>
                  <a:schemeClr val="tx1"/>
                </a:solidFill>
                <a:latin typeface="HG丸ｺﾞｼｯｸM-PRO" panose="020F0600000000000000" pitchFamily="50" charset="-128"/>
                <a:ea typeface="HG丸ｺﾞｼｯｸM-PRO" panose="020F0600000000000000" pitchFamily="50" charset="-128"/>
              </a:endParaRPr>
            </a:p>
            <a:p>
              <a:pPr algn="ctr" fontAlgn="ctr" hangingPunct="0"/>
              <a:r>
                <a:rPr lang="ja-JP" altLang="en-US" sz="1847" b="1" dirty="0">
                  <a:solidFill>
                    <a:srgbClr val="0033CC"/>
                  </a:solidFill>
                  <a:latin typeface="HG丸ｺﾞｼｯｸM-PRO" panose="020F0600000000000000" pitchFamily="50" charset="-128"/>
                  <a:ea typeface="HG丸ｺﾞｼｯｸM-PRO" panose="020F0600000000000000" pitchFamily="50" charset="-128"/>
                </a:rPr>
                <a:t>約</a:t>
              </a:r>
              <a:r>
                <a:rPr lang="en-US" altLang="ja-JP" sz="1847" b="1" dirty="0">
                  <a:solidFill>
                    <a:srgbClr val="0033CC"/>
                  </a:solidFill>
                  <a:latin typeface="HG丸ｺﾞｼｯｸM-PRO" panose="020F0600000000000000" pitchFamily="50" charset="-128"/>
                  <a:ea typeface="HG丸ｺﾞｼｯｸM-PRO" panose="020F0600000000000000" pitchFamily="50" charset="-128"/>
                </a:rPr>
                <a:t>700</a:t>
              </a:r>
              <a:r>
                <a:rPr lang="ja-JP" altLang="en-US" sz="1847" b="1" dirty="0">
                  <a:solidFill>
                    <a:srgbClr val="0033CC"/>
                  </a:solidFill>
                  <a:latin typeface="HG丸ｺﾞｼｯｸM-PRO" panose="020F0600000000000000" pitchFamily="50" charset="-128"/>
                  <a:ea typeface="HG丸ｺﾞｼｯｸM-PRO" panose="020F0600000000000000" pitchFamily="50" charset="-128"/>
                </a:rPr>
                <a:t>橋</a:t>
              </a:r>
            </a:p>
          </p:txBody>
        </p:sp>
        <p:grpSp>
          <p:nvGrpSpPr>
            <p:cNvPr id="25" name="グループ化 24">
              <a:extLst>
                <a:ext uri="{FF2B5EF4-FFF2-40B4-BE49-F238E27FC236}">
                  <a16:creationId xmlns:a16="http://schemas.microsoft.com/office/drawing/2014/main" id="{CA39BA10-AA9F-4A07-97AD-659F5F46D1B1}"/>
                </a:ext>
              </a:extLst>
            </p:cNvPr>
            <p:cNvGrpSpPr/>
            <p:nvPr/>
          </p:nvGrpSpPr>
          <p:grpSpPr>
            <a:xfrm>
              <a:off x="382980" y="2973429"/>
              <a:ext cx="8178604" cy="4315640"/>
              <a:chOff x="382980" y="1480173"/>
              <a:chExt cx="8178604" cy="4315640"/>
            </a:xfrm>
          </p:grpSpPr>
          <p:sp>
            <p:nvSpPr>
              <p:cNvPr id="9" name="正方形/長方形 8">
                <a:extLst>
                  <a:ext uri="{FF2B5EF4-FFF2-40B4-BE49-F238E27FC236}">
                    <a16:creationId xmlns:a16="http://schemas.microsoft.com/office/drawing/2014/main" id="{259C8DFC-6223-4859-A7BD-9D2B28CCBD40}"/>
                  </a:ext>
                </a:extLst>
              </p:cNvPr>
              <p:cNvSpPr/>
              <p:nvPr/>
            </p:nvSpPr>
            <p:spPr>
              <a:xfrm>
                <a:off x="3289986" y="5000166"/>
                <a:ext cx="2151413" cy="795647"/>
              </a:xfrm>
              <a:prstGeom prst="rect">
                <a:avLst/>
              </a:prstGeom>
              <a:solidFill>
                <a:srgbClr val="0070C0"/>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ja-JP" altLang="en-US" sz="2216" dirty="0">
                    <a:solidFill>
                      <a:schemeClr val="bg1"/>
                    </a:solidFill>
                    <a:latin typeface="HG丸ｺﾞｼｯｸM-PRO" panose="020F0600000000000000" pitchFamily="50" charset="-128"/>
                    <a:ea typeface="HG丸ｺﾞｼｯｸM-PRO" panose="020F0600000000000000" pitchFamily="50" charset="-128"/>
                  </a:rPr>
                  <a:t>補修工事</a:t>
                </a:r>
              </a:p>
            </p:txBody>
          </p:sp>
          <p:cxnSp>
            <p:nvCxnSpPr>
              <p:cNvPr id="13" name="直線コネクタ 12">
                <a:extLst>
                  <a:ext uri="{FF2B5EF4-FFF2-40B4-BE49-F238E27FC236}">
                    <a16:creationId xmlns:a16="http://schemas.microsoft.com/office/drawing/2014/main" id="{12719B7F-C800-493A-A8E9-B958FA1DEB55}"/>
                  </a:ext>
                </a:extLst>
              </p:cNvPr>
              <p:cNvCxnSpPr>
                <a:cxnSpLocks/>
              </p:cNvCxnSpPr>
              <p:nvPr/>
            </p:nvCxnSpPr>
            <p:spPr>
              <a:xfrm>
                <a:off x="4357862" y="1852553"/>
                <a:ext cx="11231" cy="137342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a:extLst>
                  <a:ext uri="{FF2B5EF4-FFF2-40B4-BE49-F238E27FC236}">
                    <a16:creationId xmlns:a16="http://schemas.microsoft.com/office/drawing/2014/main" id="{91FFD421-29E4-4E17-B024-8980C4DA0E5D}"/>
                  </a:ext>
                </a:extLst>
              </p:cNvPr>
              <p:cNvCxnSpPr>
                <a:cxnSpLocks/>
                <a:stCxn id="11" idx="0"/>
              </p:cNvCxnSpPr>
              <p:nvPr/>
            </p:nvCxnSpPr>
            <p:spPr>
              <a:xfrm flipV="1">
                <a:off x="1458687" y="2565448"/>
                <a:ext cx="0" cy="254827"/>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線コネクタ 16">
                <a:extLst>
                  <a:ext uri="{FF2B5EF4-FFF2-40B4-BE49-F238E27FC236}">
                    <a16:creationId xmlns:a16="http://schemas.microsoft.com/office/drawing/2014/main" id="{185D2C85-D8C3-474F-9EFD-27B154AD6890}"/>
                  </a:ext>
                </a:extLst>
              </p:cNvPr>
              <p:cNvCxnSpPr/>
              <p:nvPr/>
            </p:nvCxnSpPr>
            <p:spPr>
              <a:xfrm>
                <a:off x="1458686" y="2586763"/>
                <a:ext cx="602719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直線コネクタ 17">
                <a:extLst>
                  <a:ext uri="{FF2B5EF4-FFF2-40B4-BE49-F238E27FC236}">
                    <a16:creationId xmlns:a16="http://schemas.microsoft.com/office/drawing/2014/main" id="{9EB4519A-2A8E-479B-A2FD-E47007975206}"/>
                  </a:ext>
                </a:extLst>
              </p:cNvPr>
              <p:cNvCxnSpPr/>
              <p:nvPr/>
            </p:nvCxnSpPr>
            <p:spPr>
              <a:xfrm flipH="1" flipV="1">
                <a:off x="7485876" y="2586763"/>
                <a:ext cx="1" cy="63326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a:extLst>
                  <a:ext uri="{FF2B5EF4-FFF2-40B4-BE49-F238E27FC236}">
                    <a16:creationId xmlns:a16="http://schemas.microsoft.com/office/drawing/2014/main" id="{32FE95EC-FB54-4722-A8BA-D57EEC4AF28F}"/>
                  </a:ext>
                </a:extLst>
              </p:cNvPr>
              <p:cNvSpPr/>
              <p:nvPr/>
            </p:nvSpPr>
            <p:spPr>
              <a:xfrm>
                <a:off x="3289986" y="2820275"/>
                <a:ext cx="2151413" cy="795647"/>
              </a:xfrm>
              <a:prstGeom prst="rect">
                <a:avLst/>
              </a:prstGeom>
              <a:solidFill>
                <a:srgbClr val="0070C0"/>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ja-JP" altLang="en-US" sz="2216" dirty="0">
                    <a:solidFill>
                      <a:schemeClr val="bg1"/>
                    </a:solidFill>
                    <a:latin typeface="HG丸ｺﾞｼｯｸM-PRO" panose="020F0600000000000000" pitchFamily="50" charset="-128"/>
                    <a:ea typeface="HG丸ｺﾞｼｯｸM-PRO" panose="020F0600000000000000" pitchFamily="50" charset="-128"/>
                  </a:rPr>
                  <a:t>補修設計　</a:t>
                </a:r>
              </a:p>
            </p:txBody>
          </p:sp>
          <p:sp>
            <p:nvSpPr>
              <p:cNvPr id="10" name="正方形/長方形 9">
                <a:extLst>
                  <a:ext uri="{FF2B5EF4-FFF2-40B4-BE49-F238E27FC236}">
                    <a16:creationId xmlns:a16="http://schemas.microsoft.com/office/drawing/2014/main" id="{EF94EA80-E0FA-43E7-9DD0-B7E5CBD71829}"/>
                  </a:ext>
                </a:extLst>
              </p:cNvPr>
              <p:cNvSpPr/>
              <p:nvPr/>
            </p:nvSpPr>
            <p:spPr>
              <a:xfrm>
                <a:off x="6410171" y="2820275"/>
                <a:ext cx="2151413" cy="795647"/>
              </a:xfrm>
              <a:prstGeom prst="rect">
                <a:avLst/>
              </a:prstGeom>
              <a:solidFill>
                <a:srgbClr val="0070C0"/>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ja-JP" altLang="en-US" sz="2216" dirty="0">
                    <a:solidFill>
                      <a:schemeClr val="bg1"/>
                    </a:solidFill>
                    <a:latin typeface="HG丸ｺﾞｼｯｸM-PRO" panose="020F0600000000000000" pitchFamily="50" charset="-128"/>
                    <a:ea typeface="HG丸ｺﾞｼｯｸM-PRO" panose="020F0600000000000000" pitchFamily="50" charset="-128"/>
                  </a:rPr>
                  <a:t>補修工事</a:t>
                </a:r>
              </a:p>
            </p:txBody>
          </p:sp>
          <p:sp>
            <p:nvSpPr>
              <p:cNvPr id="6" name="正方形/長方形 5">
                <a:extLst>
                  <a:ext uri="{FF2B5EF4-FFF2-40B4-BE49-F238E27FC236}">
                    <a16:creationId xmlns:a16="http://schemas.microsoft.com/office/drawing/2014/main" id="{D6FAD618-7BF9-4CE0-BB99-DC6BB2491201}"/>
                  </a:ext>
                </a:extLst>
              </p:cNvPr>
              <p:cNvSpPr/>
              <p:nvPr/>
            </p:nvSpPr>
            <p:spPr>
              <a:xfrm>
                <a:off x="2341200" y="1480173"/>
                <a:ext cx="4025357" cy="937253"/>
              </a:xfrm>
              <a:prstGeom prst="rect">
                <a:avLst/>
              </a:prstGeom>
              <a:solidFill>
                <a:srgbClr val="0070C0"/>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ja-JP" altLang="en-US" sz="2216" dirty="0">
                    <a:solidFill>
                      <a:schemeClr val="bg1"/>
                    </a:solidFill>
                    <a:latin typeface="HG丸ｺﾞｼｯｸM-PRO" panose="020F0600000000000000" pitchFamily="50" charset="-128"/>
                    <a:ea typeface="HG丸ｺﾞｼｯｸM-PRO" panose="020F0600000000000000" pitchFamily="50" charset="-128"/>
                  </a:rPr>
                  <a:t>定期点検（</a:t>
                </a:r>
                <a:r>
                  <a:rPr lang="en-US" altLang="ja-JP" sz="2216" dirty="0">
                    <a:solidFill>
                      <a:schemeClr val="bg1"/>
                    </a:solidFill>
                    <a:latin typeface="HG丸ｺﾞｼｯｸM-PRO" panose="020F0600000000000000" pitchFamily="50" charset="-128"/>
                    <a:ea typeface="HG丸ｺﾞｼｯｸM-PRO" panose="020F0600000000000000" pitchFamily="50" charset="-128"/>
                  </a:rPr>
                  <a:t>1</a:t>
                </a:r>
                <a:r>
                  <a:rPr lang="ja-JP" altLang="en-US" sz="2216" dirty="0">
                    <a:solidFill>
                      <a:schemeClr val="bg1"/>
                    </a:solidFill>
                    <a:latin typeface="HG丸ｺﾞｼｯｸM-PRO" panose="020F0600000000000000" pitchFamily="50" charset="-128"/>
                    <a:ea typeface="HG丸ｺﾞｼｯｸM-PRO" panose="020F0600000000000000" pitchFamily="50" charset="-128"/>
                  </a:rPr>
                  <a:t>巡目）</a:t>
                </a:r>
                <a:endParaRPr lang="en-US" altLang="ja-JP" sz="2216" dirty="0">
                  <a:solidFill>
                    <a:schemeClr val="bg1"/>
                  </a:solidFill>
                  <a:latin typeface="HG丸ｺﾞｼｯｸM-PRO" panose="020F0600000000000000" pitchFamily="50" charset="-128"/>
                  <a:ea typeface="HG丸ｺﾞｼｯｸM-PRO" panose="020F0600000000000000" pitchFamily="50" charset="-128"/>
                </a:endParaRPr>
              </a:p>
              <a:p>
                <a:pPr algn="ctr" fontAlgn="ctr" hangingPunct="0"/>
                <a:r>
                  <a:rPr lang="en-US" altLang="ja-JP" sz="2216" dirty="0">
                    <a:solidFill>
                      <a:schemeClr val="bg1"/>
                    </a:solidFill>
                    <a:latin typeface="HG丸ｺﾞｼｯｸM-PRO" panose="020F0600000000000000" pitchFamily="50" charset="-128"/>
                    <a:ea typeface="HG丸ｺﾞｼｯｸM-PRO" panose="020F0600000000000000" pitchFamily="50" charset="-128"/>
                  </a:rPr>
                  <a:t>(2014</a:t>
                </a:r>
                <a:r>
                  <a:rPr lang="ja-JP" altLang="en-US" sz="2216" dirty="0">
                    <a:solidFill>
                      <a:schemeClr val="bg1"/>
                    </a:solidFill>
                    <a:latin typeface="HG丸ｺﾞｼｯｸM-PRO" panose="020F0600000000000000" pitchFamily="50" charset="-128"/>
                    <a:ea typeface="HG丸ｺﾞｼｯｸM-PRO" panose="020F0600000000000000" pitchFamily="50" charset="-128"/>
                  </a:rPr>
                  <a:t>～</a:t>
                </a:r>
                <a:r>
                  <a:rPr lang="en-US" altLang="ja-JP" sz="2216" dirty="0">
                    <a:solidFill>
                      <a:schemeClr val="bg1"/>
                    </a:solidFill>
                    <a:latin typeface="HG丸ｺﾞｼｯｸM-PRO" panose="020F0600000000000000" pitchFamily="50" charset="-128"/>
                    <a:ea typeface="HG丸ｺﾞｼｯｸM-PRO" panose="020F0600000000000000" pitchFamily="50" charset="-128"/>
                  </a:rPr>
                  <a:t>2018</a:t>
                </a:r>
                <a:r>
                  <a:rPr lang="ja-JP" altLang="en-US" sz="2216" dirty="0">
                    <a:solidFill>
                      <a:schemeClr val="bg1"/>
                    </a:solidFill>
                    <a:latin typeface="HG丸ｺﾞｼｯｸM-PRO" panose="020F0600000000000000" pitchFamily="50" charset="-128"/>
                    <a:ea typeface="HG丸ｺﾞｼｯｸM-PRO" panose="020F0600000000000000" pitchFamily="50" charset="-128"/>
                  </a:rPr>
                  <a:t>年度</a:t>
                </a:r>
                <a:r>
                  <a:rPr lang="en-US" altLang="ja-JP" sz="2216" dirty="0">
                    <a:solidFill>
                      <a:schemeClr val="bg1"/>
                    </a:solidFill>
                    <a:latin typeface="HG丸ｺﾞｼｯｸM-PRO" panose="020F0600000000000000" pitchFamily="50" charset="-128"/>
                    <a:ea typeface="HG丸ｺﾞｼｯｸM-PRO" panose="020F0600000000000000" pitchFamily="50" charset="-128"/>
                  </a:rPr>
                  <a:t>)</a:t>
                </a:r>
                <a:endParaRPr lang="ja-JP" altLang="en-US" sz="2216" dirty="0">
                  <a:solidFill>
                    <a:schemeClr val="bg1"/>
                  </a:solidFill>
                  <a:latin typeface="HG丸ｺﾞｼｯｸM-PRO" panose="020F0600000000000000" pitchFamily="50" charset="-128"/>
                  <a:ea typeface="HG丸ｺﾞｼｯｸM-PRO" panose="020F0600000000000000" pitchFamily="50" charset="-128"/>
                </a:endParaRPr>
              </a:p>
            </p:txBody>
          </p:sp>
          <p:sp>
            <p:nvSpPr>
              <p:cNvPr id="11" name="正方形/長方形 10">
                <a:extLst>
                  <a:ext uri="{FF2B5EF4-FFF2-40B4-BE49-F238E27FC236}">
                    <a16:creationId xmlns:a16="http://schemas.microsoft.com/office/drawing/2014/main" id="{C04B491A-E13D-45CC-84CE-40088B5F47AE}"/>
                  </a:ext>
                </a:extLst>
              </p:cNvPr>
              <p:cNvSpPr/>
              <p:nvPr/>
            </p:nvSpPr>
            <p:spPr>
              <a:xfrm>
                <a:off x="382980" y="2820275"/>
                <a:ext cx="2151413" cy="795647"/>
              </a:xfrm>
              <a:prstGeom prst="rect">
                <a:avLst/>
              </a:prstGeom>
              <a:solidFill>
                <a:srgbClr val="0070C0"/>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ja-JP" altLang="en-US" sz="2216" dirty="0">
                    <a:solidFill>
                      <a:schemeClr val="bg1"/>
                    </a:solidFill>
                    <a:latin typeface="HG丸ｺﾞｼｯｸM-PRO" panose="020F0600000000000000" pitchFamily="50" charset="-128"/>
                    <a:ea typeface="HG丸ｺﾞｼｯｸM-PRO" panose="020F0600000000000000" pitchFamily="50" charset="-128"/>
                  </a:rPr>
                  <a:t>経過観察</a:t>
                </a:r>
              </a:p>
            </p:txBody>
          </p:sp>
        </p:grpSp>
        <p:sp>
          <p:nvSpPr>
            <p:cNvPr id="19" name="正方形/長方形 18">
              <a:extLst>
                <a:ext uri="{FF2B5EF4-FFF2-40B4-BE49-F238E27FC236}">
                  <a16:creationId xmlns:a16="http://schemas.microsoft.com/office/drawing/2014/main" id="{1CAF9BE4-6852-4F73-9338-7DB42300875E}"/>
                </a:ext>
              </a:extLst>
            </p:cNvPr>
            <p:cNvSpPr/>
            <p:nvPr/>
          </p:nvSpPr>
          <p:spPr>
            <a:xfrm>
              <a:off x="376772" y="5093853"/>
              <a:ext cx="2151406" cy="1026068"/>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en-US" altLang="ja-JP" sz="1478" dirty="0">
                  <a:solidFill>
                    <a:schemeClr val="tx1"/>
                  </a:solidFill>
                  <a:latin typeface="HG丸ｺﾞｼｯｸM-PRO" panose="020F0600000000000000" pitchFamily="50" charset="-128"/>
                  <a:ea typeface="HG丸ｺﾞｼｯｸM-PRO" panose="020F0600000000000000" pitchFamily="50" charset="-128"/>
                </a:rPr>
                <a:t>Ⅰ42%</a:t>
              </a:r>
              <a:r>
                <a:rPr lang="en-US" altLang="ja-JP" sz="1478" baseline="30000" dirty="0">
                  <a:solidFill>
                    <a:schemeClr val="tx1"/>
                  </a:solidFill>
                  <a:latin typeface="HG丸ｺﾞｼｯｸM-PRO" panose="020F0600000000000000" pitchFamily="50" charset="-128"/>
                  <a:ea typeface="HG丸ｺﾞｼｯｸM-PRO" panose="020F0600000000000000" pitchFamily="50" charset="-128"/>
                </a:rPr>
                <a:t>※1</a:t>
              </a:r>
              <a:endParaRPr lang="en-US" altLang="ja-JP" sz="1478" dirty="0">
                <a:solidFill>
                  <a:schemeClr val="tx1"/>
                </a:solidFill>
                <a:latin typeface="HG丸ｺﾞｼｯｸM-PRO" panose="020F0600000000000000" pitchFamily="50" charset="-128"/>
                <a:ea typeface="HG丸ｺﾞｼｯｸM-PRO" panose="020F0600000000000000" pitchFamily="50" charset="-128"/>
              </a:endParaRPr>
            </a:p>
            <a:p>
              <a:pPr algn="ctr" fontAlgn="ctr" hangingPunct="0"/>
              <a:r>
                <a:rPr lang="en-US" altLang="ja-JP" sz="1478" dirty="0">
                  <a:solidFill>
                    <a:schemeClr val="tx1"/>
                  </a:solidFill>
                  <a:latin typeface="HG丸ｺﾞｼｯｸM-PRO" panose="020F0600000000000000" pitchFamily="50" charset="-128"/>
                  <a:ea typeface="HG丸ｺﾞｼｯｸM-PRO" panose="020F0600000000000000" pitchFamily="50" charset="-128"/>
                </a:rPr>
                <a:t>Ⅱ49%</a:t>
              </a:r>
              <a:r>
                <a:rPr lang="en-US" altLang="ja-JP" sz="1478" baseline="30000" dirty="0">
                  <a:solidFill>
                    <a:schemeClr val="tx1"/>
                  </a:solidFill>
                  <a:latin typeface="HG丸ｺﾞｼｯｸM-PRO" panose="020F0600000000000000" pitchFamily="50" charset="-128"/>
                  <a:ea typeface="HG丸ｺﾞｼｯｸM-PRO" panose="020F0600000000000000" pitchFamily="50" charset="-128"/>
                </a:rPr>
                <a:t>※1</a:t>
              </a:r>
              <a:endParaRPr lang="en-US" altLang="ja-JP" sz="1478" dirty="0">
                <a:solidFill>
                  <a:schemeClr val="tx1"/>
                </a:solidFill>
                <a:latin typeface="HG丸ｺﾞｼｯｸM-PRO" panose="020F0600000000000000" pitchFamily="50" charset="-128"/>
                <a:ea typeface="HG丸ｺﾞｼｯｸM-PRO" panose="020F0600000000000000" pitchFamily="50" charset="-128"/>
              </a:endParaRPr>
            </a:p>
            <a:p>
              <a:pPr algn="ctr" fontAlgn="ctr" hangingPunct="0"/>
              <a:r>
                <a:rPr lang="ja-JP" altLang="en-US" sz="1478" dirty="0">
                  <a:solidFill>
                    <a:schemeClr val="tx1"/>
                  </a:solidFill>
                  <a:latin typeface="HG丸ｺﾞｼｯｸM-PRO" panose="020F0600000000000000" pitchFamily="50" charset="-128"/>
                  <a:ea typeface="HG丸ｺﾞｼｯｸM-PRO" panose="020F0600000000000000" pitchFamily="50" charset="-128"/>
                </a:rPr>
                <a:t>約</a:t>
              </a:r>
              <a:r>
                <a:rPr lang="en-US" altLang="ja-JP" sz="1478" dirty="0">
                  <a:solidFill>
                    <a:schemeClr val="tx1"/>
                  </a:solidFill>
                  <a:latin typeface="HG丸ｺﾞｼｯｸM-PRO" panose="020F0600000000000000" pitchFamily="50" charset="-128"/>
                  <a:ea typeface="HG丸ｺﾞｼｯｸM-PRO" panose="020F0600000000000000" pitchFamily="50" charset="-128"/>
                </a:rPr>
                <a:t>60</a:t>
              </a:r>
              <a:r>
                <a:rPr lang="ja-JP" altLang="en-US" sz="1478" dirty="0">
                  <a:solidFill>
                    <a:schemeClr val="tx1"/>
                  </a:solidFill>
                  <a:latin typeface="HG丸ｺﾞｼｯｸM-PRO" panose="020F0600000000000000" pitchFamily="50" charset="-128"/>
                  <a:ea typeface="HG丸ｺﾞｼｯｸM-PRO" panose="020F0600000000000000" pitchFamily="50" charset="-128"/>
                </a:rPr>
                <a:t>万橋</a:t>
              </a:r>
            </a:p>
          </p:txBody>
        </p:sp>
        <p:sp>
          <p:nvSpPr>
            <p:cNvPr id="20" name="正方形/長方形 19">
              <a:extLst>
                <a:ext uri="{FF2B5EF4-FFF2-40B4-BE49-F238E27FC236}">
                  <a16:creationId xmlns:a16="http://schemas.microsoft.com/office/drawing/2014/main" id="{8876D192-35E3-487A-95DD-B3108547FB39}"/>
                </a:ext>
              </a:extLst>
            </p:cNvPr>
            <p:cNvSpPr/>
            <p:nvPr/>
          </p:nvSpPr>
          <p:spPr>
            <a:xfrm>
              <a:off x="3289986" y="5082734"/>
              <a:ext cx="2127785" cy="1021998"/>
            </a:xfrm>
            <a:prstGeom prst="rect">
              <a:avLst/>
            </a:prstGeom>
            <a:solidFill>
              <a:schemeClr val="bg1"/>
            </a:solid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algn="ctr" fontAlgn="ctr" hangingPunct="0"/>
              <a:r>
                <a:rPr lang="en-US" altLang="ja-JP" sz="1478" b="1" dirty="0">
                  <a:solidFill>
                    <a:schemeClr val="tx1"/>
                  </a:solidFill>
                  <a:latin typeface="HG丸ｺﾞｼｯｸM-PRO" panose="020F0600000000000000" pitchFamily="50" charset="-128"/>
                  <a:ea typeface="HG丸ｺﾞｼｯｸM-PRO" panose="020F0600000000000000" pitchFamily="50" charset="-128"/>
                </a:rPr>
                <a:t>Ⅲ</a:t>
              </a:r>
              <a:r>
                <a:rPr lang="ja-JP" altLang="en-US" sz="1478" b="1" dirty="0">
                  <a:solidFill>
                    <a:schemeClr val="tx1"/>
                  </a:solidFill>
                  <a:latin typeface="HG丸ｺﾞｼｯｸM-PRO" panose="020F0600000000000000" pitchFamily="50" charset="-128"/>
                  <a:ea typeface="HG丸ｺﾞｼｯｸM-PRO" panose="020F0600000000000000" pitchFamily="50" charset="-128"/>
                </a:rPr>
                <a:t>９</a:t>
              </a:r>
              <a:r>
                <a:rPr lang="en-US" altLang="ja-JP" sz="1478" b="1" dirty="0">
                  <a:solidFill>
                    <a:schemeClr val="tx1"/>
                  </a:solidFill>
                  <a:latin typeface="HG丸ｺﾞｼｯｸM-PRO" panose="020F0600000000000000" pitchFamily="50" charset="-128"/>
                  <a:ea typeface="HG丸ｺﾞｼｯｸM-PRO" panose="020F0600000000000000" pitchFamily="50" charset="-128"/>
                </a:rPr>
                <a:t>%</a:t>
              </a:r>
              <a:r>
                <a:rPr lang="en-US" altLang="ja-JP" sz="1478" baseline="30000" dirty="0">
                  <a:solidFill>
                    <a:schemeClr val="tx1"/>
                  </a:solidFill>
                  <a:latin typeface="HG丸ｺﾞｼｯｸM-PRO" panose="020F0600000000000000" pitchFamily="50" charset="-128"/>
                  <a:ea typeface="HG丸ｺﾞｼｯｸM-PRO" panose="020F0600000000000000" pitchFamily="50" charset="-128"/>
                </a:rPr>
                <a:t>※1</a:t>
              </a:r>
              <a:endParaRPr lang="en-US" altLang="ja-JP" sz="1478" dirty="0">
                <a:solidFill>
                  <a:schemeClr val="tx1"/>
                </a:solidFill>
                <a:latin typeface="HG丸ｺﾞｼｯｸM-PRO" panose="020F0600000000000000" pitchFamily="50" charset="-128"/>
                <a:ea typeface="HG丸ｺﾞｼｯｸM-PRO" panose="020F0600000000000000" pitchFamily="50" charset="-128"/>
              </a:endParaRPr>
            </a:p>
            <a:p>
              <a:pPr algn="ctr" fontAlgn="ctr" hangingPunct="0"/>
              <a:r>
                <a:rPr lang="ja-JP" altLang="en-US" sz="1847" b="1" dirty="0">
                  <a:solidFill>
                    <a:srgbClr val="0033CC"/>
                  </a:solidFill>
                  <a:latin typeface="HG丸ｺﾞｼｯｸM-PRO" panose="020F0600000000000000" pitchFamily="50" charset="-128"/>
                  <a:ea typeface="HG丸ｺﾞｼｯｸM-PRO" panose="020F0600000000000000" pitchFamily="50" charset="-128"/>
                </a:rPr>
                <a:t>約</a:t>
              </a:r>
              <a:r>
                <a:rPr lang="en-US" altLang="ja-JP" sz="1847" b="1" dirty="0">
                  <a:solidFill>
                    <a:srgbClr val="0033CC"/>
                  </a:solidFill>
                  <a:latin typeface="HG丸ｺﾞｼｯｸM-PRO" panose="020F0600000000000000" pitchFamily="50" charset="-128"/>
                  <a:ea typeface="HG丸ｺﾞｼｯｸM-PRO" panose="020F0600000000000000" pitchFamily="50" charset="-128"/>
                </a:rPr>
                <a:t>6.3</a:t>
              </a:r>
              <a:r>
                <a:rPr lang="ja-JP" altLang="en-US" sz="1847" b="1" dirty="0">
                  <a:solidFill>
                    <a:srgbClr val="0033CC"/>
                  </a:solidFill>
                  <a:latin typeface="HG丸ｺﾞｼｯｸM-PRO" panose="020F0600000000000000" pitchFamily="50" charset="-128"/>
                  <a:ea typeface="HG丸ｺﾞｼｯｸM-PRO" panose="020F0600000000000000" pitchFamily="50" charset="-128"/>
                </a:rPr>
                <a:t>万橋</a:t>
              </a:r>
            </a:p>
          </p:txBody>
        </p:sp>
      </p:grpSp>
      <p:sp>
        <p:nvSpPr>
          <p:cNvPr id="31" name="正方形/長方形 30">
            <a:extLst>
              <a:ext uri="{FF2B5EF4-FFF2-40B4-BE49-F238E27FC236}">
                <a16:creationId xmlns:a16="http://schemas.microsoft.com/office/drawing/2014/main" id="{359F13E1-90B2-46B3-8A33-FA9693733D66}"/>
              </a:ext>
            </a:extLst>
          </p:cNvPr>
          <p:cNvSpPr/>
          <p:nvPr/>
        </p:nvSpPr>
        <p:spPr>
          <a:xfrm>
            <a:off x="4038150" y="6452187"/>
            <a:ext cx="5435069" cy="454704"/>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fontAlgn="ctr" hangingPunct="0"/>
            <a:r>
              <a:rPr lang="ja-JP" altLang="en-US" sz="1108" dirty="0">
                <a:solidFill>
                  <a:schemeClr val="tx1"/>
                </a:solidFill>
                <a:latin typeface="HG丸ｺﾞｼｯｸM-PRO" panose="020F0600000000000000" pitchFamily="50" charset="-128"/>
                <a:ea typeface="HG丸ｺﾞｼｯｸM-PRO" panose="020F0600000000000000" pitchFamily="50" charset="-128"/>
              </a:rPr>
              <a:t>出典：</a:t>
            </a:r>
            <a:r>
              <a:rPr lang="en-US" altLang="ja-JP" sz="1108" dirty="0">
                <a:solidFill>
                  <a:schemeClr val="tx1"/>
                </a:solidFill>
                <a:latin typeface="HG丸ｺﾞｼｯｸM-PRO" panose="020F0600000000000000" pitchFamily="50" charset="-128"/>
                <a:ea typeface="HG丸ｺﾞｼｯｸM-PRO" panose="020F0600000000000000" pitchFamily="50" charset="-128"/>
              </a:rPr>
              <a:t>※1</a:t>
            </a:r>
            <a:r>
              <a:rPr lang="ja-JP" altLang="en-US" sz="1108" dirty="0">
                <a:solidFill>
                  <a:schemeClr val="tx1"/>
                </a:solidFill>
                <a:latin typeface="HG丸ｺﾞｼｯｸM-PRO" panose="020F0600000000000000" pitchFamily="50" charset="-128"/>
                <a:ea typeface="HG丸ｺﾞｼｯｸM-PRO" panose="020F0600000000000000" pitchFamily="50" charset="-128"/>
              </a:rPr>
              <a:t>国土交通省　道路局　道路メンテナンス年報　</a:t>
            </a:r>
            <a:r>
              <a:rPr lang="en-US" altLang="ja-JP" sz="1108" dirty="0">
                <a:solidFill>
                  <a:schemeClr val="tx1"/>
                </a:solidFill>
                <a:latin typeface="HG丸ｺﾞｼｯｸM-PRO" panose="020F0600000000000000" pitchFamily="50" charset="-128"/>
                <a:ea typeface="HG丸ｺﾞｼｯｸM-PRO" panose="020F0600000000000000" pitchFamily="50" charset="-128"/>
              </a:rPr>
              <a:t>2020</a:t>
            </a:r>
            <a:r>
              <a:rPr lang="ja-JP" altLang="en-US" sz="1108" dirty="0">
                <a:solidFill>
                  <a:schemeClr val="tx1"/>
                </a:solidFill>
                <a:latin typeface="HG丸ｺﾞｼｯｸM-PRO" panose="020F0600000000000000" pitchFamily="50" charset="-128"/>
                <a:ea typeface="HG丸ｺﾞｼｯｸM-PRO" panose="020F0600000000000000" pitchFamily="50" charset="-128"/>
              </a:rPr>
              <a:t>年</a:t>
            </a:r>
            <a:r>
              <a:rPr lang="en-US" altLang="ja-JP" sz="1108" dirty="0">
                <a:solidFill>
                  <a:schemeClr val="tx1"/>
                </a:solidFill>
                <a:latin typeface="HG丸ｺﾞｼｯｸM-PRO" panose="020F0600000000000000" pitchFamily="50" charset="-128"/>
                <a:ea typeface="HG丸ｺﾞｼｯｸM-PRO" panose="020F0600000000000000" pitchFamily="50" charset="-128"/>
              </a:rPr>
              <a:t>9</a:t>
            </a:r>
            <a:r>
              <a:rPr lang="ja-JP" altLang="en-US" sz="1108" dirty="0">
                <a:solidFill>
                  <a:schemeClr val="tx1"/>
                </a:solidFill>
                <a:latin typeface="HG丸ｺﾞｼｯｸM-PRO" panose="020F0600000000000000" pitchFamily="50" charset="-128"/>
                <a:ea typeface="HG丸ｺﾞｼｯｸM-PRO" panose="020F0600000000000000" pitchFamily="50" charset="-128"/>
              </a:rPr>
              <a:t>月</a:t>
            </a:r>
            <a:endParaRPr lang="en-US" altLang="ja-JP" sz="1108" dirty="0">
              <a:solidFill>
                <a:schemeClr val="tx1"/>
              </a:solidFill>
              <a:latin typeface="HG丸ｺﾞｼｯｸM-PRO" panose="020F0600000000000000" pitchFamily="50" charset="-128"/>
              <a:ea typeface="HG丸ｺﾞｼｯｸM-PRO" panose="020F0600000000000000" pitchFamily="50" charset="-128"/>
            </a:endParaRPr>
          </a:p>
        </p:txBody>
      </p:sp>
      <p:sp>
        <p:nvSpPr>
          <p:cNvPr id="36" name="正方形/長方形 35">
            <a:extLst>
              <a:ext uri="{FF2B5EF4-FFF2-40B4-BE49-F238E27FC236}">
                <a16:creationId xmlns:a16="http://schemas.microsoft.com/office/drawing/2014/main" id="{48AAB36E-1890-42A1-B728-7A915C1B7CE7}"/>
              </a:ext>
            </a:extLst>
          </p:cNvPr>
          <p:cNvSpPr/>
          <p:nvPr/>
        </p:nvSpPr>
        <p:spPr>
          <a:xfrm>
            <a:off x="484154" y="5294913"/>
            <a:ext cx="7823052" cy="1132149"/>
          </a:xfrm>
          <a:prstGeom prst="rect">
            <a:avLst/>
          </a:prstGeom>
          <a:solidFill>
            <a:schemeClr val="accent5">
              <a:lumMod val="60000"/>
              <a:lumOff val="40000"/>
            </a:schemeClr>
          </a:solidFill>
          <a:ln w="9525">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84447" tIns="42223" rIns="84447" bIns="42223" numCol="1" spcCol="0" rtlCol="0" fromWordArt="0" anchor="ctr" anchorCtr="0" forceAA="0" compatLnSpc="1">
            <a:prstTxWarp prst="textNoShape">
              <a:avLst/>
            </a:prstTxWarp>
            <a:noAutofit/>
          </a:bodyPr>
          <a:lstStyle/>
          <a:p>
            <a:pPr fontAlgn="ctr" hangingPunct="0"/>
            <a:r>
              <a:rPr lang="en-US" altLang="ja-JP" sz="2216" b="1" dirty="0">
                <a:solidFill>
                  <a:schemeClr val="tx1"/>
                </a:solidFill>
                <a:latin typeface="HG丸ｺﾞｼｯｸM-PRO" panose="020F0600000000000000" pitchFamily="50" charset="-128"/>
                <a:ea typeface="HG丸ｺﾞｼｯｸM-PRO" panose="020F0600000000000000" pitchFamily="50" charset="-128"/>
              </a:rPr>
              <a:t>2020</a:t>
            </a:r>
            <a:r>
              <a:rPr lang="ja-JP" altLang="en-US" sz="2216" b="1" dirty="0">
                <a:solidFill>
                  <a:schemeClr val="tx1"/>
                </a:solidFill>
                <a:latin typeface="HG丸ｺﾞｼｯｸM-PRO" panose="020F0600000000000000" pitchFamily="50" charset="-128"/>
                <a:ea typeface="HG丸ｺﾞｼｯｸM-PRO" panose="020F0600000000000000" pitchFamily="50" charset="-128"/>
              </a:rPr>
              <a:t>年度集計にて，処置未着手</a:t>
            </a:r>
            <a:r>
              <a:rPr lang="en-US" altLang="ja-JP" sz="2216" b="1" dirty="0">
                <a:solidFill>
                  <a:schemeClr val="tx1"/>
                </a:solidFill>
                <a:latin typeface="HG丸ｺﾞｼｯｸM-PRO" panose="020F0600000000000000" pitchFamily="50" charset="-128"/>
                <a:ea typeface="HG丸ｺﾞｼｯｸM-PRO" panose="020F0600000000000000" pitchFamily="50" charset="-128"/>
              </a:rPr>
              <a:t>64</a:t>
            </a:r>
            <a:r>
              <a:rPr lang="ja-JP" altLang="en-US" sz="2216" b="1" dirty="0">
                <a:solidFill>
                  <a:schemeClr val="tx1"/>
                </a:solidFill>
                <a:latin typeface="HG丸ｺﾞｼｯｸM-PRO" panose="020F0600000000000000" pitchFamily="50" charset="-128"/>
                <a:ea typeface="HG丸ｺﾞｼｯｸM-PRO" panose="020F0600000000000000" pitchFamily="50" charset="-128"/>
              </a:rPr>
              <a:t>％，処置完了</a:t>
            </a:r>
            <a:r>
              <a:rPr lang="en-US" altLang="ja-JP" sz="2216" b="1" dirty="0">
                <a:solidFill>
                  <a:schemeClr val="tx1"/>
                </a:solidFill>
                <a:latin typeface="HG丸ｺﾞｼｯｸM-PRO" panose="020F0600000000000000" pitchFamily="50" charset="-128"/>
                <a:ea typeface="HG丸ｺﾞｼｯｸM-PRO" panose="020F0600000000000000" pitchFamily="50" charset="-128"/>
              </a:rPr>
              <a:t>20</a:t>
            </a:r>
            <a:r>
              <a:rPr lang="ja-JP" altLang="en-US" sz="2216" b="1" dirty="0">
                <a:solidFill>
                  <a:schemeClr val="tx1"/>
                </a:solidFill>
                <a:latin typeface="HG丸ｺﾞｼｯｸM-PRO" panose="020F0600000000000000" pitchFamily="50" charset="-128"/>
                <a:ea typeface="HG丸ｺﾞｼｯｸM-PRO" panose="020F0600000000000000" pitchFamily="50" charset="-128"/>
              </a:rPr>
              <a:t>％</a:t>
            </a:r>
            <a:endParaRPr lang="en-US" altLang="ja-JP" sz="2216" b="1" dirty="0">
              <a:solidFill>
                <a:schemeClr val="tx1"/>
              </a:solidFill>
              <a:latin typeface="HG丸ｺﾞｼｯｸM-PRO" panose="020F0600000000000000" pitchFamily="50" charset="-128"/>
              <a:ea typeface="HG丸ｺﾞｼｯｸM-PRO" panose="020F0600000000000000" pitchFamily="50" charset="-128"/>
            </a:endParaRPr>
          </a:p>
          <a:p>
            <a:pPr fontAlgn="ctr" hangingPunct="0"/>
            <a:r>
              <a:rPr lang="ja-JP" altLang="en-US" sz="2216" b="1" dirty="0">
                <a:solidFill>
                  <a:schemeClr val="tx1"/>
                </a:solidFill>
                <a:highlight>
                  <a:srgbClr val="FFFF00"/>
                </a:highlight>
                <a:latin typeface="HG丸ｺﾞｼｯｸM-PRO" panose="020F0600000000000000" pitchFamily="50" charset="-128"/>
                <a:ea typeface="HG丸ｺﾞｼｯｸM-PRO" panose="020F0600000000000000" pitchFamily="50" charset="-128"/>
              </a:rPr>
              <a:t>地方自治体の橋梁保全の進捗は芳しくない</a:t>
            </a:r>
            <a:endParaRPr lang="en-US" altLang="ja-JP" sz="2216" b="1" dirty="0">
              <a:solidFill>
                <a:schemeClr val="tx1"/>
              </a:solidFill>
              <a:highlight>
                <a:srgbClr val="FFFF00"/>
              </a:highlight>
              <a:latin typeface="HG丸ｺﾞｼｯｸM-PRO" panose="020F0600000000000000" pitchFamily="50" charset="-128"/>
              <a:ea typeface="HG丸ｺﾞｼｯｸM-PRO" panose="020F0600000000000000" pitchFamily="50" charset="-128"/>
            </a:endParaRPr>
          </a:p>
          <a:p>
            <a:pPr fontAlgn="ctr" hangingPunct="0"/>
            <a:r>
              <a:rPr lang="ja-JP" altLang="en-US" sz="2216" b="1" dirty="0">
                <a:solidFill>
                  <a:schemeClr val="tx1"/>
                </a:solidFill>
                <a:latin typeface="HG丸ｺﾞｼｯｸM-PRO" panose="020F0600000000000000" pitchFamily="50" charset="-128"/>
                <a:ea typeface="HG丸ｺﾞｼｯｸM-PRO" panose="020F0600000000000000" pitchFamily="50" charset="-128"/>
              </a:rPr>
              <a:t>（</a:t>
            </a:r>
            <a:r>
              <a:rPr lang="en-US" altLang="ja-JP" sz="2216" b="1" dirty="0">
                <a:solidFill>
                  <a:schemeClr val="tx1"/>
                </a:solidFill>
                <a:latin typeface="HG丸ｺﾞｼｯｸM-PRO" panose="020F0600000000000000" pitchFamily="50" charset="-128"/>
                <a:ea typeface="HG丸ｺﾞｼｯｸM-PRO" panose="020F0600000000000000" pitchFamily="50" charset="-128"/>
              </a:rPr>
              <a:t>2021</a:t>
            </a:r>
            <a:r>
              <a:rPr lang="ja-JP" altLang="en-US" sz="2216" b="1" dirty="0">
                <a:solidFill>
                  <a:schemeClr val="tx1"/>
                </a:solidFill>
                <a:latin typeface="HG丸ｺﾞｼｯｸM-PRO" panose="020F0600000000000000" pitchFamily="50" charset="-128"/>
                <a:ea typeface="HG丸ｺﾞｼｯｸM-PRO" panose="020F0600000000000000" pitchFamily="50" charset="-128"/>
              </a:rPr>
              <a:t>年　処置完了</a:t>
            </a:r>
            <a:r>
              <a:rPr lang="en-US" altLang="ja-JP" sz="2216" b="1" dirty="0">
                <a:solidFill>
                  <a:schemeClr val="tx1"/>
                </a:solidFill>
                <a:latin typeface="HG丸ｺﾞｼｯｸM-PRO" panose="020F0600000000000000" pitchFamily="50" charset="-128"/>
                <a:ea typeface="HG丸ｺﾞｼｯｸM-PRO" panose="020F0600000000000000" pitchFamily="50" charset="-128"/>
              </a:rPr>
              <a:t>35</a:t>
            </a:r>
            <a:r>
              <a:rPr lang="ja-JP" altLang="en-US" sz="2216" b="1" dirty="0">
                <a:solidFill>
                  <a:schemeClr val="tx1"/>
                </a:solidFill>
                <a:latin typeface="HG丸ｺﾞｼｯｸM-PRO" panose="020F0600000000000000" pitchFamily="50" charset="-128"/>
                <a:ea typeface="HG丸ｺﾞｼｯｸM-PRO" panose="020F0600000000000000" pitchFamily="50" charset="-128"/>
              </a:rPr>
              <a:t>％）</a:t>
            </a:r>
          </a:p>
        </p:txBody>
      </p:sp>
      <p:sp>
        <p:nvSpPr>
          <p:cNvPr id="38" name="テキスト ボックス 37">
            <a:extLst>
              <a:ext uri="{FF2B5EF4-FFF2-40B4-BE49-F238E27FC236}">
                <a16:creationId xmlns:a16="http://schemas.microsoft.com/office/drawing/2014/main" id="{76403CA8-4DF2-474F-ACA8-02E3E31EF0C4}"/>
              </a:ext>
            </a:extLst>
          </p:cNvPr>
          <p:cNvSpPr txBox="1"/>
          <p:nvPr/>
        </p:nvSpPr>
        <p:spPr>
          <a:xfrm>
            <a:off x="69701" y="767080"/>
            <a:ext cx="5727709" cy="433324"/>
          </a:xfrm>
          <a:prstGeom prst="rect">
            <a:avLst/>
          </a:prstGeom>
          <a:noFill/>
        </p:spPr>
        <p:txBody>
          <a:bodyPr wrap="square" rtlCol="0">
            <a:spAutoFit/>
          </a:bodyPr>
          <a:lstStyle/>
          <a:p>
            <a:pPr rtl="0" fontAlgn="ctr" hangingPunct="0">
              <a:spcBef>
                <a:spcPct val="0"/>
              </a:spcBef>
              <a:spcAft>
                <a:spcPct val="0"/>
              </a:spcAft>
            </a:pPr>
            <a:r>
              <a:rPr lang="ja-JP" altLang="en-US" sz="2216" dirty="0">
                <a:solidFill>
                  <a:srgbClr val="000000"/>
                </a:solidFill>
                <a:latin typeface="HG丸ｺﾞｼｯｸM-PRO" panose="020F0600000000000000" pitchFamily="50" charset="-128"/>
                <a:ea typeface="HG丸ｺﾞｼｯｸM-PRO" panose="020F0600000000000000" pitchFamily="50" charset="-128"/>
              </a:rPr>
              <a:t>定期点検一巡目結果より</a:t>
            </a:r>
            <a:endParaRPr lang="en-US" altLang="ja-JP" sz="2216" dirty="0">
              <a:solidFill>
                <a:srgbClr val="000000"/>
              </a:solidFill>
              <a:highlight>
                <a:srgbClr val="FFFF00"/>
              </a:highlight>
              <a:latin typeface="HG丸ｺﾞｼｯｸM-PRO" panose="020F0600000000000000" pitchFamily="50" charset="-128"/>
              <a:ea typeface="HG丸ｺﾞｼｯｸM-PRO" panose="020F0600000000000000" pitchFamily="50" charset="-128"/>
            </a:endParaRPr>
          </a:p>
        </p:txBody>
      </p:sp>
      <p:sp>
        <p:nvSpPr>
          <p:cNvPr id="39" name="テキスト ボックス 38">
            <a:extLst>
              <a:ext uri="{FF2B5EF4-FFF2-40B4-BE49-F238E27FC236}">
                <a16:creationId xmlns:a16="http://schemas.microsoft.com/office/drawing/2014/main" id="{4FD63C8B-E270-494B-97D5-8434A88A8114}"/>
              </a:ext>
            </a:extLst>
          </p:cNvPr>
          <p:cNvSpPr txBox="1"/>
          <p:nvPr/>
        </p:nvSpPr>
        <p:spPr>
          <a:xfrm>
            <a:off x="5233068" y="4358512"/>
            <a:ext cx="4240151" cy="859444"/>
          </a:xfrm>
          <a:prstGeom prst="rect">
            <a:avLst/>
          </a:prstGeom>
          <a:noFill/>
        </p:spPr>
        <p:txBody>
          <a:bodyPr wrap="square" rtlCol="0">
            <a:noAutofit/>
          </a:bodyPr>
          <a:lstStyle/>
          <a:p>
            <a:pPr fontAlgn="ctr" hangingPunct="0"/>
            <a:r>
              <a:rPr lang="ja-JP" altLang="en-US" sz="1847" b="1" dirty="0">
                <a:solidFill>
                  <a:srgbClr val="0033CC"/>
                </a:solidFill>
                <a:latin typeface="HG丸ｺﾞｼｯｸM-PRO" panose="020F0600000000000000" pitchFamily="50" charset="-128"/>
                <a:ea typeface="HG丸ｺﾞｼｯｸM-PRO" panose="020F0600000000000000" pitchFamily="50" charset="-128"/>
              </a:rPr>
              <a:t>早期に約</a:t>
            </a:r>
            <a:r>
              <a:rPr lang="en-US" altLang="ja-JP" sz="1847" b="1" dirty="0">
                <a:solidFill>
                  <a:srgbClr val="0033CC"/>
                </a:solidFill>
                <a:latin typeface="HG丸ｺﾞｼｯｸM-PRO" panose="020F0600000000000000" pitchFamily="50" charset="-128"/>
                <a:ea typeface="HG丸ｺﾞｼｯｸM-PRO" panose="020F0600000000000000" pitchFamily="50" charset="-128"/>
              </a:rPr>
              <a:t>6</a:t>
            </a:r>
            <a:r>
              <a:rPr lang="ja-JP" altLang="en-US" sz="1847" b="1" dirty="0">
                <a:solidFill>
                  <a:srgbClr val="0033CC"/>
                </a:solidFill>
                <a:latin typeface="HG丸ｺﾞｼｯｸM-PRO" panose="020F0600000000000000" pitchFamily="50" charset="-128"/>
                <a:ea typeface="HG丸ｺﾞｼｯｸM-PRO" panose="020F0600000000000000" pitchFamily="50" charset="-128"/>
              </a:rPr>
              <a:t>万橋の保全対応必要　</a:t>
            </a:r>
            <a:endParaRPr lang="en-US" altLang="ja-JP" sz="1847" b="1" dirty="0">
              <a:solidFill>
                <a:srgbClr val="0033CC"/>
              </a:solidFill>
              <a:latin typeface="HG丸ｺﾞｼｯｸM-PRO" panose="020F0600000000000000" pitchFamily="50" charset="-128"/>
              <a:ea typeface="HG丸ｺﾞｼｯｸM-PRO" panose="020F0600000000000000" pitchFamily="50" charset="-128"/>
            </a:endParaRPr>
          </a:p>
          <a:p>
            <a:pPr fontAlgn="ctr" hangingPunct="0"/>
            <a:r>
              <a:rPr lang="ja-JP" altLang="en-US" sz="1847" b="1" dirty="0">
                <a:solidFill>
                  <a:srgbClr val="0033CC"/>
                </a:solidFill>
                <a:latin typeface="HG丸ｺﾞｼｯｸM-PRO" panose="020F0600000000000000" pitchFamily="50" charset="-128"/>
                <a:ea typeface="HG丸ｺﾞｼｯｸM-PRO" panose="020F0600000000000000" pitchFamily="50" charset="-128"/>
              </a:rPr>
              <a:t>⇒</a:t>
            </a:r>
            <a:r>
              <a:rPr lang="ja-JP" altLang="en-US" sz="1847" b="1" dirty="0">
                <a:solidFill>
                  <a:srgbClr val="FF0000"/>
                </a:solidFill>
                <a:latin typeface="HG丸ｺﾞｼｯｸM-PRO" panose="020F0600000000000000" pitchFamily="50" charset="-128"/>
                <a:ea typeface="HG丸ｺﾞｼｯｸM-PRO" panose="020F0600000000000000" pitchFamily="50" charset="-128"/>
              </a:rPr>
              <a:t>処置未着手　</a:t>
            </a:r>
            <a:r>
              <a:rPr lang="en-US" altLang="ja-JP" sz="1847" b="1" dirty="0">
                <a:solidFill>
                  <a:srgbClr val="FF0000"/>
                </a:solidFill>
                <a:latin typeface="HG丸ｺﾞｼｯｸM-PRO" panose="020F0600000000000000" pitchFamily="50" charset="-128"/>
                <a:ea typeface="HG丸ｺﾞｼｯｸM-PRO" panose="020F0600000000000000" pitchFamily="50" charset="-128"/>
              </a:rPr>
              <a:t>64</a:t>
            </a:r>
            <a:r>
              <a:rPr lang="ja-JP" altLang="en-US" sz="1847" b="1" dirty="0">
                <a:solidFill>
                  <a:srgbClr val="FF0000"/>
                </a:solidFill>
                <a:latin typeface="HG丸ｺﾞｼｯｸM-PRO" panose="020F0600000000000000" pitchFamily="50" charset="-128"/>
                <a:ea typeface="HG丸ｺﾞｼｯｸM-PRO" panose="020F0600000000000000" pitchFamily="50" charset="-128"/>
              </a:rPr>
              <a:t>％ </a:t>
            </a:r>
            <a:r>
              <a:rPr lang="en-US" altLang="ja-JP" sz="1847" b="1" baseline="30000" dirty="0">
                <a:solidFill>
                  <a:srgbClr val="FF0000"/>
                </a:solidFill>
                <a:latin typeface="HG丸ｺﾞｼｯｸM-PRO" panose="020F0600000000000000" pitchFamily="50" charset="-128"/>
                <a:ea typeface="HG丸ｺﾞｼｯｸM-PRO" panose="020F0600000000000000" pitchFamily="50" charset="-128"/>
              </a:rPr>
              <a:t>※1</a:t>
            </a:r>
            <a:r>
              <a:rPr lang="ja-JP" altLang="en-US" sz="1847" b="1" dirty="0">
                <a:solidFill>
                  <a:srgbClr val="FF0000"/>
                </a:solidFill>
                <a:latin typeface="HG丸ｺﾞｼｯｸM-PRO" panose="020F0600000000000000" pitchFamily="50" charset="-128"/>
                <a:ea typeface="HG丸ｺﾞｼｯｸM-PRO" panose="020F0600000000000000" pitchFamily="50" charset="-128"/>
              </a:rPr>
              <a:t> </a:t>
            </a:r>
            <a:endParaRPr lang="en-US" altLang="ja-JP" sz="1847" b="1" dirty="0">
              <a:solidFill>
                <a:srgbClr val="FF0000"/>
              </a:solidFill>
              <a:latin typeface="HG丸ｺﾞｼｯｸM-PRO" panose="020F0600000000000000" pitchFamily="50" charset="-128"/>
              <a:ea typeface="HG丸ｺﾞｼｯｸM-PRO" panose="020F0600000000000000" pitchFamily="50" charset="-128"/>
            </a:endParaRPr>
          </a:p>
          <a:p>
            <a:pPr fontAlgn="ctr" hangingPunct="0"/>
            <a:r>
              <a:rPr lang="ja-JP" altLang="en-US" sz="1847" b="1" dirty="0">
                <a:solidFill>
                  <a:srgbClr val="FF0000"/>
                </a:solidFill>
                <a:latin typeface="HG丸ｺﾞｼｯｸM-PRO" panose="020F0600000000000000" pitchFamily="50" charset="-128"/>
                <a:ea typeface="HG丸ｺﾞｼｯｸM-PRO" panose="020F0600000000000000" pitchFamily="50" charset="-128"/>
              </a:rPr>
              <a:t>　措置完了　　</a:t>
            </a:r>
            <a:r>
              <a:rPr lang="en-US" altLang="ja-JP" sz="1847" b="1" dirty="0">
                <a:solidFill>
                  <a:srgbClr val="FF0000"/>
                </a:solidFill>
                <a:latin typeface="HG丸ｺﾞｼｯｸM-PRO" panose="020F0600000000000000" pitchFamily="50" charset="-128"/>
                <a:ea typeface="HG丸ｺﾞｼｯｸM-PRO" panose="020F0600000000000000" pitchFamily="50" charset="-128"/>
              </a:rPr>
              <a:t>20%</a:t>
            </a:r>
            <a:r>
              <a:rPr lang="en-US" altLang="ja-JP" sz="1847" b="1" baseline="30000" dirty="0">
                <a:solidFill>
                  <a:srgbClr val="FF0000"/>
                </a:solidFill>
                <a:latin typeface="HG丸ｺﾞｼｯｸM-PRO" panose="020F0600000000000000" pitchFamily="50" charset="-128"/>
                <a:ea typeface="HG丸ｺﾞｼｯｸM-PRO" panose="020F0600000000000000" pitchFamily="50" charset="-128"/>
              </a:rPr>
              <a:t>※1</a:t>
            </a:r>
            <a:endParaRPr lang="ja-JP" altLang="en-US" sz="1847" b="1" dirty="0">
              <a:solidFill>
                <a:srgbClr val="FF0000"/>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50891738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88392" y="99060"/>
            <a:ext cx="8945880" cy="734695"/>
            <a:chOff x="88392" y="99060"/>
            <a:chExt cx="8945880" cy="734695"/>
          </a:xfrm>
        </p:grpSpPr>
        <p:sp>
          <p:nvSpPr>
            <p:cNvPr id="3" name="object 3"/>
            <p:cNvSpPr/>
            <p:nvPr/>
          </p:nvSpPr>
          <p:spPr>
            <a:xfrm>
              <a:off x="101346" y="112014"/>
              <a:ext cx="8920480" cy="708660"/>
            </a:xfrm>
            <a:custGeom>
              <a:avLst/>
              <a:gdLst/>
              <a:ahLst/>
              <a:cxnLst/>
              <a:rect l="l" t="t" r="r" b="b"/>
              <a:pathLst>
                <a:path w="8920480" h="708660">
                  <a:moveTo>
                    <a:pt x="8840470" y="0"/>
                  </a:moveTo>
                  <a:lnTo>
                    <a:pt x="79514" y="0"/>
                  </a:lnTo>
                  <a:lnTo>
                    <a:pt x="48563" y="6242"/>
                  </a:lnTo>
                  <a:lnTo>
                    <a:pt x="23288" y="23272"/>
                  </a:lnTo>
                  <a:lnTo>
                    <a:pt x="6248" y="48541"/>
                  </a:lnTo>
                  <a:lnTo>
                    <a:pt x="0" y="79501"/>
                  </a:lnTo>
                  <a:lnTo>
                    <a:pt x="0" y="629157"/>
                  </a:lnTo>
                  <a:lnTo>
                    <a:pt x="6248" y="660118"/>
                  </a:lnTo>
                  <a:lnTo>
                    <a:pt x="23288" y="685387"/>
                  </a:lnTo>
                  <a:lnTo>
                    <a:pt x="48563" y="702417"/>
                  </a:lnTo>
                  <a:lnTo>
                    <a:pt x="79514" y="708659"/>
                  </a:lnTo>
                  <a:lnTo>
                    <a:pt x="8840470" y="708659"/>
                  </a:lnTo>
                  <a:lnTo>
                    <a:pt x="8871430" y="702417"/>
                  </a:lnTo>
                  <a:lnTo>
                    <a:pt x="8896699" y="685387"/>
                  </a:lnTo>
                  <a:lnTo>
                    <a:pt x="8913729" y="660118"/>
                  </a:lnTo>
                  <a:lnTo>
                    <a:pt x="8919972" y="629157"/>
                  </a:lnTo>
                  <a:lnTo>
                    <a:pt x="8919972" y="79501"/>
                  </a:lnTo>
                  <a:lnTo>
                    <a:pt x="8913729" y="48541"/>
                  </a:lnTo>
                  <a:lnTo>
                    <a:pt x="8896699" y="23272"/>
                  </a:lnTo>
                  <a:lnTo>
                    <a:pt x="8871430" y="6242"/>
                  </a:lnTo>
                  <a:lnTo>
                    <a:pt x="8840470" y="0"/>
                  </a:lnTo>
                  <a:close/>
                </a:path>
              </a:pathLst>
            </a:custGeom>
            <a:solidFill>
              <a:srgbClr val="DBEDF4"/>
            </a:solidFill>
          </p:spPr>
          <p:txBody>
            <a:bodyPr wrap="square" lIns="0" tIns="0" rIns="0" bIns="0" rtlCol="0"/>
            <a:lstStyle/>
            <a:p>
              <a:endParaRPr/>
            </a:p>
          </p:txBody>
        </p:sp>
        <p:sp>
          <p:nvSpPr>
            <p:cNvPr id="4" name="object 4"/>
            <p:cNvSpPr/>
            <p:nvPr/>
          </p:nvSpPr>
          <p:spPr>
            <a:xfrm>
              <a:off x="101346" y="112014"/>
              <a:ext cx="8920480" cy="708660"/>
            </a:xfrm>
            <a:custGeom>
              <a:avLst/>
              <a:gdLst/>
              <a:ahLst/>
              <a:cxnLst/>
              <a:rect l="l" t="t" r="r" b="b"/>
              <a:pathLst>
                <a:path w="8920480" h="708660">
                  <a:moveTo>
                    <a:pt x="0" y="79501"/>
                  </a:moveTo>
                  <a:lnTo>
                    <a:pt x="6248" y="48541"/>
                  </a:lnTo>
                  <a:lnTo>
                    <a:pt x="23288" y="23272"/>
                  </a:lnTo>
                  <a:lnTo>
                    <a:pt x="48563" y="6242"/>
                  </a:lnTo>
                  <a:lnTo>
                    <a:pt x="79514" y="0"/>
                  </a:lnTo>
                  <a:lnTo>
                    <a:pt x="8840470" y="0"/>
                  </a:lnTo>
                  <a:lnTo>
                    <a:pt x="8871430" y="6242"/>
                  </a:lnTo>
                  <a:lnTo>
                    <a:pt x="8896699" y="23272"/>
                  </a:lnTo>
                  <a:lnTo>
                    <a:pt x="8913729" y="48541"/>
                  </a:lnTo>
                  <a:lnTo>
                    <a:pt x="8919972" y="79501"/>
                  </a:lnTo>
                  <a:lnTo>
                    <a:pt x="8919972" y="629157"/>
                  </a:lnTo>
                  <a:lnTo>
                    <a:pt x="8913729" y="660118"/>
                  </a:lnTo>
                  <a:lnTo>
                    <a:pt x="8896699" y="685387"/>
                  </a:lnTo>
                  <a:lnTo>
                    <a:pt x="8871430" y="702417"/>
                  </a:lnTo>
                  <a:lnTo>
                    <a:pt x="8840470" y="708659"/>
                  </a:lnTo>
                  <a:lnTo>
                    <a:pt x="79514" y="708659"/>
                  </a:lnTo>
                  <a:lnTo>
                    <a:pt x="48563" y="702417"/>
                  </a:lnTo>
                  <a:lnTo>
                    <a:pt x="23288" y="685387"/>
                  </a:lnTo>
                  <a:lnTo>
                    <a:pt x="6248" y="660118"/>
                  </a:lnTo>
                  <a:lnTo>
                    <a:pt x="0" y="629157"/>
                  </a:lnTo>
                  <a:lnTo>
                    <a:pt x="0" y="79501"/>
                  </a:lnTo>
                  <a:close/>
                </a:path>
              </a:pathLst>
            </a:custGeom>
            <a:ln w="25908">
              <a:solidFill>
                <a:srgbClr val="000000"/>
              </a:solidFill>
            </a:ln>
          </p:spPr>
          <p:txBody>
            <a:bodyPr wrap="square" lIns="0" tIns="0" rIns="0" bIns="0" rtlCol="0"/>
            <a:lstStyle/>
            <a:p>
              <a:endParaRPr/>
            </a:p>
          </p:txBody>
        </p:sp>
      </p:grpSp>
      <p:sp>
        <p:nvSpPr>
          <p:cNvPr id="5" name="object 5"/>
          <p:cNvSpPr txBox="1">
            <a:spLocks noGrp="1"/>
          </p:cNvSpPr>
          <p:nvPr>
            <p:ph type="title"/>
          </p:nvPr>
        </p:nvSpPr>
        <p:spPr>
          <a:xfrm>
            <a:off x="101346" y="148208"/>
            <a:ext cx="8920479" cy="635635"/>
          </a:xfrm>
          <a:prstGeom prst="rect">
            <a:avLst/>
          </a:prstGeom>
        </p:spPr>
        <p:txBody>
          <a:bodyPr vert="horz" wrap="square" lIns="0" tIns="12700" rIns="0" bIns="0" rtlCol="0">
            <a:spAutoFit/>
          </a:bodyPr>
          <a:lstStyle/>
          <a:p>
            <a:pPr algn="ctr">
              <a:lnSpc>
                <a:spcPct val="100000"/>
              </a:lnSpc>
              <a:spcBef>
                <a:spcPts val="100"/>
              </a:spcBef>
            </a:pPr>
            <a:r>
              <a:rPr sz="2000" spc="-30" dirty="0"/>
              <a:t>群マネを進めていく上で地域において整理していくべき事項について</a:t>
            </a:r>
            <a:endParaRPr sz="2000" dirty="0"/>
          </a:p>
          <a:p>
            <a:pPr algn="ctr">
              <a:lnSpc>
                <a:spcPct val="100000"/>
              </a:lnSpc>
            </a:pPr>
            <a:r>
              <a:rPr sz="2000" dirty="0"/>
              <a:t>（</a:t>
            </a:r>
            <a:r>
              <a:rPr sz="2000" spc="-5" dirty="0"/>
              <a:t>たたき台</a:t>
            </a:r>
            <a:r>
              <a:rPr sz="2000" spc="-50" dirty="0"/>
              <a:t>）</a:t>
            </a:r>
            <a:endParaRPr sz="2000" dirty="0"/>
          </a:p>
        </p:txBody>
      </p:sp>
      <p:sp>
        <p:nvSpPr>
          <p:cNvPr id="6" name="object 6"/>
          <p:cNvSpPr txBox="1"/>
          <p:nvPr/>
        </p:nvSpPr>
        <p:spPr>
          <a:xfrm>
            <a:off x="8797797" y="6494779"/>
            <a:ext cx="257175" cy="250825"/>
          </a:xfrm>
          <a:prstGeom prst="rect">
            <a:avLst/>
          </a:prstGeom>
        </p:spPr>
        <p:txBody>
          <a:bodyPr vert="horz" wrap="square" lIns="0" tIns="15875" rIns="0" bIns="0" rtlCol="0">
            <a:spAutoFit/>
          </a:bodyPr>
          <a:lstStyle/>
          <a:p>
            <a:pPr marL="12700">
              <a:lnSpc>
                <a:spcPct val="100000"/>
              </a:lnSpc>
              <a:spcBef>
                <a:spcPts val="125"/>
              </a:spcBef>
            </a:pPr>
            <a:r>
              <a:rPr sz="1450" spc="-25" dirty="0">
                <a:latin typeface="Meiryo UI"/>
                <a:cs typeface="Meiryo UI"/>
              </a:rPr>
              <a:t>10</a:t>
            </a:r>
            <a:endParaRPr sz="1450">
              <a:latin typeface="Meiryo UI"/>
              <a:cs typeface="Meiryo UI"/>
            </a:endParaRPr>
          </a:p>
        </p:txBody>
      </p:sp>
      <p:grpSp>
        <p:nvGrpSpPr>
          <p:cNvPr id="7" name="object 7"/>
          <p:cNvGrpSpPr/>
          <p:nvPr/>
        </p:nvGrpSpPr>
        <p:grpSpPr>
          <a:xfrm>
            <a:off x="376364" y="2433764"/>
            <a:ext cx="7617459" cy="1542415"/>
            <a:chOff x="376364" y="2433764"/>
            <a:chExt cx="7617459" cy="1542415"/>
          </a:xfrm>
        </p:grpSpPr>
        <p:sp>
          <p:nvSpPr>
            <p:cNvPr id="8" name="object 8"/>
            <p:cNvSpPr/>
            <p:nvPr/>
          </p:nvSpPr>
          <p:spPr>
            <a:xfrm>
              <a:off x="389382" y="2446781"/>
              <a:ext cx="7591425" cy="1516380"/>
            </a:xfrm>
            <a:custGeom>
              <a:avLst/>
              <a:gdLst/>
              <a:ahLst/>
              <a:cxnLst/>
              <a:rect l="l" t="t" r="r" b="b"/>
              <a:pathLst>
                <a:path w="7591425" h="1516379">
                  <a:moveTo>
                    <a:pt x="0" y="1516380"/>
                  </a:moveTo>
                  <a:lnTo>
                    <a:pt x="7591044" y="1516380"/>
                  </a:lnTo>
                  <a:lnTo>
                    <a:pt x="7591044" y="0"/>
                  </a:lnTo>
                  <a:lnTo>
                    <a:pt x="0" y="0"/>
                  </a:lnTo>
                  <a:lnTo>
                    <a:pt x="0" y="1516380"/>
                  </a:lnTo>
                  <a:close/>
                </a:path>
              </a:pathLst>
            </a:custGeom>
            <a:ln w="25908">
              <a:solidFill>
                <a:srgbClr val="000000"/>
              </a:solidFill>
            </a:ln>
          </p:spPr>
          <p:txBody>
            <a:bodyPr wrap="square" lIns="0" tIns="0" rIns="0" bIns="0" rtlCol="0"/>
            <a:lstStyle/>
            <a:p>
              <a:endParaRPr/>
            </a:p>
          </p:txBody>
        </p:sp>
        <p:sp>
          <p:nvSpPr>
            <p:cNvPr id="9" name="object 9"/>
            <p:cNvSpPr/>
            <p:nvPr/>
          </p:nvSpPr>
          <p:spPr>
            <a:xfrm>
              <a:off x="944879" y="2855975"/>
              <a:ext cx="6673850" cy="954405"/>
            </a:xfrm>
            <a:custGeom>
              <a:avLst/>
              <a:gdLst/>
              <a:ahLst/>
              <a:cxnLst/>
              <a:rect l="l" t="t" r="r" b="b"/>
              <a:pathLst>
                <a:path w="6673850" h="954404">
                  <a:moveTo>
                    <a:pt x="6673596" y="0"/>
                  </a:moveTo>
                  <a:lnTo>
                    <a:pt x="0" y="0"/>
                  </a:lnTo>
                  <a:lnTo>
                    <a:pt x="0" y="954024"/>
                  </a:lnTo>
                  <a:lnTo>
                    <a:pt x="6673596" y="954024"/>
                  </a:lnTo>
                  <a:lnTo>
                    <a:pt x="6673596" y="0"/>
                  </a:lnTo>
                  <a:close/>
                </a:path>
              </a:pathLst>
            </a:custGeom>
            <a:solidFill>
              <a:srgbClr val="FCEADA"/>
            </a:solidFill>
          </p:spPr>
          <p:txBody>
            <a:bodyPr wrap="square" lIns="0" tIns="0" rIns="0" bIns="0" rtlCol="0"/>
            <a:lstStyle/>
            <a:p>
              <a:endParaRPr/>
            </a:p>
          </p:txBody>
        </p:sp>
        <p:sp>
          <p:nvSpPr>
            <p:cNvPr id="10" name="object 10"/>
            <p:cNvSpPr/>
            <p:nvPr/>
          </p:nvSpPr>
          <p:spPr>
            <a:xfrm>
              <a:off x="944879" y="2855975"/>
              <a:ext cx="6673850" cy="954405"/>
            </a:xfrm>
            <a:custGeom>
              <a:avLst/>
              <a:gdLst/>
              <a:ahLst/>
              <a:cxnLst/>
              <a:rect l="l" t="t" r="r" b="b"/>
              <a:pathLst>
                <a:path w="6673850" h="954404">
                  <a:moveTo>
                    <a:pt x="0" y="954024"/>
                  </a:moveTo>
                  <a:lnTo>
                    <a:pt x="6673596" y="954024"/>
                  </a:lnTo>
                  <a:lnTo>
                    <a:pt x="6673596" y="0"/>
                  </a:lnTo>
                  <a:lnTo>
                    <a:pt x="0" y="0"/>
                  </a:lnTo>
                  <a:lnTo>
                    <a:pt x="0" y="954024"/>
                  </a:lnTo>
                  <a:close/>
                </a:path>
              </a:pathLst>
            </a:custGeom>
            <a:ln w="9144">
              <a:solidFill>
                <a:srgbClr val="000000"/>
              </a:solidFill>
              <a:prstDash val="sysDash"/>
            </a:ln>
          </p:spPr>
          <p:txBody>
            <a:bodyPr wrap="square" lIns="0" tIns="0" rIns="0" bIns="0" rtlCol="0"/>
            <a:lstStyle/>
            <a:p>
              <a:endParaRPr/>
            </a:p>
          </p:txBody>
        </p:sp>
      </p:grpSp>
      <p:sp>
        <p:nvSpPr>
          <p:cNvPr id="11" name="object 11"/>
          <p:cNvSpPr txBox="1"/>
          <p:nvPr/>
        </p:nvSpPr>
        <p:spPr>
          <a:xfrm>
            <a:off x="944880" y="1344167"/>
            <a:ext cx="6689090" cy="830580"/>
          </a:xfrm>
          <a:prstGeom prst="rect">
            <a:avLst/>
          </a:prstGeom>
          <a:ln w="9144">
            <a:solidFill>
              <a:srgbClr val="000000"/>
            </a:solidFill>
          </a:ln>
        </p:spPr>
        <p:txBody>
          <a:bodyPr vert="horz" wrap="square" lIns="0" tIns="50800" rIns="0" bIns="0" rtlCol="0">
            <a:spAutoFit/>
          </a:bodyPr>
          <a:lstStyle/>
          <a:p>
            <a:pPr marL="90805" marR="2333625">
              <a:lnSpc>
                <a:spcPct val="100000"/>
              </a:lnSpc>
              <a:spcBef>
                <a:spcPts val="400"/>
              </a:spcBef>
            </a:pPr>
            <a:r>
              <a:rPr sz="1200" spc="-25" dirty="0">
                <a:latin typeface="ＭＳ Ｐ明朝"/>
                <a:cs typeface="ＭＳ Ｐ明朝"/>
              </a:rPr>
              <a:t>概要</a:t>
            </a:r>
            <a:r>
              <a:rPr sz="1200" spc="-20" dirty="0">
                <a:latin typeface="ＭＳ Ｐ明朝"/>
                <a:cs typeface="ＭＳ Ｐ明朝"/>
              </a:rPr>
              <a:t>（</a:t>
            </a:r>
            <a:r>
              <a:rPr sz="1200" spc="-25" dirty="0">
                <a:latin typeface="ＭＳ Ｐ明朝"/>
                <a:cs typeface="ＭＳ Ｐ明朝"/>
              </a:rPr>
              <a:t>地理的・地形的特性、歴史、拠点、交通ネットワーク、観光等</a:t>
            </a:r>
            <a:r>
              <a:rPr sz="1200" spc="-50" dirty="0">
                <a:latin typeface="ＭＳ Ｐ明朝"/>
                <a:cs typeface="ＭＳ Ｐ明朝"/>
              </a:rPr>
              <a:t>）</a:t>
            </a:r>
            <a:r>
              <a:rPr sz="1200" spc="-30" dirty="0">
                <a:latin typeface="ＭＳ Ｐ明朝"/>
                <a:cs typeface="ＭＳ Ｐ明朝"/>
              </a:rPr>
              <a:t>人口の現況・将来の見通し、課題</a:t>
            </a:r>
            <a:endParaRPr sz="1200">
              <a:latin typeface="ＭＳ Ｐ明朝"/>
              <a:cs typeface="ＭＳ Ｐ明朝"/>
            </a:endParaRPr>
          </a:p>
          <a:p>
            <a:pPr marL="90805" marR="2458720">
              <a:lnSpc>
                <a:spcPct val="100000"/>
              </a:lnSpc>
            </a:pPr>
            <a:r>
              <a:rPr sz="1200" spc="-30" dirty="0">
                <a:latin typeface="ＭＳ Ｐ明朝"/>
                <a:cs typeface="ＭＳ Ｐ明朝"/>
              </a:rPr>
              <a:t>自治体の財政、自治体職員、事業者の現況・将来の見通し、課題</a:t>
            </a:r>
            <a:r>
              <a:rPr sz="1200" spc="-25" dirty="0">
                <a:latin typeface="ＭＳ Ｐ明朝"/>
                <a:cs typeface="ＭＳ Ｐ明朝"/>
              </a:rPr>
              <a:t>公共施設等の現況</a:t>
            </a:r>
            <a:r>
              <a:rPr sz="1200" spc="-20" dirty="0">
                <a:latin typeface="ＭＳ Ｐ明朝"/>
                <a:cs typeface="ＭＳ Ｐ明朝"/>
              </a:rPr>
              <a:t>（</a:t>
            </a:r>
            <a:r>
              <a:rPr sz="1200" spc="-25" dirty="0">
                <a:latin typeface="ＭＳ Ｐ明朝"/>
                <a:cs typeface="ＭＳ Ｐ明朝"/>
              </a:rPr>
              <a:t>位置、諸元、劣化状況(点検結果)等</a:t>
            </a:r>
            <a:r>
              <a:rPr sz="1200" dirty="0">
                <a:latin typeface="ＭＳ Ｐ明朝"/>
                <a:cs typeface="ＭＳ Ｐ明朝"/>
              </a:rPr>
              <a:t>）</a:t>
            </a:r>
            <a:r>
              <a:rPr sz="1200" spc="50" dirty="0">
                <a:latin typeface="ＭＳ Ｐ明朝"/>
                <a:cs typeface="ＭＳ Ｐ明朝"/>
              </a:rPr>
              <a:t>  等</a:t>
            </a:r>
            <a:endParaRPr sz="1200">
              <a:latin typeface="ＭＳ Ｐ明朝"/>
              <a:cs typeface="ＭＳ Ｐ明朝"/>
            </a:endParaRPr>
          </a:p>
        </p:txBody>
      </p:sp>
      <p:sp>
        <p:nvSpPr>
          <p:cNvPr id="12" name="object 12"/>
          <p:cNvSpPr txBox="1"/>
          <p:nvPr/>
        </p:nvSpPr>
        <p:spPr>
          <a:xfrm>
            <a:off x="1036015" y="2894202"/>
            <a:ext cx="6219190" cy="879475"/>
          </a:xfrm>
          <a:prstGeom prst="rect">
            <a:avLst/>
          </a:prstGeom>
        </p:spPr>
        <p:txBody>
          <a:bodyPr vert="horz" wrap="square" lIns="0" tIns="13335" rIns="0" bIns="0" rtlCol="0">
            <a:spAutoFit/>
          </a:bodyPr>
          <a:lstStyle/>
          <a:p>
            <a:pPr marL="180340" indent="-180340">
              <a:lnSpc>
                <a:spcPct val="100000"/>
              </a:lnSpc>
              <a:spcBef>
                <a:spcPts val="105"/>
              </a:spcBef>
              <a:buFont typeface="Arial"/>
              <a:buChar char="•"/>
              <a:tabLst>
                <a:tab pos="180340" algn="l"/>
              </a:tabLst>
            </a:pPr>
            <a:r>
              <a:rPr sz="1400" b="1" spc="-15" dirty="0">
                <a:latin typeface="ＭＳ Ｐ明朝"/>
                <a:cs typeface="ＭＳ Ｐ明朝"/>
              </a:rPr>
              <a:t>群マネの考え方</a:t>
            </a:r>
            <a:r>
              <a:rPr sz="1400" b="1" dirty="0">
                <a:latin typeface="ＭＳ Ｐ明朝"/>
                <a:cs typeface="ＭＳ Ｐ明朝"/>
              </a:rPr>
              <a:t>（</a:t>
            </a:r>
            <a:r>
              <a:rPr sz="1400" b="1" spc="-20" dirty="0">
                <a:latin typeface="ＭＳ Ｐ明朝"/>
                <a:cs typeface="ＭＳ Ｐ明朝"/>
              </a:rPr>
              <a:t>広域連携・多分野連携の観点</a:t>
            </a:r>
            <a:r>
              <a:rPr sz="1400" b="1" spc="-10" dirty="0">
                <a:latin typeface="ＭＳ Ｐ明朝"/>
                <a:cs typeface="ＭＳ Ｐ明朝"/>
              </a:rPr>
              <a:t>）</a:t>
            </a:r>
            <a:r>
              <a:rPr sz="1400" b="1" spc="-30" dirty="0">
                <a:latin typeface="ＭＳ Ｐ明朝"/>
                <a:cs typeface="ＭＳ Ｐ明朝"/>
              </a:rPr>
              <a:t>を踏まえた当面のインフラの措置</a:t>
            </a:r>
            <a:endParaRPr sz="1400">
              <a:latin typeface="ＭＳ Ｐ明朝"/>
              <a:cs typeface="ＭＳ Ｐ明朝"/>
            </a:endParaRPr>
          </a:p>
          <a:p>
            <a:pPr marL="239395">
              <a:lnSpc>
                <a:spcPct val="100000"/>
              </a:lnSpc>
            </a:pPr>
            <a:r>
              <a:rPr sz="1400" b="1" dirty="0">
                <a:latin typeface="ＭＳ Ｐ明朝"/>
                <a:cs typeface="ＭＳ Ｐ明朝"/>
              </a:rPr>
              <a:t>（</a:t>
            </a:r>
            <a:r>
              <a:rPr sz="1400" b="1" spc="-15" dirty="0">
                <a:latin typeface="ＭＳ Ｐ明朝"/>
                <a:cs typeface="ＭＳ Ｐ明朝"/>
              </a:rPr>
              <a:t>点検、維持、補修・修繕、集約・再編、新設等</a:t>
            </a:r>
            <a:r>
              <a:rPr sz="1400" b="1" spc="-10" dirty="0">
                <a:latin typeface="ＭＳ Ｐ明朝"/>
                <a:cs typeface="ＭＳ Ｐ明朝"/>
              </a:rPr>
              <a:t>）</a:t>
            </a:r>
            <a:r>
              <a:rPr sz="1400" b="1" spc="-15" dirty="0">
                <a:latin typeface="ＭＳ Ｐ明朝"/>
                <a:cs typeface="ＭＳ Ｐ明朝"/>
              </a:rPr>
              <a:t>の基本的な方向性</a:t>
            </a:r>
            <a:endParaRPr sz="1400">
              <a:latin typeface="ＭＳ Ｐ明朝"/>
              <a:cs typeface="ＭＳ Ｐ明朝"/>
            </a:endParaRPr>
          </a:p>
          <a:p>
            <a:pPr marL="180340" indent="-180340">
              <a:lnSpc>
                <a:spcPct val="100000"/>
              </a:lnSpc>
              <a:buFont typeface="Arial"/>
              <a:buChar char="•"/>
              <a:tabLst>
                <a:tab pos="180340" algn="l"/>
              </a:tabLst>
            </a:pPr>
            <a:r>
              <a:rPr sz="1400" b="1" dirty="0">
                <a:latin typeface="ＭＳ Ｐ明朝"/>
                <a:cs typeface="ＭＳ Ｐ明朝"/>
              </a:rPr>
              <a:t>（</a:t>
            </a:r>
            <a:r>
              <a:rPr sz="1400" b="1" spc="-5" dirty="0">
                <a:latin typeface="ＭＳ Ｐ明朝"/>
                <a:cs typeface="ＭＳ Ｐ明朝"/>
              </a:rPr>
              <a:t>新技術</a:t>
            </a:r>
            <a:r>
              <a:rPr sz="1400" b="1" spc="-10" dirty="0">
                <a:latin typeface="ＭＳ Ｐ明朝"/>
                <a:cs typeface="ＭＳ Ｐ明朝"/>
              </a:rPr>
              <a:t>（DX）</a:t>
            </a:r>
            <a:r>
              <a:rPr sz="1400" b="1" spc="-20" dirty="0">
                <a:latin typeface="ＭＳ Ｐ明朝"/>
                <a:cs typeface="ＭＳ Ｐ明朝"/>
              </a:rPr>
              <a:t>の活用、人材育成、技術者確保、技術的連携の方針</a:t>
            </a:r>
            <a:r>
              <a:rPr sz="1400" b="1" spc="-50" dirty="0">
                <a:latin typeface="ＭＳ Ｐ明朝"/>
                <a:cs typeface="ＭＳ Ｐ明朝"/>
              </a:rPr>
              <a:t>）</a:t>
            </a:r>
            <a:endParaRPr sz="1400">
              <a:latin typeface="ＭＳ Ｐ明朝"/>
              <a:cs typeface="ＭＳ Ｐ明朝"/>
            </a:endParaRPr>
          </a:p>
          <a:p>
            <a:pPr marL="180340" indent="-180340">
              <a:lnSpc>
                <a:spcPct val="100000"/>
              </a:lnSpc>
              <a:buFont typeface="Arial"/>
              <a:buChar char="•"/>
              <a:tabLst>
                <a:tab pos="180340" algn="l"/>
                <a:tab pos="1379220" algn="l"/>
              </a:tabLst>
            </a:pPr>
            <a:r>
              <a:rPr sz="1400" b="1" dirty="0">
                <a:latin typeface="ＭＳ Ｐ明朝"/>
                <a:cs typeface="ＭＳ Ｐ明朝"/>
              </a:rPr>
              <a:t>スケジュ</a:t>
            </a:r>
            <a:r>
              <a:rPr sz="1400" b="1" spc="-10" dirty="0">
                <a:latin typeface="ＭＳ Ｐ明朝"/>
                <a:cs typeface="ＭＳ Ｐ明朝"/>
              </a:rPr>
              <a:t>ー</a:t>
            </a:r>
            <a:r>
              <a:rPr sz="1400" b="1" spc="-60" dirty="0">
                <a:latin typeface="ＭＳ Ｐ明朝"/>
                <a:cs typeface="ＭＳ Ｐ明朝"/>
              </a:rPr>
              <a:t>ル</a:t>
            </a:r>
            <a:r>
              <a:rPr sz="1400" b="1" dirty="0">
                <a:latin typeface="ＭＳ Ｐ明朝"/>
                <a:cs typeface="ＭＳ Ｐ明朝"/>
              </a:rPr>
              <a:t>	</a:t>
            </a:r>
            <a:r>
              <a:rPr sz="1400" b="1" spc="-50" dirty="0">
                <a:latin typeface="ＭＳ Ｐ明朝"/>
                <a:cs typeface="ＭＳ Ｐ明朝"/>
              </a:rPr>
              <a:t>等</a:t>
            </a:r>
            <a:endParaRPr sz="1400">
              <a:latin typeface="ＭＳ Ｐ明朝"/>
              <a:cs typeface="ＭＳ Ｐ明朝"/>
            </a:endParaRPr>
          </a:p>
        </p:txBody>
      </p:sp>
      <p:grpSp>
        <p:nvGrpSpPr>
          <p:cNvPr id="13" name="object 13"/>
          <p:cNvGrpSpPr/>
          <p:nvPr/>
        </p:nvGrpSpPr>
        <p:grpSpPr>
          <a:xfrm>
            <a:off x="940308" y="4526279"/>
            <a:ext cx="6697980" cy="1178560"/>
            <a:chOff x="940308" y="4526279"/>
            <a:chExt cx="6697980" cy="1178560"/>
          </a:xfrm>
        </p:grpSpPr>
        <p:sp>
          <p:nvSpPr>
            <p:cNvPr id="14" name="object 14"/>
            <p:cNvSpPr/>
            <p:nvPr/>
          </p:nvSpPr>
          <p:spPr>
            <a:xfrm>
              <a:off x="944880" y="4530851"/>
              <a:ext cx="6689090" cy="1169035"/>
            </a:xfrm>
            <a:custGeom>
              <a:avLst/>
              <a:gdLst/>
              <a:ahLst/>
              <a:cxnLst/>
              <a:rect l="l" t="t" r="r" b="b"/>
              <a:pathLst>
                <a:path w="6689090" h="1169035">
                  <a:moveTo>
                    <a:pt x="6688835" y="0"/>
                  </a:moveTo>
                  <a:lnTo>
                    <a:pt x="0" y="0"/>
                  </a:lnTo>
                  <a:lnTo>
                    <a:pt x="0" y="1168908"/>
                  </a:lnTo>
                  <a:lnTo>
                    <a:pt x="6688835" y="1168908"/>
                  </a:lnTo>
                  <a:lnTo>
                    <a:pt x="6688835" y="0"/>
                  </a:lnTo>
                  <a:close/>
                </a:path>
              </a:pathLst>
            </a:custGeom>
            <a:solidFill>
              <a:srgbClr val="FCEADA"/>
            </a:solidFill>
          </p:spPr>
          <p:txBody>
            <a:bodyPr wrap="square" lIns="0" tIns="0" rIns="0" bIns="0" rtlCol="0"/>
            <a:lstStyle/>
            <a:p>
              <a:endParaRPr/>
            </a:p>
          </p:txBody>
        </p:sp>
        <p:sp>
          <p:nvSpPr>
            <p:cNvPr id="15" name="object 15"/>
            <p:cNvSpPr/>
            <p:nvPr/>
          </p:nvSpPr>
          <p:spPr>
            <a:xfrm>
              <a:off x="944880" y="4530851"/>
              <a:ext cx="6689090" cy="1169035"/>
            </a:xfrm>
            <a:custGeom>
              <a:avLst/>
              <a:gdLst/>
              <a:ahLst/>
              <a:cxnLst/>
              <a:rect l="l" t="t" r="r" b="b"/>
              <a:pathLst>
                <a:path w="6689090" h="1169035">
                  <a:moveTo>
                    <a:pt x="0" y="1168908"/>
                  </a:moveTo>
                  <a:lnTo>
                    <a:pt x="6688835" y="1168908"/>
                  </a:lnTo>
                  <a:lnTo>
                    <a:pt x="6688835" y="0"/>
                  </a:lnTo>
                  <a:lnTo>
                    <a:pt x="0" y="0"/>
                  </a:lnTo>
                  <a:lnTo>
                    <a:pt x="0" y="1168908"/>
                  </a:lnTo>
                  <a:close/>
                </a:path>
              </a:pathLst>
            </a:custGeom>
            <a:ln w="9143">
              <a:solidFill>
                <a:srgbClr val="000000"/>
              </a:solidFill>
              <a:prstDash val="sysDash"/>
            </a:ln>
          </p:spPr>
          <p:txBody>
            <a:bodyPr wrap="square" lIns="0" tIns="0" rIns="0" bIns="0" rtlCol="0"/>
            <a:lstStyle/>
            <a:p>
              <a:endParaRPr/>
            </a:p>
          </p:txBody>
        </p:sp>
      </p:grpSp>
      <p:sp>
        <p:nvSpPr>
          <p:cNvPr id="16" name="object 16"/>
          <p:cNvSpPr txBox="1"/>
          <p:nvPr/>
        </p:nvSpPr>
        <p:spPr>
          <a:xfrm>
            <a:off x="1036015" y="4569078"/>
            <a:ext cx="6466840" cy="1093470"/>
          </a:xfrm>
          <a:prstGeom prst="rect">
            <a:avLst/>
          </a:prstGeom>
        </p:spPr>
        <p:txBody>
          <a:bodyPr vert="horz" wrap="square" lIns="0" tIns="12700" rIns="0" bIns="0" rtlCol="0">
            <a:spAutoFit/>
          </a:bodyPr>
          <a:lstStyle/>
          <a:p>
            <a:pPr marL="179705" marR="5080" indent="-180340">
              <a:lnSpc>
                <a:spcPct val="100000"/>
              </a:lnSpc>
              <a:spcBef>
                <a:spcPts val="100"/>
              </a:spcBef>
              <a:buFont typeface="Arial"/>
              <a:buChar char="•"/>
              <a:tabLst>
                <a:tab pos="180975" algn="l"/>
              </a:tabLst>
            </a:pPr>
            <a:r>
              <a:rPr sz="1400" b="1" spc="-25" dirty="0">
                <a:latin typeface="ＭＳ Ｐ明朝"/>
                <a:cs typeface="ＭＳ Ｐ明朝"/>
              </a:rPr>
              <a:t>地域における維持管理等業務の状況、見通し</a:t>
            </a:r>
            <a:r>
              <a:rPr sz="1400" b="1" spc="-10" dirty="0">
                <a:latin typeface="ＭＳ Ｐ明朝"/>
                <a:cs typeface="ＭＳ Ｐ明朝"/>
              </a:rPr>
              <a:t>（</a:t>
            </a:r>
            <a:r>
              <a:rPr sz="1400" b="1" spc="-25" dirty="0">
                <a:latin typeface="ＭＳ Ｐ明朝"/>
                <a:cs typeface="ＭＳ Ｐ明朝"/>
              </a:rPr>
              <a:t>維持管理等業務の発注状況、受発注	者側の体制、自治体のインフラ維持管理に係る財政等</a:t>
            </a:r>
            <a:r>
              <a:rPr sz="1400" b="1" spc="-50" dirty="0">
                <a:latin typeface="ＭＳ Ｐ明朝"/>
                <a:cs typeface="ＭＳ Ｐ明朝"/>
              </a:rPr>
              <a:t>）</a:t>
            </a:r>
            <a:endParaRPr sz="1400">
              <a:latin typeface="ＭＳ Ｐ明朝"/>
              <a:cs typeface="ＭＳ Ｐ明朝"/>
            </a:endParaRPr>
          </a:p>
          <a:p>
            <a:pPr marL="180340" indent="-180340">
              <a:lnSpc>
                <a:spcPct val="100000"/>
              </a:lnSpc>
              <a:spcBef>
                <a:spcPts val="5"/>
              </a:spcBef>
              <a:buFont typeface="Arial"/>
              <a:buChar char="•"/>
              <a:tabLst>
                <a:tab pos="180340" algn="l"/>
              </a:tabLst>
            </a:pPr>
            <a:r>
              <a:rPr sz="1400" b="1" spc="-25" dirty="0">
                <a:latin typeface="ＭＳ Ｐ明朝"/>
                <a:cs typeface="ＭＳ Ｐ明朝"/>
              </a:rPr>
              <a:t>群マネの考え方に基づく具体的な業務の実施方針</a:t>
            </a:r>
            <a:r>
              <a:rPr sz="1400" b="1" dirty="0">
                <a:latin typeface="ＭＳ Ｐ明朝"/>
                <a:cs typeface="ＭＳ Ｐ明朝"/>
              </a:rPr>
              <a:t>（</a:t>
            </a:r>
            <a:r>
              <a:rPr sz="1400" b="1" spc="-10" dirty="0">
                <a:latin typeface="ＭＳ Ｐ明朝"/>
                <a:cs typeface="ＭＳ Ｐ明朝"/>
              </a:rPr>
              <a:t>広域連携や多分野連携</a:t>
            </a:r>
            <a:r>
              <a:rPr sz="1400" b="1" spc="-50" dirty="0">
                <a:latin typeface="ＭＳ Ｐ明朝"/>
                <a:cs typeface="ＭＳ Ｐ明朝"/>
              </a:rPr>
              <a:t>）</a:t>
            </a:r>
            <a:endParaRPr sz="1400">
              <a:latin typeface="ＭＳ Ｐ明朝"/>
              <a:cs typeface="ＭＳ Ｐ明朝"/>
            </a:endParaRPr>
          </a:p>
          <a:p>
            <a:pPr marL="180340" indent="-180340">
              <a:lnSpc>
                <a:spcPct val="100000"/>
              </a:lnSpc>
              <a:buFont typeface="Arial"/>
              <a:buChar char="•"/>
              <a:tabLst>
                <a:tab pos="180340" algn="l"/>
              </a:tabLst>
            </a:pPr>
            <a:r>
              <a:rPr sz="1400" b="1" spc="-30" dirty="0">
                <a:latin typeface="ＭＳ Ｐ明朝"/>
                <a:cs typeface="ＭＳ Ｐ明朝"/>
              </a:rPr>
              <a:t>包括的民間委託等を行う分野、業務、規模、エリア、時期、手法、体制</a:t>
            </a:r>
            <a:endParaRPr sz="1400">
              <a:latin typeface="ＭＳ Ｐ明朝"/>
              <a:cs typeface="ＭＳ Ｐ明朝"/>
            </a:endParaRPr>
          </a:p>
          <a:p>
            <a:pPr marL="180340" indent="-180340">
              <a:lnSpc>
                <a:spcPct val="100000"/>
              </a:lnSpc>
              <a:buFont typeface="Arial"/>
              <a:buChar char="•"/>
              <a:tabLst>
                <a:tab pos="180340" algn="l"/>
                <a:tab pos="3590925" algn="l"/>
              </a:tabLst>
            </a:pPr>
            <a:r>
              <a:rPr sz="1400" b="1" dirty="0">
                <a:latin typeface="ＭＳ Ｐ明朝"/>
                <a:cs typeface="ＭＳ Ｐ明朝"/>
              </a:rPr>
              <a:t>マーケ</a:t>
            </a:r>
            <a:r>
              <a:rPr sz="1400" b="1" spc="-10" dirty="0">
                <a:latin typeface="ＭＳ Ｐ明朝"/>
                <a:cs typeface="ＭＳ Ｐ明朝"/>
              </a:rPr>
              <a:t>ッ</a:t>
            </a:r>
            <a:r>
              <a:rPr sz="1400" b="1" spc="-20" dirty="0">
                <a:latin typeface="ＭＳ Ｐ明朝"/>
                <a:cs typeface="ＭＳ Ｐ明朝"/>
              </a:rPr>
              <a:t>ト</a:t>
            </a:r>
            <a:r>
              <a:rPr sz="1400" b="1" spc="-10" dirty="0">
                <a:latin typeface="ＭＳ Ｐ明朝"/>
                <a:cs typeface="ＭＳ Ｐ明朝"/>
              </a:rPr>
              <a:t>サ</a:t>
            </a:r>
            <a:r>
              <a:rPr sz="1400" b="1" spc="-20" dirty="0">
                <a:latin typeface="ＭＳ Ｐ明朝"/>
                <a:cs typeface="ＭＳ Ｐ明朝"/>
              </a:rPr>
              <a:t>ウ</a:t>
            </a:r>
            <a:r>
              <a:rPr sz="1400" b="1" dirty="0">
                <a:latin typeface="ＭＳ Ｐ明朝"/>
                <a:cs typeface="ＭＳ Ｐ明朝"/>
              </a:rPr>
              <a:t>ン</a:t>
            </a:r>
            <a:r>
              <a:rPr sz="1400" b="1" spc="-10" dirty="0">
                <a:latin typeface="ＭＳ Ｐ明朝"/>
                <a:cs typeface="ＭＳ Ｐ明朝"/>
              </a:rPr>
              <a:t>デ</a:t>
            </a:r>
            <a:r>
              <a:rPr sz="1400" b="1" spc="-20" dirty="0">
                <a:latin typeface="ＭＳ Ｐ明朝"/>
                <a:cs typeface="ＭＳ Ｐ明朝"/>
              </a:rPr>
              <a:t>ィ</a:t>
            </a:r>
            <a:r>
              <a:rPr sz="1400" b="1" spc="-10" dirty="0">
                <a:latin typeface="ＭＳ Ｐ明朝"/>
                <a:cs typeface="ＭＳ Ｐ明朝"/>
              </a:rPr>
              <a:t>ン</a:t>
            </a:r>
            <a:r>
              <a:rPr sz="1400" b="1" spc="-25" dirty="0">
                <a:latin typeface="ＭＳ Ｐ明朝"/>
                <a:cs typeface="ＭＳ Ｐ明朝"/>
              </a:rPr>
              <a:t>グ</a:t>
            </a:r>
            <a:r>
              <a:rPr sz="1400" b="1" spc="-10" dirty="0">
                <a:latin typeface="ＭＳ Ｐ明朝"/>
                <a:cs typeface="ＭＳ Ｐ明朝"/>
              </a:rPr>
              <a:t>、発</a:t>
            </a:r>
            <a:r>
              <a:rPr sz="1400" b="1" dirty="0">
                <a:latin typeface="ＭＳ Ｐ明朝"/>
                <a:cs typeface="ＭＳ Ｐ明朝"/>
              </a:rPr>
              <a:t>注図</a:t>
            </a:r>
            <a:r>
              <a:rPr sz="1400" b="1" spc="-10" dirty="0">
                <a:latin typeface="ＭＳ Ｐ明朝"/>
                <a:cs typeface="ＭＳ Ｐ明朝"/>
              </a:rPr>
              <a:t>書の</a:t>
            </a:r>
            <a:r>
              <a:rPr sz="1400" b="1" dirty="0">
                <a:latin typeface="ＭＳ Ｐ明朝"/>
                <a:cs typeface="ＭＳ Ｐ明朝"/>
              </a:rPr>
              <a:t>整</a:t>
            </a:r>
            <a:r>
              <a:rPr sz="1400" b="1" spc="-50" dirty="0">
                <a:latin typeface="ＭＳ Ｐ明朝"/>
                <a:cs typeface="ＭＳ Ｐ明朝"/>
              </a:rPr>
              <a:t>理</a:t>
            </a:r>
            <a:r>
              <a:rPr sz="1400" b="1" dirty="0">
                <a:latin typeface="ＭＳ Ｐ明朝"/>
                <a:cs typeface="ＭＳ Ｐ明朝"/>
              </a:rPr>
              <a:t>	</a:t>
            </a:r>
            <a:r>
              <a:rPr sz="1400" b="1" spc="-60" dirty="0">
                <a:latin typeface="ＭＳ Ｐ明朝"/>
                <a:cs typeface="ＭＳ Ｐ明朝"/>
              </a:rPr>
              <a:t>等</a:t>
            </a:r>
            <a:endParaRPr sz="1400">
              <a:latin typeface="ＭＳ Ｐ明朝"/>
              <a:cs typeface="ＭＳ Ｐ明朝"/>
            </a:endParaRPr>
          </a:p>
        </p:txBody>
      </p:sp>
      <p:sp>
        <p:nvSpPr>
          <p:cNvPr id="17" name="object 17"/>
          <p:cNvSpPr txBox="1"/>
          <p:nvPr/>
        </p:nvSpPr>
        <p:spPr>
          <a:xfrm>
            <a:off x="418337" y="6044946"/>
            <a:ext cx="7783195" cy="541020"/>
          </a:xfrm>
          <a:prstGeom prst="rect">
            <a:avLst/>
          </a:prstGeom>
          <a:ln w="19811">
            <a:solidFill>
              <a:srgbClr val="5F497A"/>
            </a:solidFill>
          </a:ln>
        </p:spPr>
        <p:txBody>
          <a:bodyPr vert="horz" wrap="square" lIns="0" tIns="57785" rIns="0" bIns="0" rtlCol="0">
            <a:spAutoFit/>
          </a:bodyPr>
          <a:lstStyle/>
          <a:p>
            <a:pPr marL="90170">
              <a:lnSpc>
                <a:spcPct val="100000"/>
              </a:lnSpc>
              <a:spcBef>
                <a:spcPts val="455"/>
              </a:spcBef>
            </a:pPr>
            <a:r>
              <a:rPr sz="1400" spc="-30" dirty="0">
                <a:latin typeface="Meiryo UI"/>
                <a:cs typeface="Meiryo UI"/>
              </a:rPr>
              <a:t>上記は、群マネを進めていく上で地域で整理していくべき情報について、たたき台として示しているものであるが、</a:t>
            </a:r>
            <a:endParaRPr sz="1400">
              <a:latin typeface="Meiryo UI"/>
              <a:cs typeface="Meiryo UI"/>
            </a:endParaRPr>
          </a:p>
          <a:p>
            <a:pPr marL="90170">
              <a:lnSpc>
                <a:spcPct val="100000"/>
              </a:lnSpc>
            </a:pPr>
            <a:r>
              <a:rPr sz="1400" spc="-20" dirty="0">
                <a:latin typeface="Meiryo UI"/>
                <a:cs typeface="Meiryo UI"/>
              </a:rPr>
              <a:t>既存計画の内容に含まれている要素もあると考えられることから、効率的に整理していくことが必要</a:t>
            </a:r>
            <a:endParaRPr sz="1400">
              <a:latin typeface="Meiryo UI"/>
              <a:cs typeface="Meiryo UI"/>
            </a:endParaRPr>
          </a:p>
        </p:txBody>
      </p:sp>
      <p:sp>
        <p:nvSpPr>
          <p:cNvPr id="18" name="object 18"/>
          <p:cNvSpPr txBox="1"/>
          <p:nvPr/>
        </p:nvSpPr>
        <p:spPr>
          <a:xfrm>
            <a:off x="389381" y="4138421"/>
            <a:ext cx="7591425" cy="1661160"/>
          </a:xfrm>
          <a:prstGeom prst="rect">
            <a:avLst/>
          </a:prstGeom>
          <a:ln w="25907">
            <a:solidFill>
              <a:srgbClr val="000000"/>
            </a:solidFill>
          </a:ln>
        </p:spPr>
        <p:txBody>
          <a:bodyPr vert="horz" wrap="square" lIns="0" tIns="36830" rIns="0" bIns="0" rtlCol="0">
            <a:spAutoFit/>
          </a:bodyPr>
          <a:lstStyle/>
          <a:p>
            <a:pPr marL="35560">
              <a:lnSpc>
                <a:spcPct val="100000"/>
              </a:lnSpc>
              <a:spcBef>
                <a:spcPts val="290"/>
              </a:spcBef>
            </a:pPr>
            <a:r>
              <a:rPr sz="1800" b="1" spc="-10" dirty="0">
                <a:latin typeface="Meiryo UI"/>
                <a:cs typeface="Meiryo UI"/>
              </a:rPr>
              <a:t>■群マネの</a:t>
            </a:r>
            <a:r>
              <a:rPr sz="1800" b="1" spc="-15" dirty="0">
                <a:solidFill>
                  <a:srgbClr val="FF0000"/>
                </a:solidFill>
                <a:latin typeface="Meiryo UI"/>
                <a:cs typeface="Meiryo UI"/>
              </a:rPr>
              <a:t>実施方針</a:t>
            </a:r>
            <a:endParaRPr sz="1800">
              <a:latin typeface="Meiryo UI"/>
              <a:cs typeface="Meiryo UI"/>
            </a:endParaRPr>
          </a:p>
          <a:p>
            <a:pPr marL="222250">
              <a:lnSpc>
                <a:spcPct val="100000"/>
              </a:lnSpc>
              <a:spcBef>
                <a:spcPts val="620"/>
              </a:spcBef>
            </a:pPr>
            <a:r>
              <a:rPr sz="1100" dirty="0">
                <a:latin typeface="ＭＳ Ｐ明朝"/>
                <a:cs typeface="ＭＳ Ｐ明朝"/>
              </a:rPr>
              <a:t>（例</a:t>
            </a:r>
            <a:r>
              <a:rPr sz="1100" spc="-50" dirty="0">
                <a:latin typeface="ＭＳ Ｐ明朝"/>
                <a:cs typeface="ＭＳ Ｐ明朝"/>
              </a:rPr>
              <a:t>）</a:t>
            </a:r>
            <a:endParaRPr sz="1100">
              <a:latin typeface="ＭＳ Ｐ明朝"/>
              <a:cs typeface="ＭＳ Ｐ明朝"/>
            </a:endParaRPr>
          </a:p>
        </p:txBody>
      </p:sp>
      <p:sp>
        <p:nvSpPr>
          <p:cNvPr id="19" name="object 19"/>
          <p:cNvSpPr txBox="1"/>
          <p:nvPr/>
        </p:nvSpPr>
        <p:spPr>
          <a:xfrm>
            <a:off x="389381" y="2335590"/>
            <a:ext cx="7578090" cy="700405"/>
          </a:xfrm>
          <a:prstGeom prst="rect">
            <a:avLst/>
          </a:prstGeom>
        </p:spPr>
        <p:txBody>
          <a:bodyPr vert="horz" wrap="square" lIns="0" tIns="156210" rIns="0" bIns="0" rtlCol="0">
            <a:spAutoFit/>
          </a:bodyPr>
          <a:lstStyle/>
          <a:p>
            <a:pPr marL="347980" indent="-228600">
              <a:lnSpc>
                <a:spcPct val="100000"/>
              </a:lnSpc>
              <a:spcBef>
                <a:spcPts val="1230"/>
              </a:spcBef>
              <a:buSzPct val="94444"/>
              <a:buChar char="■"/>
              <a:tabLst>
                <a:tab pos="347980" algn="l"/>
              </a:tabLst>
            </a:pPr>
            <a:r>
              <a:rPr sz="1800" b="1" spc="-10" dirty="0">
                <a:latin typeface="Meiryo UI"/>
                <a:cs typeface="Meiryo UI"/>
              </a:rPr>
              <a:t>群マネの</a:t>
            </a:r>
            <a:r>
              <a:rPr sz="1800" b="1" spc="-15" dirty="0">
                <a:solidFill>
                  <a:srgbClr val="FF0000"/>
                </a:solidFill>
                <a:latin typeface="Meiryo UI"/>
                <a:cs typeface="Meiryo UI"/>
              </a:rPr>
              <a:t>基本方針</a:t>
            </a:r>
            <a:endParaRPr sz="1800">
              <a:latin typeface="Meiryo UI"/>
              <a:cs typeface="Meiryo UI"/>
            </a:endParaRPr>
          </a:p>
          <a:p>
            <a:pPr marL="222250">
              <a:lnSpc>
                <a:spcPct val="100000"/>
              </a:lnSpc>
              <a:spcBef>
                <a:spcPts val="700"/>
              </a:spcBef>
            </a:pPr>
            <a:r>
              <a:rPr sz="1100" dirty="0">
                <a:latin typeface="ＭＳ Ｐ明朝"/>
                <a:cs typeface="ＭＳ Ｐ明朝"/>
              </a:rPr>
              <a:t>（例</a:t>
            </a:r>
            <a:r>
              <a:rPr sz="1100" spc="-50" dirty="0">
                <a:latin typeface="ＭＳ Ｐ明朝"/>
                <a:cs typeface="ＭＳ Ｐ明朝"/>
              </a:rPr>
              <a:t>）</a:t>
            </a:r>
            <a:endParaRPr sz="1100">
              <a:latin typeface="ＭＳ Ｐ明朝"/>
              <a:cs typeface="ＭＳ Ｐ明朝"/>
            </a:endParaRPr>
          </a:p>
        </p:txBody>
      </p:sp>
      <p:sp>
        <p:nvSpPr>
          <p:cNvPr id="20" name="object 20"/>
          <p:cNvSpPr txBox="1"/>
          <p:nvPr/>
        </p:nvSpPr>
        <p:spPr>
          <a:xfrm>
            <a:off x="401574" y="922782"/>
            <a:ext cx="7589520" cy="1339850"/>
          </a:xfrm>
          <a:prstGeom prst="rect">
            <a:avLst/>
          </a:prstGeom>
          <a:ln w="25907">
            <a:solidFill>
              <a:srgbClr val="000000"/>
            </a:solidFill>
          </a:ln>
        </p:spPr>
        <p:txBody>
          <a:bodyPr vert="horz" wrap="square" lIns="0" tIns="67945" rIns="0" bIns="0" rtlCol="0">
            <a:spAutoFit/>
          </a:bodyPr>
          <a:lstStyle/>
          <a:p>
            <a:pPr marL="113664">
              <a:lnSpc>
                <a:spcPct val="100000"/>
              </a:lnSpc>
              <a:spcBef>
                <a:spcPts val="535"/>
              </a:spcBef>
            </a:pPr>
            <a:r>
              <a:rPr sz="1800" b="1" spc="-35" dirty="0">
                <a:latin typeface="Meiryo UI"/>
                <a:cs typeface="Meiryo UI"/>
              </a:rPr>
              <a:t>■エリアの状況・将来予測・課題、インフラ群の現状把握・課題</a:t>
            </a:r>
            <a:endParaRPr sz="1800">
              <a:latin typeface="Meiryo UI"/>
              <a:cs typeface="Meiryo UI"/>
            </a:endParaRPr>
          </a:p>
          <a:p>
            <a:pPr marL="210185">
              <a:lnSpc>
                <a:spcPct val="100000"/>
              </a:lnSpc>
              <a:spcBef>
                <a:spcPts val="575"/>
              </a:spcBef>
            </a:pPr>
            <a:r>
              <a:rPr sz="1100" dirty="0">
                <a:latin typeface="ＭＳ Ｐ明朝"/>
                <a:cs typeface="ＭＳ Ｐ明朝"/>
              </a:rPr>
              <a:t>（例</a:t>
            </a:r>
            <a:r>
              <a:rPr sz="1100" spc="-50" dirty="0">
                <a:latin typeface="ＭＳ Ｐ明朝"/>
                <a:cs typeface="ＭＳ Ｐ明朝"/>
              </a:rPr>
              <a:t>）</a:t>
            </a:r>
            <a:endParaRPr sz="1100">
              <a:latin typeface="ＭＳ Ｐ明朝"/>
              <a:cs typeface="ＭＳ Ｐ明朝"/>
            </a:endParaRPr>
          </a:p>
        </p:txBody>
      </p:sp>
      <p:sp>
        <p:nvSpPr>
          <p:cNvPr id="21" name="object 21"/>
          <p:cNvSpPr txBox="1"/>
          <p:nvPr/>
        </p:nvSpPr>
        <p:spPr>
          <a:xfrm>
            <a:off x="8448293" y="2508885"/>
            <a:ext cx="643890" cy="3324860"/>
          </a:xfrm>
          <a:prstGeom prst="rect">
            <a:avLst/>
          </a:prstGeom>
        </p:spPr>
        <p:txBody>
          <a:bodyPr vert="horz" wrap="square" lIns="0" tIns="48894" rIns="0" bIns="0" rtlCol="0">
            <a:spAutoFit/>
          </a:bodyPr>
          <a:lstStyle/>
          <a:p>
            <a:pPr marL="12700" marR="17780" algn="just">
              <a:lnSpc>
                <a:spcPts val="1400"/>
              </a:lnSpc>
              <a:spcBef>
                <a:spcPts val="384"/>
              </a:spcBef>
            </a:pPr>
            <a:r>
              <a:rPr sz="1400" b="1" spc="350" dirty="0">
                <a:solidFill>
                  <a:srgbClr val="00AF50"/>
                </a:solidFill>
                <a:latin typeface="Meiryo UI"/>
                <a:cs typeface="Meiryo UI"/>
              </a:rPr>
              <a:t>えし群</a:t>
            </a:r>
            <a:r>
              <a:rPr sz="1400" b="1" spc="459" dirty="0">
                <a:solidFill>
                  <a:srgbClr val="00AF50"/>
                </a:solidFill>
                <a:latin typeface="Meiryo UI"/>
                <a:cs typeface="Meiryo UI"/>
              </a:rPr>
              <a:t>らてマ</a:t>
            </a:r>
            <a:r>
              <a:rPr sz="1400" b="1" spc="365" dirty="0">
                <a:solidFill>
                  <a:srgbClr val="00AF50"/>
                </a:solidFill>
                <a:latin typeface="Meiryo UI"/>
                <a:cs typeface="Meiryo UI"/>
              </a:rPr>
              <a:t>れいネ</a:t>
            </a:r>
            <a:r>
              <a:rPr sz="1400" b="1" spc="459" dirty="0">
                <a:solidFill>
                  <a:srgbClr val="00AF50"/>
                </a:solidFill>
                <a:latin typeface="Meiryo UI"/>
                <a:cs typeface="Meiryo UI"/>
              </a:rPr>
              <a:t>るく計</a:t>
            </a:r>
            <a:r>
              <a:rPr sz="1400" b="1" spc="250" dirty="0">
                <a:solidFill>
                  <a:srgbClr val="00AF50"/>
                </a:solidFill>
                <a:latin typeface="Meiryo UI"/>
                <a:cs typeface="Meiryo UI"/>
              </a:rPr>
              <a:t>事べ画</a:t>
            </a:r>
            <a:r>
              <a:rPr sz="1400" b="1" spc="330" dirty="0">
                <a:solidFill>
                  <a:srgbClr val="00AF50"/>
                </a:solidFill>
                <a:latin typeface="Meiryo UI"/>
                <a:cs typeface="Meiryo UI"/>
              </a:rPr>
              <a:t>項きで</a:t>
            </a:r>
            <a:endParaRPr sz="1400">
              <a:latin typeface="Meiryo UI"/>
              <a:cs typeface="Meiryo UI"/>
            </a:endParaRPr>
          </a:p>
          <a:p>
            <a:pPr marL="225425" marR="17780" algn="just">
              <a:lnSpc>
                <a:spcPts val="1410"/>
              </a:lnSpc>
              <a:spcBef>
                <a:spcPts val="15"/>
              </a:spcBef>
            </a:pPr>
            <a:r>
              <a:rPr sz="1400" b="1" spc="315" dirty="0">
                <a:solidFill>
                  <a:srgbClr val="00AF50"/>
                </a:solidFill>
                <a:latin typeface="Meiryo UI"/>
                <a:cs typeface="Meiryo UI"/>
              </a:rPr>
              <a:t>と整</a:t>
            </a:r>
            <a:r>
              <a:rPr sz="1400" b="1" spc="110" dirty="0">
                <a:solidFill>
                  <a:srgbClr val="00AF50"/>
                </a:solidFill>
                <a:latin typeface="Meiryo UI"/>
                <a:cs typeface="Meiryo UI"/>
              </a:rPr>
              <a:t>考理</a:t>
            </a:r>
            <a:endParaRPr sz="1400">
              <a:latin typeface="Meiryo UI"/>
              <a:cs typeface="Meiryo UI"/>
            </a:endParaRPr>
          </a:p>
          <a:p>
            <a:pPr marL="25400" marR="5080" algn="just">
              <a:lnSpc>
                <a:spcPts val="1400"/>
              </a:lnSpc>
              <a:spcBef>
                <a:spcPts val="1820"/>
              </a:spcBef>
            </a:pPr>
            <a:r>
              <a:rPr sz="1400" b="1" spc="165" dirty="0">
                <a:solidFill>
                  <a:srgbClr val="006FC0"/>
                </a:solidFill>
                <a:latin typeface="Meiryo UI"/>
                <a:cs typeface="Meiryo UI"/>
              </a:rPr>
              <a:t>考整群</a:t>
            </a:r>
            <a:r>
              <a:rPr sz="1400" b="1" spc="320" dirty="0">
                <a:solidFill>
                  <a:srgbClr val="006FC0"/>
                </a:solidFill>
                <a:latin typeface="Meiryo UI"/>
                <a:cs typeface="Meiryo UI"/>
              </a:rPr>
              <a:t>え理マ</a:t>
            </a:r>
            <a:r>
              <a:rPr sz="1400" b="1" spc="470" dirty="0">
                <a:solidFill>
                  <a:srgbClr val="006FC0"/>
                </a:solidFill>
                <a:latin typeface="Meiryo UI"/>
                <a:cs typeface="Meiryo UI"/>
              </a:rPr>
              <a:t>らしネ</a:t>
            </a:r>
            <a:r>
              <a:rPr sz="1400" b="1" spc="365" dirty="0">
                <a:solidFill>
                  <a:srgbClr val="006FC0"/>
                </a:solidFill>
                <a:latin typeface="Meiryo UI"/>
                <a:cs typeface="Meiryo UI"/>
              </a:rPr>
              <a:t>れての</a:t>
            </a:r>
            <a:r>
              <a:rPr sz="1400" b="1" spc="310" dirty="0">
                <a:solidFill>
                  <a:srgbClr val="006FC0"/>
                </a:solidFill>
                <a:latin typeface="Meiryo UI"/>
                <a:cs typeface="Meiryo UI"/>
              </a:rPr>
              <a:t>るい実</a:t>
            </a:r>
            <a:r>
              <a:rPr sz="1400" b="1" spc="365" dirty="0">
                <a:solidFill>
                  <a:srgbClr val="006FC0"/>
                </a:solidFill>
                <a:latin typeface="Meiryo UI"/>
                <a:cs typeface="Meiryo UI"/>
              </a:rPr>
              <a:t>事く施</a:t>
            </a:r>
            <a:r>
              <a:rPr sz="1400" b="1" spc="250" dirty="0">
                <a:solidFill>
                  <a:srgbClr val="006FC0"/>
                </a:solidFill>
                <a:latin typeface="Meiryo UI"/>
                <a:cs typeface="Meiryo UI"/>
              </a:rPr>
              <a:t>項べ段</a:t>
            </a:r>
            <a:endParaRPr sz="1400">
              <a:latin typeface="Meiryo UI"/>
              <a:cs typeface="Meiryo UI"/>
            </a:endParaRPr>
          </a:p>
          <a:p>
            <a:pPr marL="238760" marR="5080" algn="just">
              <a:lnSpc>
                <a:spcPts val="1400"/>
              </a:lnSpc>
              <a:spcBef>
                <a:spcPts val="30"/>
              </a:spcBef>
            </a:pPr>
            <a:r>
              <a:rPr sz="1400" b="1" spc="280" dirty="0">
                <a:solidFill>
                  <a:srgbClr val="006FC0"/>
                </a:solidFill>
                <a:latin typeface="Meiryo UI"/>
                <a:cs typeface="Meiryo UI"/>
              </a:rPr>
              <a:t>き階</a:t>
            </a:r>
            <a:r>
              <a:rPr sz="1400" b="1" spc="395" dirty="0">
                <a:solidFill>
                  <a:srgbClr val="006FC0"/>
                </a:solidFill>
                <a:latin typeface="Meiryo UI"/>
                <a:cs typeface="Meiryo UI"/>
              </a:rPr>
              <a:t>とで</a:t>
            </a:r>
            <a:endParaRPr sz="1400">
              <a:latin typeface="Meiryo UI"/>
              <a:cs typeface="Meiryo UI"/>
            </a:endParaRPr>
          </a:p>
        </p:txBody>
      </p:sp>
      <p:sp>
        <p:nvSpPr>
          <p:cNvPr id="22" name="object 22"/>
          <p:cNvSpPr/>
          <p:nvPr/>
        </p:nvSpPr>
        <p:spPr>
          <a:xfrm>
            <a:off x="8096250" y="2446782"/>
            <a:ext cx="320040" cy="1516380"/>
          </a:xfrm>
          <a:custGeom>
            <a:avLst/>
            <a:gdLst/>
            <a:ahLst/>
            <a:cxnLst/>
            <a:rect l="l" t="t" r="r" b="b"/>
            <a:pathLst>
              <a:path w="320040" h="1516379">
                <a:moveTo>
                  <a:pt x="0" y="0"/>
                </a:moveTo>
                <a:lnTo>
                  <a:pt x="62293" y="2095"/>
                </a:lnTo>
                <a:lnTo>
                  <a:pt x="113156" y="7810"/>
                </a:lnTo>
                <a:lnTo>
                  <a:pt x="147447" y="16287"/>
                </a:lnTo>
                <a:lnTo>
                  <a:pt x="160020" y="26669"/>
                </a:lnTo>
                <a:lnTo>
                  <a:pt x="160020" y="731519"/>
                </a:lnTo>
                <a:lnTo>
                  <a:pt x="172593" y="741902"/>
                </a:lnTo>
                <a:lnTo>
                  <a:pt x="206883" y="750379"/>
                </a:lnTo>
                <a:lnTo>
                  <a:pt x="257746" y="756094"/>
                </a:lnTo>
                <a:lnTo>
                  <a:pt x="320040" y="758189"/>
                </a:lnTo>
                <a:lnTo>
                  <a:pt x="257746" y="760285"/>
                </a:lnTo>
                <a:lnTo>
                  <a:pt x="206883" y="766000"/>
                </a:lnTo>
                <a:lnTo>
                  <a:pt x="172593" y="774477"/>
                </a:lnTo>
                <a:lnTo>
                  <a:pt x="160020" y="784859"/>
                </a:lnTo>
                <a:lnTo>
                  <a:pt x="160020" y="1489709"/>
                </a:lnTo>
                <a:lnTo>
                  <a:pt x="147447" y="1500092"/>
                </a:lnTo>
                <a:lnTo>
                  <a:pt x="113156" y="1508569"/>
                </a:lnTo>
                <a:lnTo>
                  <a:pt x="62293" y="1514284"/>
                </a:lnTo>
                <a:lnTo>
                  <a:pt x="0" y="1516379"/>
                </a:lnTo>
              </a:path>
            </a:pathLst>
          </a:custGeom>
          <a:ln w="19812">
            <a:solidFill>
              <a:srgbClr val="00AF50"/>
            </a:solidFill>
          </a:ln>
        </p:spPr>
        <p:txBody>
          <a:bodyPr wrap="square" lIns="0" tIns="0" rIns="0" bIns="0" rtlCol="0"/>
          <a:lstStyle/>
          <a:p>
            <a:endParaRPr/>
          </a:p>
        </p:txBody>
      </p:sp>
      <p:sp>
        <p:nvSpPr>
          <p:cNvPr id="23" name="object 23"/>
          <p:cNvSpPr/>
          <p:nvPr/>
        </p:nvSpPr>
        <p:spPr>
          <a:xfrm>
            <a:off x="8111490" y="4138421"/>
            <a:ext cx="342900" cy="1661160"/>
          </a:xfrm>
          <a:custGeom>
            <a:avLst/>
            <a:gdLst/>
            <a:ahLst/>
            <a:cxnLst/>
            <a:rect l="l" t="t" r="r" b="b"/>
            <a:pathLst>
              <a:path w="342900" h="1661160">
                <a:moveTo>
                  <a:pt x="0" y="0"/>
                </a:moveTo>
                <a:lnTo>
                  <a:pt x="66758" y="2250"/>
                </a:lnTo>
                <a:lnTo>
                  <a:pt x="121253" y="8381"/>
                </a:lnTo>
                <a:lnTo>
                  <a:pt x="157984" y="17466"/>
                </a:lnTo>
                <a:lnTo>
                  <a:pt x="171450" y="28575"/>
                </a:lnTo>
                <a:lnTo>
                  <a:pt x="171450" y="802004"/>
                </a:lnTo>
                <a:lnTo>
                  <a:pt x="184915" y="813113"/>
                </a:lnTo>
                <a:lnTo>
                  <a:pt x="221646" y="822197"/>
                </a:lnTo>
                <a:lnTo>
                  <a:pt x="276141" y="828329"/>
                </a:lnTo>
                <a:lnTo>
                  <a:pt x="342900" y="830579"/>
                </a:lnTo>
                <a:lnTo>
                  <a:pt x="276141" y="832830"/>
                </a:lnTo>
                <a:lnTo>
                  <a:pt x="221646" y="838961"/>
                </a:lnTo>
                <a:lnTo>
                  <a:pt x="184915" y="848046"/>
                </a:lnTo>
                <a:lnTo>
                  <a:pt x="171450" y="859154"/>
                </a:lnTo>
                <a:lnTo>
                  <a:pt x="171450" y="1632584"/>
                </a:lnTo>
                <a:lnTo>
                  <a:pt x="157984" y="1643709"/>
                </a:lnTo>
                <a:lnTo>
                  <a:pt x="121253" y="1652792"/>
                </a:lnTo>
                <a:lnTo>
                  <a:pt x="66758" y="1658915"/>
                </a:lnTo>
                <a:lnTo>
                  <a:pt x="0" y="1661159"/>
                </a:lnTo>
              </a:path>
            </a:pathLst>
          </a:custGeom>
          <a:ln w="19812">
            <a:solidFill>
              <a:srgbClr val="006FC0"/>
            </a:solidFill>
          </a:ln>
        </p:spPr>
        <p:txBody>
          <a:bodyPr wrap="square" lIns="0" tIns="0" rIns="0" bIns="0" rtlCol="0"/>
          <a:lstStyle/>
          <a:p>
            <a:endParaRPr/>
          </a:p>
        </p:txBody>
      </p:sp>
      <p:sp>
        <p:nvSpPr>
          <p:cNvPr id="24" name="object 24"/>
          <p:cNvSpPr/>
          <p:nvPr/>
        </p:nvSpPr>
        <p:spPr>
          <a:xfrm>
            <a:off x="106667" y="1504187"/>
            <a:ext cx="290830" cy="3597910"/>
          </a:xfrm>
          <a:custGeom>
            <a:avLst/>
            <a:gdLst/>
            <a:ahLst/>
            <a:cxnLst/>
            <a:rect l="l" t="t" r="r" b="b"/>
            <a:pathLst>
              <a:path w="290830" h="3597910">
                <a:moveTo>
                  <a:pt x="282714" y="1701546"/>
                </a:moveTo>
                <a:lnTo>
                  <a:pt x="256667" y="1687068"/>
                </a:lnTo>
                <a:lnTo>
                  <a:pt x="129628" y="1616456"/>
                </a:lnTo>
                <a:lnTo>
                  <a:pt x="122643" y="1612646"/>
                </a:lnTo>
                <a:lnTo>
                  <a:pt x="113830" y="1615186"/>
                </a:lnTo>
                <a:lnTo>
                  <a:pt x="106057" y="1629156"/>
                </a:lnTo>
                <a:lnTo>
                  <a:pt x="108585" y="1637919"/>
                </a:lnTo>
                <a:lnTo>
                  <a:pt x="196938" y="1687068"/>
                </a:lnTo>
                <a:lnTo>
                  <a:pt x="33096" y="1687068"/>
                </a:lnTo>
                <a:lnTo>
                  <a:pt x="28994" y="28956"/>
                </a:lnTo>
                <a:lnTo>
                  <a:pt x="273088" y="28956"/>
                </a:lnTo>
                <a:lnTo>
                  <a:pt x="273088" y="14478"/>
                </a:lnTo>
                <a:lnTo>
                  <a:pt x="273088" y="0"/>
                </a:lnTo>
                <a:lnTo>
                  <a:pt x="10642" y="0"/>
                </a:lnTo>
                <a:lnTo>
                  <a:pt x="6946" y="1524"/>
                </a:lnTo>
                <a:lnTo>
                  <a:pt x="4229" y="4191"/>
                </a:lnTo>
                <a:lnTo>
                  <a:pt x="1524" y="6985"/>
                </a:lnTo>
                <a:lnTo>
                  <a:pt x="0" y="10668"/>
                </a:lnTo>
                <a:lnTo>
                  <a:pt x="8699" y="3517011"/>
                </a:lnTo>
                <a:lnTo>
                  <a:pt x="15176" y="3523488"/>
                </a:lnTo>
                <a:lnTo>
                  <a:pt x="204558" y="3523488"/>
                </a:lnTo>
                <a:lnTo>
                  <a:pt x="230619" y="3509010"/>
                </a:lnTo>
                <a:lnTo>
                  <a:pt x="204546" y="3494532"/>
                </a:lnTo>
                <a:lnTo>
                  <a:pt x="37592" y="3494532"/>
                </a:lnTo>
                <a:lnTo>
                  <a:pt x="33172" y="1716024"/>
                </a:lnTo>
                <a:lnTo>
                  <a:pt x="196951" y="1716024"/>
                </a:lnTo>
                <a:lnTo>
                  <a:pt x="222999" y="1701546"/>
                </a:lnTo>
                <a:lnTo>
                  <a:pt x="108585" y="1765173"/>
                </a:lnTo>
                <a:lnTo>
                  <a:pt x="106057" y="1773936"/>
                </a:lnTo>
                <a:lnTo>
                  <a:pt x="113830" y="1787906"/>
                </a:lnTo>
                <a:lnTo>
                  <a:pt x="122643" y="1790446"/>
                </a:lnTo>
                <a:lnTo>
                  <a:pt x="129628" y="1786636"/>
                </a:lnTo>
                <a:lnTo>
                  <a:pt x="256667" y="1716024"/>
                </a:lnTo>
                <a:lnTo>
                  <a:pt x="282714" y="1701546"/>
                </a:lnTo>
                <a:close/>
              </a:path>
              <a:path w="290830" h="3597910">
                <a:moveTo>
                  <a:pt x="290322" y="3509010"/>
                </a:moveTo>
                <a:lnTo>
                  <a:pt x="264274" y="3494532"/>
                </a:lnTo>
                <a:lnTo>
                  <a:pt x="137236" y="3423920"/>
                </a:lnTo>
                <a:lnTo>
                  <a:pt x="130251" y="3420110"/>
                </a:lnTo>
                <a:lnTo>
                  <a:pt x="121437" y="3422650"/>
                </a:lnTo>
                <a:lnTo>
                  <a:pt x="113665" y="3436620"/>
                </a:lnTo>
                <a:lnTo>
                  <a:pt x="116192" y="3445383"/>
                </a:lnTo>
                <a:lnTo>
                  <a:pt x="230619" y="3509010"/>
                </a:lnTo>
                <a:lnTo>
                  <a:pt x="116192" y="3572637"/>
                </a:lnTo>
                <a:lnTo>
                  <a:pt x="113665" y="3581400"/>
                </a:lnTo>
                <a:lnTo>
                  <a:pt x="121437" y="3595370"/>
                </a:lnTo>
                <a:lnTo>
                  <a:pt x="130251" y="3597910"/>
                </a:lnTo>
                <a:lnTo>
                  <a:pt x="137236" y="3594100"/>
                </a:lnTo>
                <a:lnTo>
                  <a:pt x="264274" y="3523488"/>
                </a:lnTo>
                <a:lnTo>
                  <a:pt x="290322" y="3509010"/>
                </a:lnTo>
                <a:close/>
              </a:path>
            </a:pathLst>
          </a:custGeom>
          <a:solidFill>
            <a:srgbClr val="FF0000"/>
          </a:solidFill>
        </p:spPr>
        <p:txBody>
          <a:bodyPr wrap="square" lIns="0" tIns="0" rIns="0" bIns="0" rtlCol="0"/>
          <a:lstStyle/>
          <a:p>
            <a:endParaRP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図 2">
            <a:extLst>
              <a:ext uri="{FF2B5EF4-FFF2-40B4-BE49-F238E27FC236}">
                <a16:creationId xmlns:a16="http://schemas.microsoft.com/office/drawing/2014/main" id="{8E35865C-5813-5B2B-7000-8E428238F55B}"/>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47813" y="152400"/>
            <a:ext cx="6688137" cy="655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a:extLst>
              <a:ext uri="{FF2B5EF4-FFF2-40B4-BE49-F238E27FC236}">
                <a16:creationId xmlns:a16="http://schemas.microsoft.com/office/drawing/2014/main" id="{BE2A3515-FA55-A763-7549-6E7DCB2FEB05}"/>
              </a:ext>
            </a:extLst>
          </p:cNvPr>
          <p:cNvSpPr>
            <a:spLocks noGrp="1"/>
          </p:cNvSpPr>
          <p:nvPr>
            <p:ph type="sldNum" sz="quarter" idx="10"/>
          </p:nvPr>
        </p:nvSpPr>
        <p:spPr/>
        <p:txBody>
          <a:bodyPr/>
          <a:lstStyle/>
          <a:p>
            <a:pPr>
              <a:defRPr/>
            </a:pPr>
            <a:fld id="{364DA095-82CA-404A-A440-6DC748FA752C}" type="slidenum">
              <a:rPr lang="ja-JP" altLang="en-US" smtClean="0"/>
              <a:pPr>
                <a:defRPr/>
              </a:pPr>
              <a:t>31</a:t>
            </a:fld>
            <a:endParaRPr lang="ja-JP" altLang="en-US" dirty="0"/>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22" name="図 2">
            <a:extLst>
              <a:ext uri="{FF2B5EF4-FFF2-40B4-BE49-F238E27FC236}">
                <a16:creationId xmlns:a16="http://schemas.microsoft.com/office/drawing/2014/main" id="{21B8DDFE-0892-E45F-6E90-1986C20BFC6B}"/>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58888" y="158750"/>
            <a:ext cx="7058025" cy="655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a:extLst>
              <a:ext uri="{FF2B5EF4-FFF2-40B4-BE49-F238E27FC236}">
                <a16:creationId xmlns:a16="http://schemas.microsoft.com/office/drawing/2014/main" id="{EE94A90F-4C5B-E14D-1869-D4DE44082A4D}"/>
              </a:ext>
            </a:extLst>
          </p:cNvPr>
          <p:cNvSpPr>
            <a:spLocks noGrp="1"/>
          </p:cNvSpPr>
          <p:nvPr>
            <p:ph type="sldNum" sz="quarter" idx="10"/>
          </p:nvPr>
        </p:nvSpPr>
        <p:spPr/>
        <p:txBody>
          <a:bodyPr/>
          <a:lstStyle/>
          <a:p>
            <a:pPr>
              <a:defRPr/>
            </a:pPr>
            <a:fld id="{02121906-8939-40DB-BD5E-CC55B489716C}" type="slidenum">
              <a:rPr lang="ja-JP" altLang="en-US" smtClean="0"/>
              <a:pPr>
                <a:defRPr/>
              </a:pPr>
              <a:t>32</a:t>
            </a:fld>
            <a:endParaRPr lang="ja-JP" altLang="en-US" dirty="0"/>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5AD6D5F-3E79-A95A-511B-8404A17F8389}"/>
              </a:ext>
            </a:extLst>
          </p:cNvPr>
          <p:cNvSpPr txBox="1"/>
          <p:nvPr/>
        </p:nvSpPr>
        <p:spPr>
          <a:xfrm>
            <a:off x="395288" y="404813"/>
            <a:ext cx="8353425" cy="1628775"/>
          </a:xfrm>
          <a:prstGeom prst="rect">
            <a:avLst/>
          </a:prstGeom>
          <a:noFill/>
        </p:spPr>
        <p:txBody>
          <a:bodyPr>
            <a:spAutoFit/>
          </a:bodyPr>
          <a:lstStyle/>
          <a:p>
            <a:pPr algn="just" latinLnBrk="1">
              <a:lnSpc>
                <a:spcPts val="1850"/>
              </a:lnSpc>
              <a:defRPr/>
            </a:pPr>
            <a:endParaRPr lang="en-US" altLang="ja-JP" sz="2800" spc="-5" dirty="0">
              <a:latin typeface="Times New Roman" panose="02020603050405020304" pitchFamily="18" charset="0"/>
              <a:ea typeface="ＤＦ平成明朝体W7"/>
            </a:endParaRPr>
          </a:p>
          <a:p>
            <a:pPr algn="just" latinLnBrk="1">
              <a:lnSpc>
                <a:spcPts val="1850"/>
              </a:lnSpc>
              <a:defRPr/>
            </a:pPr>
            <a:r>
              <a:rPr lang="ja-JP" altLang="ja-JP" sz="2800" spc="-5" dirty="0">
                <a:latin typeface="Times New Roman" panose="02020603050405020304" pitchFamily="18" charset="0"/>
                <a:ea typeface="ＤＦ平成明朝体W7"/>
              </a:rPr>
              <a:t>新技術導入に関するハンズオン支援事業</a:t>
            </a:r>
            <a:r>
              <a:rPr lang="ja-JP" altLang="ja-JP" sz="2800" b="1" spc="-5" dirty="0">
                <a:latin typeface="+mn-ea"/>
                <a:ea typeface="+mn-ea"/>
              </a:rPr>
              <a:t>検</a:t>
            </a:r>
            <a:r>
              <a:rPr lang="ja-JP" altLang="ja-JP" sz="2800" b="1" kern="100" dirty="0">
                <a:latin typeface="+mn-ea"/>
                <a:ea typeface="+mn-ea"/>
                <a:cs typeface="Times New Roman" panose="02020603050405020304" pitchFamily="18" charset="0"/>
              </a:rPr>
              <a:t>討会</a:t>
            </a:r>
            <a:endParaRPr lang="en-US" altLang="ja-JP" sz="2800" b="1" kern="100" dirty="0">
              <a:latin typeface="+mn-ea"/>
              <a:ea typeface="+mn-ea"/>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p:txBody>
      </p:sp>
      <p:sp>
        <p:nvSpPr>
          <p:cNvPr id="31747" name="テキスト ボックス 1">
            <a:extLst>
              <a:ext uri="{FF2B5EF4-FFF2-40B4-BE49-F238E27FC236}">
                <a16:creationId xmlns:a16="http://schemas.microsoft.com/office/drawing/2014/main" id="{A0DFF650-99BF-4AD5-5B71-0C7A523B2E83}"/>
              </a:ext>
            </a:extLst>
          </p:cNvPr>
          <p:cNvSpPr txBox="1">
            <a:spLocks noChangeArrowheads="1"/>
          </p:cNvSpPr>
          <p:nvPr/>
        </p:nvSpPr>
        <p:spPr bwMode="auto">
          <a:xfrm>
            <a:off x="466725" y="1219200"/>
            <a:ext cx="8281988" cy="5262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sz="1400">
                <a:solidFill>
                  <a:schemeClr val="tx1"/>
                </a:solidFill>
                <a:latin typeface="Arial" panose="020B0604020202020204" pitchFamily="34" charset="0"/>
                <a:ea typeface="ＭＳ Ｐゴシック" panose="020B0600070205080204" pitchFamily="50" charset="-128"/>
              </a:defRPr>
            </a:lvl1pPr>
            <a:lvl2pPr marL="742950" indent="-285750">
              <a:defRPr kumimoji="1" sz="1400">
                <a:solidFill>
                  <a:schemeClr val="tx1"/>
                </a:solidFill>
                <a:latin typeface="Arial" panose="020B0604020202020204" pitchFamily="34" charset="0"/>
                <a:ea typeface="ＭＳ Ｐゴシック" panose="020B0600070205080204" pitchFamily="50" charset="-128"/>
              </a:defRPr>
            </a:lvl2pPr>
            <a:lvl3pPr marL="1143000" indent="-228600">
              <a:defRPr kumimoji="1" sz="1400">
                <a:solidFill>
                  <a:schemeClr val="tx1"/>
                </a:solidFill>
                <a:latin typeface="Arial" panose="020B0604020202020204" pitchFamily="34" charset="0"/>
                <a:ea typeface="ＭＳ Ｐゴシック" panose="020B0600070205080204" pitchFamily="50" charset="-128"/>
              </a:defRPr>
            </a:lvl3pPr>
            <a:lvl4pPr marL="1600200" indent="-228600">
              <a:defRPr kumimoji="1" sz="1400">
                <a:solidFill>
                  <a:schemeClr val="tx1"/>
                </a:solidFill>
                <a:latin typeface="Arial" panose="020B0604020202020204" pitchFamily="34" charset="0"/>
                <a:ea typeface="ＭＳ Ｐゴシック" panose="020B0600070205080204" pitchFamily="50" charset="-128"/>
              </a:defRPr>
            </a:lvl4pPr>
            <a:lvl5pPr marL="2057400" indent="-228600">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9pPr>
          </a:lstStyle>
          <a:p>
            <a:r>
              <a:rPr lang="ja-JP" altLang="en-US" sz="2800"/>
              <a:t>委 員 名 簿 </a:t>
            </a:r>
            <a:endParaRPr lang="en-US" altLang="ja-JP" sz="2800"/>
          </a:p>
          <a:p>
            <a:r>
              <a:rPr lang="ja-JP" altLang="en-US" sz="2800"/>
              <a:t>＜座長＞ 久田  真 </a:t>
            </a:r>
            <a:endParaRPr lang="en-US" altLang="ja-JP" sz="2800"/>
          </a:p>
          <a:p>
            <a:r>
              <a:rPr lang="ja-JP" altLang="en-US" sz="2800"/>
              <a:t>　　　　　　　東北大学大学院工学研究科インフラ・マネ　　</a:t>
            </a:r>
            <a:endParaRPr lang="en-US" altLang="ja-JP" sz="2800"/>
          </a:p>
          <a:p>
            <a:r>
              <a:rPr lang="ja-JP" altLang="en-US" sz="2800"/>
              <a:t>　　　　　　　ジメント研究センター センター長 </a:t>
            </a:r>
            <a:endParaRPr lang="en-US" altLang="ja-JP" sz="2800"/>
          </a:p>
          <a:p>
            <a:endParaRPr lang="en-US" altLang="ja-JP" sz="2800"/>
          </a:p>
          <a:p>
            <a:r>
              <a:rPr lang="ja-JP" altLang="en-US" sz="2800"/>
              <a:t>＜委員＞ </a:t>
            </a:r>
            <a:endParaRPr lang="en-US" altLang="ja-JP" sz="2800"/>
          </a:p>
          <a:p>
            <a:r>
              <a:rPr lang="ja-JP" altLang="en-US" sz="2800"/>
              <a:t>岩城  一郎  日本大学工学部 土木工学科 教授 </a:t>
            </a:r>
            <a:endParaRPr lang="en-US" altLang="ja-JP" sz="2800"/>
          </a:p>
          <a:p>
            <a:r>
              <a:rPr lang="ja-JP" altLang="en-US" sz="2800"/>
              <a:t>植野  芳彦  富山市 政策参与 </a:t>
            </a:r>
            <a:endParaRPr lang="en-US" altLang="ja-JP" sz="2800"/>
          </a:p>
          <a:p>
            <a:r>
              <a:rPr lang="ja-JP" altLang="en-US" sz="2800"/>
              <a:t>長井  宏平  北海道大学大学院 工学研究院 教授 </a:t>
            </a:r>
            <a:endParaRPr lang="en-US" altLang="ja-JP" sz="2800"/>
          </a:p>
          <a:p>
            <a:r>
              <a:rPr lang="ja-JP" altLang="en-US" sz="2800"/>
              <a:t>堀田  昌英  東京大学大学院 工学系研究科 教授</a:t>
            </a:r>
            <a:endParaRPr lang="en-US" altLang="ja-JP" sz="2800"/>
          </a:p>
          <a:p>
            <a:r>
              <a:rPr lang="ja-JP" altLang="en-US" sz="2800"/>
              <a:t> </a:t>
            </a:r>
            <a:endParaRPr lang="en-US" altLang="ja-JP" sz="2800"/>
          </a:p>
          <a:p>
            <a:r>
              <a:rPr lang="ja-JP" altLang="en-US" sz="2800"/>
              <a:t>　　　　　　　　　　　　　　　　（五十音順、敬称略）</a:t>
            </a:r>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A42AF0E-163D-29A4-4C85-4024605601B3}"/>
              </a:ext>
            </a:extLst>
          </p:cNvPr>
          <p:cNvSpPr>
            <a:spLocks noGrp="1"/>
          </p:cNvSpPr>
          <p:nvPr>
            <p:ph type="sldNum" sz="quarter" idx="12"/>
          </p:nvPr>
        </p:nvSpPr>
        <p:spPr/>
        <p:txBody>
          <a:bodyPr/>
          <a:lstStyle/>
          <a:p>
            <a:fld id="{66545E97-F017-4993-8E0F-1F0B98A93716}" type="slidenum">
              <a:rPr kumimoji="1" lang="ja-JP" altLang="en-US" smtClean="0"/>
              <a:t>34</a:t>
            </a:fld>
            <a:endParaRPr kumimoji="1" lang="ja-JP" altLang="en-US"/>
          </a:p>
        </p:txBody>
      </p:sp>
      <p:pic>
        <p:nvPicPr>
          <p:cNvPr id="4" name="図 3">
            <a:extLst>
              <a:ext uri="{FF2B5EF4-FFF2-40B4-BE49-F238E27FC236}">
                <a16:creationId xmlns:a16="http://schemas.microsoft.com/office/drawing/2014/main" id="{E98AB861-3538-12A9-47E2-153AB30457CB}"/>
              </a:ext>
            </a:extLst>
          </p:cNvPr>
          <p:cNvPicPr>
            <a:picLocks noChangeAspect="1"/>
          </p:cNvPicPr>
          <p:nvPr/>
        </p:nvPicPr>
        <p:blipFill>
          <a:blip r:embed="rId2"/>
          <a:stretch>
            <a:fillRect/>
          </a:stretch>
        </p:blipFill>
        <p:spPr>
          <a:xfrm>
            <a:off x="0" y="330480"/>
            <a:ext cx="9144000" cy="6197039"/>
          </a:xfrm>
          <a:prstGeom prst="rect">
            <a:avLst/>
          </a:prstGeom>
        </p:spPr>
      </p:pic>
    </p:spTree>
    <p:extLst>
      <p:ext uri="{BB962C8B-B14F-4D97-AF65-F5344CB8AC3E}">
        <p14:creationId xmlns:p14="http://schemas.microsoft.com/office/powerpoint/2010/main" val="21687205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8"/>
          <p:cNvSpPr>
            <a:spLocks noChangeArrowheads="1"/>
          </p:cNvSpPr>
          <p:nvPr/>
        </p:nvSpPr>
        <p:spPr bwMode="auto">
          <a:xfrm>
            <a:off x="91380" y="183141"/>
            <a:ext cx="8676456" cy="686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sz="3200" dirty="0">
                <a:solidFill>
                  <a:srgbClr val="000000"/>
                </a:solidFill>
                <a:ea typeface="HGPｺﾞｼｯｸE" pitchFamily="50" charset="-128"/>
              </a:rPr>
              <a:t>まだ、実証の時期⇒</a:t>
            </a:r>
            <a:r>
              <a:rPr lang="ja-JP" altLang="en-US" sz="3200" dirty="0">
                <a:solidFill>
                  <a:srgbClr val="000000"/>
                </a:solidFill>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総力戦へ</a:t>
            </a:r>
            <a:endParaRPr lang="en-US" altLang="ja-JP" sz="3200" dirty="0">
              <a:solidFill>
                <a:srgbClr val="000000"/>
              </a:solidFill>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endParaRPr>
          </a:p>
          <a:p>
            <a:pPr eaLnBrk="1" hangingPunct="1"/>
            <a:endParaRPr lang="ja-JP" altLang="en-US" sz="2800" dirty="0">
              <a:solidFill>
                <a:srgbClr val="000000"/>
              </a:solidFill>
              <a:ea typeface="HGPｺﾞｼｯｸE" pitchFamily="50" charset="-128"/>
            </a:endParaRPr>
          </a:p>
        </p:txBody>
      </p:sp>
      <p:sp>
        <p:nvSpPr>
          <p:cNvPr id="4" name="Rectangle 17"/>
          <p:cNvSpPr>
            <a:spLocks noChangeArrowheads="1"/>
          </p:cNvSpPr>
          <p:nvPr/>
        </p:nvSpPr>
        <p:spPr bwMode="auto">
          <a:xfrm>
            <a:off x="0" y="623649"/>
            <a:ext cx="5791840" cy="30382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0" indent="0" eaLnBrk="1" hangingPunct="1">
              <a:lnSpc>
                <a:spcPct val="80000"/>
              </a:lnSpc>
              <a:spcBef>
                <a:spcPct val="20000"/>
              </a:spcBef>
            </a:pPr>
            <a:endParaRPr lang="en-US" altLang="ja-JP" sz="2000"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インフラメンテナンス市場が確立されいない</a:t>
            </a:r>
            <a:endParaRPr lang="en-US" altLang="ja-JP"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点検、診断の確実性にも問題あり</a:t>
            </a:r>
            <a:endParaRPr lang="en-US" altLang="ja-JP"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補修材料、工法開発の遅れ</a:t>
            </a:r>
            <a:endParaRPr lang="en-US" altLang="ja-JP" b="1" dirty="0">
              <a:solidFill>
                <a:srgbClr val="000000"/>
              </a:solidFill>
              <a:latin typeface="HG丸ｺﾞｼｯｸM-PRO" pitchFamily="50" charset="-128"/>
              <a:ea typeface="HG丸ｺﾞｼｯｸM-PRO" pitchFamily="50" charset="-128"/>
            </a:endParaRPr>
          </a:p>
          <a:p>
            <a:pPr marL="0" indent="0" eaLnBrk="1" hangingPunct="1">
              <a:lnSpc>
                <a:spcPct val="80000"/>
              </a:lnSpc>
              <a:spcBef>
                <a:spcPct val="20000"/>
              </a:spcBef>
            </a:pPr>
            <a:r>
              <a:rPr lang="ja-JP" altLang="en-US" b="1" dirty="0">
                <a:solidFill>
                  <a:srgbClr val="000000"/>
                </a:solidFill>
                <a:latin typeface="HG丸ｺﾞｼｯｸM-PRO" pitchFamily="50" charset="-128"/>
                <a:ea typeface="HG丸ｺﾞｼｯｸM-PRO" pitchFamily="50" charset="-128"/>
              </a:rPr>
              <a:t>　　　　⇒実証フィールドの不足</a:t>
            </a:r>
            <a:endParaRPr lang="en-US" altLang="ja-JP"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今後、</a:t>
            </a:r>
            <a:r>
              <a:rPr lang="en-US" altLang="ja-JP" b="1" dirty="0">
                <a:solidFill>
                  <a:srgbClr val="000000"/>
                </a:solidFill>
                <a:latin typeface="HG丸ｺﾞｼｯｸM-PRO" pitchFamily="50" charset="-128"/>
                <a:ea typeface="HG丸ｺﾞｼｯｸM-PRO" pitchFamily="50" charset="-128"/>
              </a:rPr>
              <a:t>PPP/PFI</a:t>
            </a:r>
            <a:r>
              <a:rPr lang="ja-JP" altLang="en-US" b="1" dirty="0">
                <a:solidFill>
                  <a:srgbClr val="000000"/>
                </a:solidFill>
                <a:latin typeface="HG丸ｺﾞｼｯｸM-PRO" pitchFamily="50" charset="-128"/>
                <a:ea typeface="HG丸ｺﾞｼｯｸM-PRO" pitchFamily="50" charset="-128"/>
              </a:rPr>
              <a:t>、包括管理、等の「仕組み」の検討へ</a:t>
            </a:r>
            <a:endParaRPr lang="ja-JP" altLang="ja-JP" b="1" dirty="0">
              <a:solidFill>
                <a:srgbClr val="000000"/>
              </a:solidFill>
              <a:latin typeface="HG丸ｺﾞｼｯｸM-PRO" pitchFamily="50" charset="-128"/>
              <a:ea typeface="HG丸ｺﾞｼｯｸM-PRO" pitchFamily="50" charset="-128"/>
            </a:endParaRPr>
          </a:p>
        </p:txBody>
      </p:sp>
      <p:pic>
        <p:nvPicPr>
          <p:cNvPr id="11"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51475" y="3770259"/>
            <a:ext cx="2279382" cy="15094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タイトル 1"/>
          <p:cNvSpPr txBox="1">
            <a:spLocks/>
          </p:cNvSpPr>
          <p:nvPr/>
        </p:nvSpPr>
        <p:spPr>
          <a:xfrm>
            <a:off x="288103" y="5265216"/>
            <a:ext cx="1251172" cy="423320"/>
          </a:xfrm>
          <a:prstGeom prst="rect">
            <a:avLst/>
          </a:prstGeom>
        </p:spPr>
        <p:txBody>
          <a:bodyPr>
            <a:normAutofit/>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000" dirty="0">
                <a:latin typeface="HGP創英角ﾎﾟｯﾌﾟ体" panose="040B0A00000000000000" pitchFamily="50" charset="-128"/>
                <a:ea typeface="HGP創英角ﾎﾟｯﾌﾟ体" panose="040B0A00000000000000" pitchFamily="50" charset="-128"/>
              </a:rPr>
              <a:t>京都大学</a:t>
            </a:r>
          </a:p>
        </p:txBody>
      </p:sp>
      <p:sp>
        <p:nvSpPr>
          <p:cNvPr id="2" name="正方形/長方形 1"/>
          <p:cNvSpPr/>
          <p:nvPr/>
        </p:nvSpPr>
        <p:spPr>
          <a:xfrm>
            <a:off x="3316087" y="5303870"/>
            <a:ext cx="1241587" cy="707886"/>
          </a:xfrm>
          <a:prstGeom prst="rect">
            <a:avLst/>
          </a:prstGeom>
        </p:spPr>
        <p:txBody>
          <a:bodyPr wrap="square">
            <a:spAutoFit/>
          </a:bodyPr>
          <a:lstStyle/>
          <a:p>
            <a:r>
              <a:rPr lang="ja-JP" altLang="en-US" sz="2000" dirty="0">
                <a:latin typeface="HGP創英角ﾎﾟｯﾌﾟ体" panose="040B0A00000000000000" pitchFamily="50" charset="-128"/>
                <a:ea typeface="HGP創英角ﾎﾟｯﾌﾟ体" panose="040B0A00000000000000" pitchFamily="50" charset="-128"/>
              </a:rPr>
              <a:t>大阪大学</a:t>
            </a:r>
            <a:endParaRPr lang="en-US" altLang="ja-JP" sz="2000" dirty="0">
              <a:latin typeface="HGP創英角ﾎﾟｯﾌﾟ体" panose="040B0A00000000000000" pitchFamily="50" charset="-128"/>
              <a:ea typeface="HGP創英角ﾎﾟｯﾌﾟ体" panose="040B0A00000000000000" pitchFamily="50" charset="-128"/>
            </a:endParaRPr>
          </a:p>
          <a:p>
            <a:r>
              <a:rPr lang="ja-JP" altLang="en-US" sz="2000" dirty="0">
                <a:latin typeface="HGP創英角ﾎﾟｯﾌﾟ体" panose="040B0A00000000000000" pitchFamily="50" charset="-128"/>
                <a:ea typeface="HGP創英角ﾎﾟｯﾌﾟ体" panose="040B0A00000000000000" pitchFamily="50" charset="-128"/>
              </a:rPr>
              <a:t>　　　　　</a:t>
            </a:r>
          </a:p>
        </p:txBody>
      </p:sp>
      <p:sp>
        <p:nvSpPr>
          <p:cNvPr id="15" name="正方形/長方形 14"/>
          <p:cNvSpPr/>
          <p:nvPr/>
        </p:nvSpPr>
        <p:spPr>
          <a:xfrm>
            <a:off x="6499126" y="5265216"/>
            <a:ext cx="2016224" cy="400110"/>
          </a:xfrm>
          <a:prstGeom prst="rect">
            <a:avLst/>
          </a:prstGeom>
        </p:spPr>
        <p:txBody>
          <a:bodyPr wrap="square">
            <a:spAutoFit/>
          </a:bodyPr>
          <a:lstStyle/>
          <a:p>
            <a:r>
              <a:rPr lang="ja-JP" altLang="en-US" sz="2000" dirty="0">
                <a:latin typeface="HGP創英角ﾎﾟｯﾌﾟ体" panose="040B0A00000000000000" pitchFamily="50" charset="-128"/>
                <a:ea typeface="HGP創英角ﾎﾟｯﾌﾟ体" panose="040B0A00000000000000" pitchFamily="50" charset="-128"/>
              </a:rPr>
              <a:t>土木研究所</a:t>
            </a:r>
          </a:p>
        </p:txBody>
      </p:sp>
      <p:pic>
        <p:nvPicPr>
          <p:cNvPr id="14" name="図 13">
            <a:extLst>
              <a:ext uri="{FF2B5EF4-FFF2-40B4-BE49-F238E27FC236}">
                <a16:creationId xmlns:a16="http://schemas.microsoft.com/office/drawing/2014/main" id="{0AE8C773-8ABC-4425-BECC-9BA277CE7E66}"/>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38424" y="3564240"/>
            <a:ext cx="2115158" cy="1662202"/>
          </a:xfrm>
          <a:prstGeom prst="rect">
            <a:avLst/>
          </a:prstGeom>
        </p:spPr>
      </p:pic>
      <p:pic>
        <p:nvPicPr>
          <p:cNvPr id="12" name="Picture 2">
            <a:extLst>
              <a:ext uri="{FF2B5EF4-FFF2-40B4-BE49-F238E27FC236}">
                <a16:creationId xmlns:a16="http://schemas.microsoft.com/office/drawing/2014/main" id="{B49977D0-B533-4F96-B59F-423F4329D128}"/>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48983" y="734986"/>
            <a:ext cx="3129478" cy="20724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3" descr="D:\@@@@土研\業務フォルダ\RAIMS\04_WG2\@実験データ\写真\バックアップ\P5180120.JPG">
            <a:extLst>
              <a:ext uri="{FF2B5EF4-FFF2-40B4-BE49-F238E27FC236}">
                <a16:creationId xmlns:a16="http://schemas.microsoft.com/office/drawing/2014/main" id="{167E52E8-4FC7-4BDD-9CB8-218883A2A2BE}"/>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59252" y="2913999"/>
            <a:ext cx="3100056" cy="23247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27223282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p:cNvSpPr>
            <a:spLocks noChangeArrowheads="1"/>
          </p:cNvSpPr>
          <p:nvPr/>
        </p:nvSpPr>
        <p:spPr bwMode="auto">
          <a:xfrm>
            <a:off x="1740198" y="1849951"/>
            <a:ext cx="4940734" cy="2965112"/>
          </a:xfrm>
          <a:prstGeom prst="ellipse">
            <a:avLst/>
          </a:prstGeom>
          <a:solidFill>
            <a:schemeClr val="accent6">
              <a:lumMod val="40000"/>
              <a:lumOff val="60000"/>
            </a:schemeClr>
          </a:solidFill>
          <a:ln w="57150">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sz="1800" dirty="0">
              <a:latin typeface="Tahoma" pitchFamily="34" charset="0"/>
              <a:ea typeface="HGP創英角ﾎﾟｯﾌﾟ体" pitchFamily="50" charset="-128"/>
            </a:endParaRPr>
          </a:p>
        </p:txBody>
      </p:sp>
      <p:sp>
        <p:nvSpPr>
          <p:cNvPr id="16" name="円/楕円 15"/>
          <p:cNvSpPr/>
          <p:nvPr/>
        </p:nvSpPr>
        <p:spPr>
          <a:xfrm>
            <a:off x="6324556" y="1661142"/>
            <a:ext cx="1724045" cy="547609"/>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25" name="Text Box 1031"/>
          <p:cNvSpPr txBox="1">
            <a:spLocks noChangeArrowheads="1"/>
          </p:cNvSpPr>
          <p:nvPr/>
        </p:nvSpPr>
        <p:spPr bwMode="auto">
          <a:xfrm>
            <a:off x="3417006" y="2357437"/>
            <a:ext cx="184731" cy="300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endParaRPr lang="ja-JP" altLang="en-US" sz="1350"/>
          </a:p>
        </p:txBody>
      </p:sp>
      <p:sp>
        <p:nvSpPr>
          <p:cNvPr id="19" name="円/楕円 18"/>
          <p:cNvSpPr/>
          <p:nvPr/>
        </p:nvSpPr>
        <p:spPr>
          <a:xfrm>
            <a:off x="1159931" y="4815063"/>
            <a:ext cx="2148378" cy="882607"/>
          </a:xfrm>
          <a:prstGeom prst="ellipse">
            <a:avLst/>
          </a:prstGeom>
          <a:solidFill>
            <a:schemeClr val="accent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28" name="テキスト ボックス 19"/>
          <p:cNvSpPr txBox="1">
            <a:spLocks noChangeArrowheads="1"/>
          </p:cNvSpPr>
          <p:nvPr/>
        </p:nvSpPr>
        <p:spPr bwMode="auto">
          <a:xfrm>
            <a:off x="1239164" y="4892755"/>
            <a:ext cx="2044005" cy="11310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575" dirty="0">
                <a:latin typeface="Arial" pitchFamily="34" charset="0"/>
              </a:rPr>
              <a:t>近隣大学：</a:t>
            </a:r>
            <a:endParaRPr lang="en-US" altLang="ja-JP" sz="1575" dirty="0">
              <a:latin typeface="Arial" pitchFamily="34" charset="0"/>
            </a:endParaRPr>
          </a:p>
          <a:p>
            <a:pPr marL="0" lvl="1" algn="ctr" eaLnBrk="1" hangingPunct="1">
              <a:spcBef>
                <a:spcPct val="0"/>
              </a:spcBef>
              <a:buClrTx/>
              <a:buSzTx/>
              <a:buNone/>
            </a:pPr>
            <a:r>
              <a:rPr lang="ja-JP" altLang="en-US" sz="1575" dirty="0">
                <a:latin typeface="Arial" pitchFamily="34" charset="0"/>
              </a:rPr>
              <a:t>委員会</a:t>
            </a:r>
            <a:endParaRPr lang="en-US" altLang="ja-JP" sz="1575" dirty="0">
              <a:latin typeface="Arial" pitchFamily="34" charset="0"/>
            </a:endParaRPr>
          </a:p>
          <a:p>
            <a:pPr marL="0" lvl="1" algn="ctr" eaLnBrk="1" hangingPunct="1">
              <a:spcBef>
                <a:spcPct val="0"/>
              </a:spcBef>
              <a:buClrTx/>
              <a:buSzTx/>
              <a:buNone/>
            </a:pPr>
            <a:r>
              <a:rPr lang="ja-JP" altLang="en-US" sz="1350" dirty="0">
                <a:latin typeface="Arial" pitchFamily="34" charset="0"/>
              </a:rPr>
              <a:t>相談</a:t>
            </a:r>
            <a:endParaRPr lang="en-US" altLang="ja-JP" sz="1350"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20" name="円/楕円 19"/>
          <p:cNvSpPr/>
          <p:nvPr/>
        </p:nvSpPr>
        <p:spPr>
          <a:xfrm>
            <a:off x="6206934" y="4454306"/>
            <a:ext cx="1594754" cy="1107060"/>
          </a:xfrm>
          <a:prstGeom prst="ellipse">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30" name="テキスト ボックス 19"/>
          <p:cNvSpPr txBox="1">
            <a:spLocks noChangeArrowheads="1"/>
          </p:cNvSpPr>
          <p:nvPr/>
        </p:nvSpPr>
        <p:spPr bwMode="auto">
          <a:xfrm>
            <a:off x="4432700" y="3545979"/>
            <a:ext cx="2077046" cy="611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endParaRPr lang="en-US" altLang="ja-JP" sz="1125">
              <a:latin typeface="Arial" pitchFamily="34" charset="0"/>
            </a:endParaRPr>
          </a:p>
          <a:p>
            <a:pPr marL="0" lvl="1" algn="ctr" eaLnBrk="1" hangingPunct="1">
              <a:spcBef>
                <a:spcPct val="0"/>
              </a:spcBef>
              <a:buClrTx/>
              <a:buSzTx/>
              <a:buNone/>
            </a:pPr>
            <a:endParaRPr lang="en-US" altLang="ja-JP" sz="2250">
              <a:latin typeface="Arial" pitchFamily="34" charset="0"/>
            </a:endParaRPr>
          </a:p>
        </p:txBody>
      </p:sp>
      <p:sp>
        <p:nvSpPr>
          <p:cNvPr id="30731" name="テキスト ボックス 19"/>
          <p:cNvSpPr txBox="1">
            <a:spLocks noChangeArrowheads="1"/>
          </p:cNvSpPr>
          <p:nvPr/>
        </p:nvSpPr>
        <p:spPr bwMode="auto">
          <a:xfrm>
            <a:off x="6555700" y="4673009"/>
            <a:ext cx="950901" cy="992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350" b="1" dirty="0">
                <a:latin typeface="Arial" pitchFamily="34" charset="0"/>
              </a:rPr>
              <a:t>民間企業</a:t>
            </a:r>
            <a:endParaRPr lang="en-US" altLang="ja-JP" sz="1350" b="1" dirty="0">
              <a:latin typeface="Arial" pitchFamily="34" charset="0"/>
            </a:endParaRPr>
          </a:p>
          <a:p>
            <a:pPr marL="0" lvl="1" algn="ctr" eaLnBrk="1" hangingPunct="1">
              <a:spcBef>
                <a:spcPct val="0"/>
              </a:spcBef>
              <a:buClrTx/>
              <a:buSzTx/>
              <a:buNone/>
            </a:pPr>
            <a:r>
              <a:rPr lang="ja-JP" altLang="en-US" sz="1125" b="1" dirty="0">
                <a:latin typeface="Arial" pitchFamily="34" charset="0"/>
              </a:rPr>
              <a:t>業務・</a:t>
            </a:r>
            <a:endParaRPr lang="en-US" altLang="ja-JP" sz="1125" b="1" dirty="0">
              <a:latin typeface="Arial" pitchFamily="34" charset="0"/>
            </a:endParaRPr>
          </a:p>
          <a:p>
            <a:pPr marL="0" lvl="1" algn="ctr" eaLnBrk="1" hangingPunct="1">
              <a:spcBef>
                <a:spcPct val="0"/>
              </a:spcBef>
              <a:buClrTx/>
              <a:buSzTx/>
              <a:buNone/>
            </a:pPr>
            <a:r>
              <a:rPr lang="ja-JP" altLang="en-US" sz="1125" b="1" dirty="0">
                <a:latin typeface="Arial" pitchFamily="34" charset="0"/>
              </a:rPr>
              <a:t>協力・連携も</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30732" name="テキスト ボックス 3"/>
          <p:cNvSpPr txBox="1">
            <a:spLocks noChangeArrowheads="1"/>
          </p:cNvSpPr>
          <p:nvPr/>
        </p:nvSpPr>
        <p:spPr bwMode="auto">
          <a:xfrm>
            <a:off x="6510678" y="1725706"/>
            <a:ext cx="1309975" cy="9927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350" b="1" dirty="0">
                <a:latin typeface="Arial" pitchFamily="34" charset="0"/>
              </a:rPr>
              <a:t>国土交通省・県</a:t>
            </a:r>
            <a:endParaRPr lang="en-US" altLang="ja-JP" sz="1350" b="1" dirty="0">
              <a:latin typeface="Arial" pitchFamily="34" charset="0"/>
            </a:endParaRPr>
          </a:p>
          <a:p>
            <a:pPr marL="0" lvl="1" algn="ctr" eaLnBrk="1" hangingPunct="1">
              <a:spcBef>
                <a:spcPct val="0"/>
              </a:spcBef>
              <a:buClrTx/>
              <a:buSzTx/>
              <a:buNone/>
            </a:pPr>
            <a:r>
              <a:rPr lang="ja-JP" altLang="en-US" sz="1350" dirty="0">
                <a:latin typeface="Arial" pitchFamily="34" charset="0"/>
              </a:rPr>
              <a:t>指導</a:t>
            </a:r>
            <a:endParaRPr lang="en-US" altLang="ja-JP" sz="1350" dirty="0">
              <a:latin typeface="Arial" pitchFamily="34" charset="0"/>
            </a:endParaRPr>
          </a:p>
          <a:p>
            <a:pPr marL="0" lvl="1" algn="ctr" eaLnBrk="1" hangingPunct="1">
              <a:spcBef>
                <a:spcPct val="0"/>
              </a:spcBef>
              <a:buClrTx/>
              <a:buSzTx/>
              <a:buNone/>
            </a:pPr>
            <a:endParaRPr lang="en-US" altLang="ja-JP" sz="1125" dirty="0">
              <a:latin typeface="Arial" pitchFamily="34" charset="0"/>
            </a:endParaRPr>
          </a:p>
          <a:p>
            <a:pPr marL="0" lvl="1" algn="ctr" eaLnBrk="1" hangingPunct="1">
              <a:spcBef>
                <a:spcPct val="0"/>
              </a:spcBef>
              <a:buClrTx/>
              <a:buSzTx/>
              <a:buNone/>
            </a:pPr>
            <a:endParaRPr lang="ja-JP" altLang="en-US" sz="1013" dirty="0">
              <a:latin typeface="Arial" pitchFamily="34" charset="0"/>
            </a:endParaRPr>
          </a:p>
          <a:p>
            <a:pPr algn="ctr" eaLnBrk="1" hangingPunct="1">
              <a:spcBef>
                <a:spcPct val="0"/>
              </a:spcBef>
              <a:buClrTx/>
              <a:buSzTx/>
              <a:buFontTx/>
              <a:buNone/>
            </a:pPr>
            <a:endParaRPr lang="ja-JP" altLang="en-US" sz="1013" dirty="0">
              <a:latin typeface="Arial" pitchFamily="34" charset="0"/>
            </a:endParaRPr>
          </a:p>
        </p:txBody>
      </p:sp>
      <p:sp>
        <p:nvSpPr>
          <p:cNvPr id="21" name="円/楕円 20"/>
          <p:cNvSpPr/>
          <p:nvPr/>
        </p:nvSpPr>
        <p:spPr>
          <a:xfrm>
            <a:off x="4244658" y="2652308"/>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34" name="テキスト ボックス 19"/>
          <p:cNvSpPr txBox="1">
            <a:spLocks noChangeArrowheads="1"/>
          </p:cNvSpPr>
          <p:nvPr/>
        </p:nvSpPr>
        <p:spPr bwMode="auto">
          <a:xfrm>
            <a:off x="4176845" y="2750883"/>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A</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2" name="左右矢印 1"/>
          <p:cNvSpPr/>
          <p:nvPr/>
        </p:nvSpPr>
        <p:spPr>
          <a:xfrm rot="21147284">
            <a:off x="3774769" y="2163822"/>
            <a:ext cx="2964890" cy="353507"/>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2" name="左右矢印 21"/>
          <p:cNvSpPr/>
          <p:nvPr/>
        </p:nvSpPr>
        <p:spPr>
          <a:xfrm rot="12318753">
            <a:off x="3255214" y="4032804"/>
            <a:ext cx="3345161" cy="273248"/>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4" name="左右矢印 23"/>
          <p:cNvSpPr/>
          <p:nvPr/>
        </p:nvSpPr>
        <p:spPr>
          <a:xfrm rot="16399472">
            <a:off x="1127323" y="4003084"/>
            <a:ext cx="1472601" cy="328259"/>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6" name="左右矢印 25"/>
          <p:cNvSpPr/>
          <p:nvPr/>
        </p:nvSpPr>
        <p:spPr>
          <a:xfrm rot="585819">
            <a:off x="3789928" y="2741934"/>
            <a:ext cx="574436"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27" name="円/楕円 26"/>
          <p:cNvSpPr/>
          <p:nvPr/>
        </p:nvSpPr>
        <p:spPr>
          <a:xfrm>
            <a:off x="3325932" y="5243297"/>
            <a:ext cx="2727764" cy="524166"/>
          </a:xfrm>
          <a:prstGeom prst="ellipse">
            <a:avLst/>
          </a:prstGeom>
          <a:solidFill>
            <a:schemeClr val="bg1">
              <a:lumMod val="85000"/>
            </a:schemeClr>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40" name="テキスト ボックス 3"/>
          <p:cNvSpPr txBox="1">
            <a:spLocks noChangeArrowheads="1"/>
          </p:cNvSpPr>
          <p:nvPr/>
        </p:nvSpPr>
        <p:spPr bwMode="auto">
          <a:xfrm>
            <a:off x="3555562" y="5311480"/>
            <a:ext cx="2271776"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1350" dirty="0">
                <a:latin typeface="Arial" pitchFamily="34" charset="0"/>
              </a:rPr>
              <a:t>市民・市民団体・ボランティア</a:t>
            </a:r>
            <a:endParaRPr lang="en-US" altLang="ja-JP" sz="1350" dirty="0">
              <a:latin typeface="Arial" pitchFamily="34" charset="0"/>
            </a:endParaRPr>
          </a:p>
          <a:p>
            <a:pPr algn="ctr" eaLnBrk="1" hangingPunct="1">
              <a:spcBef>
                <a:spcPct val="0"/>
              </a:spcBef>
              <a:buClrTx/>
              <a:buSzTx/>
              <a:buFontTx/>
              <a:buNone/>
            </a:pPr>
            <a:r>
              <a:rPr lang="ja-JP" altLang="en-US" sz="1350" dirty="0">
                <a:latin typeface="Arial" pitchFamily="34" charset="0"/>
              </a:rPr>
              <a:t>活動支援</a:t>
            </a:r>
          </a:p>
        </p:txBody>
      </p:sp>
      <p:sp>
        <p:nvSpPr>
          <p:cNvPr id="28" name="左右矢印 27"/>
          <p:cNvSpPr/>
          <p:nvPr/>
        </p:nvSpPr>
        <p:spPr>
          <a:xfrm rot="14588349">
            <a:off x="2266234" y="4290456"/>
            <a:ext cx="2035523" cy="32770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4" name="円/楕円 20">
            <a:extLst>
              <a:ext uri="{FF2B5EF4-FFF2-40B4-BE49-F238E27FC236}">
                <a16:creationId xmlns:a16="http://schemas.microsoft.com/office/drawing/2014/main" id="{0B7F9216-0CAC-B8FB-B42B-67A5A8B1DDE8}"/>
              </a:ext>
            </a:extLst>
          </p:cNvPr>
          <p:cNvSpPr/>
          <p:nvPr/>
        </p:nvSpPr>
        <p:spPr>
          <a:xfrm>
            <a:off x="5907349" y="2469849"/>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5" name="円/楕円 20">
            <a:extLst>
              <a:ext uri="{FF2B5EF4-FFF2-40B4-BE49-F238E27FC236}">
                <a16:creationId xmlns:a16="http://schemas.microsoft.com/office/drawing/2014/main" id="{118D255F-CFC1-7205-E1C1-757570A2E87E}"/>
              </a:ext>
            </a:extLst>
          </p:cNvPr>
          <p:cNvSpPr/>
          <p:nvPr/>
        </p:nvSpPr>
        <p:spPr>
          <a:xfrm>
            <a:off x="5497827" y="3620268"/>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6" name="テキスト ボックス 19">
            <a:extLst>
              <a:ext uri="{FF2B5EF4-FFF2-40B4-BE49-F238E27FC236}">
                <a16:creationId xmlns:a16="http://schemas.microsoft.com/office/drawing/2014/main" id="{E53C304E-AB13-D79F-656C-325C0FB2A92C}"/>
              </a:ext>
            </a:extLst>
          </p:cNvPr>
          <p:cNvSpPr txBox="1">
            <a:spLocks noChangeArrowheads="1"/>
          </p:cNvSpPr>
          <p:nvPr/>
        </p:nvSpPr>
        <p:spPr bwMode="auto">
          <a:xfrm>
            <a:off x="5961729" y="2616996"/>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B</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7" name="テキスト ボックス 19">
            <a:extLst>
              <a:ext uri="{FF2B5EF4-FFF2-40B4-BE49-F238E27FC236}">
                <a16:creationId xmlns:a16="http://schemas.microsoft.com/office/drawing/2014/main" id="{4F4A3A44-F049-FBDD-EC03-3B69F16738BB}"/>
              </a:ext>
            </a:extLst>
          </p:cNvPr>
          <p:cNvSpPr txBox="1">
            <a:spLocks noChangeArrowheads="1"/>
          </p:cNvSpPr>
          <p:nvPr/>
        </p:nvSpPr>
        <p:spPr bwMode="auto">
          <a:xfrm>
            <a:off x="5495618" y="3788046"/>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C</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8" name="左右矢印 25">
            <a:extLst>
              <a:ext uri="{FF2B5EF4-FFF2-40B4-BE49-F238E27FC236}">
                <a16:creationId xmlns:a16="http://schemas.microsoft.com/office/drawing/2014/main" id="{A647F7CE-1228-3354-DDDA-C543BDA09EE6}"/>
              </a:ext>
            </a:extLst>
          </p:cNvPr>
          <p:cNvSpPr/>
          <p:nvPr/>
        </p:nvSpPr>
        <p:spPr>
          <a:xfrm rot="879372">
            <a:off x="5272417" y="3225032"/>
            <a:ext cx="818549"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9" name="左右矢印 25">
            <a:extLst>
              <a:ext uri="{FF2B5EF4-FFF2-40B4-BE49-F238E27FC236}">
                <a16:creationId xmlns:a16="http://schemas.microsoft.com/office/drawing/2014/main" id="{3C9D2D79-D158-CCF9-FD7B-7032F4BBF39C}"/>
              </a:ext>
            </a:extLst>
          </p:cNvPr>
          <p:cNvSpPr/>
          <p:nvPr/>
        </p:nvSpPr>
        <p:spPr>
          <a:xfrm rot="21307902">
            <a:off x="5265723" y="2732352"/>
            <a:ext cx="708535"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10" name="左右矢印 25">
            <a:extLst>
              <a:ext uri="{FF2B5EF4-FFF2-40B4-BE49-F238E27FC236}">
                <a16:creationId xmlns:a16="http://schemas.microsoft.com/office/drawing/2014/main" id="{7DF6BDAE-BEA9-2180-0684-EA97801F8EA1}"/>
              </a:ext>
            </a:extLst>
          </p:cNvPr>
          <p:cNvSpPr/>
          <p:nvPr/>
        </p:nvSpPr>
        <p:spPr>
          <a:xfrm rot="919180">
            <a:off x="3793988" y="3346896"/>
            <a:ext cx="2099854"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11" name="左右矢印 25">
            <a:extLst>
              <a:ext uri="{FF2B5EF4-FFF2-40B4-BE49-F238E27FC236}">
                <a16:creationId xmlns:a16="http://schemas.microsoft.com/office/drawing/2014/main" id="{D8FAF77C-9DE4-1E5A-9ADA-37CB2F3AD0A3}"/>
              </a:ext>
            </a:extLst>
          </p:cNvPr>
          <p:cNvSpPr/>
          <p:nvPr/>
        </p:nvSpPr>
        <p:spPr>
          <a:xfrm rot="257332">
            <a:off x="3910049" y="2432601"/>
            <a:ext cx="2197611"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12" name="左右矢印 25">
            <a:extLst>
              <a:ext uri="{FF2B5EF4-FFF2-40B4-BE49-F238E27FC236}">
                <a16:creationId xmlns:a16="http://schemas.microsoft.com/office/drawing/2014/main" id="{4B754F01-E414-81DE-CE71-BBF1666B7A11}"/>
              </a:ext>
            </a:extLst>
          </p:cNvPr>
          <p:cNvSpPr/>
          <p:nvPr/>
        </p:nvSpPr>
        <p:spPr>
          <a:xfrm rot="16379918">
            <a:off x="6122232" y="3314465"/>
            <a:ext cx="673724"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3" name="円/楕円 2"/>
          <p:cNvSpPr/>
          <p:nvPr/>
        </p:nvSpPr>
        <p:spPr>
          <a:xfrm>
            <a:off x="921193" y="1923365"/>
            <a:ext cx="2941721" cy="171071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r>
              <a:rPr lang="ja-JP" altLang="en-US" sz="2250" b="1" dirty="0">
                <a:solidFill>
                  <a:schemeClr val="tx1"/>
                </a:solidFill>
              </a:rPr>
              <a:t>〇〇市</a:t>
            </a:r>
            <a:endParaRPr lang="en-US" altLang="ja-JP" sz="1125" b="1" dirty="0">
              <a:solidFill>
                <a:schemeClr val="tx1"/>
              </a:solidFill>
            </a:endParaRPr>
          </a:p>
          <a:p>
            <a:pPr>
              <a:defRPr/>
            </a:pPr>
            <a:r>
              <a:rPr lang="ja-JP" altLang="en-US" sz="1125" b="1" dirty="0">
                <a:solidFill>
                  <a:schemeClr val="tx1"/>
                </a:solidFill>
              </a:rPr>
              <a:t>インフラ・マネジメントの地域のリーダー的</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3" name="テキスト ボックス 12">
            <a:extLst>
              <a:ext uri="{FF2B5EF4-FFF2-40B4-BE49-F238E27FC236}">
                <a16:creationId xmlns:a16="http://schemas.microsoft.com/office/drawing/2014/main" id="{05DD360F-2CFF-9900-E39A-3E1F81EBD501}"/>
              </a:ext>
            </a:extLst>
          </p:cNvPr>
          <p:cNvSpPr txBox="1"/>
          <p:nvPr/>
        </p:nvSpPr>
        <p:spPr>
          <a:xfrm>
            <a:off x="3367734" y="4228568"/>
            <a:ext cx="2031325" cy="369332"/>
          </a:xfrm>
          <a:prstGeom prst="rect">
            <a:avLst/>
          </a:prstGeom>
          <a:noFill/>
        </p:spPr>
        <p:txBody>
          <a:bodyPr wrap="none" rtlCol="0">
            <a:spAutoFit/>
          </a:bodyPr>
          <a:lstStyle/>
          <a:p>
            <a:r>
              <a:rPr lang="ja-JP" altLang="en-US" b="1" dirty="0"/>
              <a:t>近隣地域連携組織</a:t>
            </a:r>
          </a:p>
        </p:txBody>
      </p:sp>
      <p:sp>
        <p:nvSpPr>
          <p:cNvPr id="14" name="Rectangle 1026">
            <a:extLst>
              <a:ext uri="{FF2B5EF4-FFF2-40B4-BE49-F238E27FC236}">
                <a16:creationId xmlns:a16="http://schemas.microsoft.com/office/drawing/2014/main" id="{F2B6CD98-8A4A-9CD9-C272-C0947652B363}"/>
              </a:ext>
            </a:extLst>
          </p:cNvPr>
          <p:cNvSpPr>
            <a:spLocks noChangeArrowheads="1"/>
          </p:cNvSpPr>
          <p:nvPr/>
        </p:nvSpPr>
        <p:spPr bwMode="auto">
          <a:xfrm>
            <a:off x="258097" y="282977"/>
            <a:ext cx="8627806" cy="367904"/>
          </a:xfrm>
          <a:prstGeom prst="rect">
            <a:avLst/>
          </a:prstGeom>
          <a:solidFill>
            <a:srgbClr val="FFCC99"/>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100" dirty="0">
                <a:latin typeface="HG丸ｺﾞｼｯｸM-PRO" pitchFamily="50" charset="-128"/>
                <a:ea typeface="HG丸ｺﾞｼｯｸM-PRO" pitchFamily="50" charset="-128"/>
              </a:rPr>
              <a:t>インフラ</a:t>
            </a:r>
            <a:r>
              <a:rPr lang="ja-JP" altLang="en-US" sz="2100" b="1" dirty="0">
                <a:latin typeface="HG丸ｺﾞｼｯｸM-PRO" pitchFamily="50" charset="-128"/>
                <a:ea typeface="HG丸ｺﾞｼｯｸM-PRO" pitchFamily="50" charset="-128"/>
              </a:rPr>
              <a:t>“群”管理</a:t>
            </a:r>
            <a:r>
              <a:rPr lang="ja-JP" altLang="en-US" sz="2100" dirty="0">
                <a:latin typeface="HG丸ｺﾞｼｯｸM-PRO" pitchFamily="50" charset="-128"/>
                <a:ea typeface="HG丸ｺﾞｼｯｸM-PRO" pitchFamily="50" charset="-128"/>
              </a:rPr>
              <a:t>で効率化</a:t>
            </a:r>
          </a:p>
        </p:txBody>
      </p:sp>
      <p:sp>
        <p:nvSpPr>
          <p:cNvPr id="15" name="スライド番号プレースホルダー 14">
            <a:extLst>
              <a:ext uri="{FF2B5EF4-FFF2-40B4-BE49-F238E27FC236}">
                <a16:creationId xmlns:a16="http://schemas.microsoft.com/office/drawing/2014/main" id="{F37F030A-7566-C53D-80E2-2237580C7BC1}"/>
              </a:ext>
            </a:extLst>
          </p:cNvPr>
          <p:cNvSpPr>
            <a:spLocks noGrp="1"/>
          </p:cNvSpPr>
          <p:nvPr>
            <p:ph type="sldNum" sz="quarter" idx="12"/>
          </p:nvPr>
        </p:nvSpPr>
        <p:spPr/>
        <p:txBody>
          <a:bodyPr/>
          <a:lstStyle/>
          <a:p>
            <a:fld id="{66545E97-F017-4993-8E0F-1F0B98A93716}" type="slidenum">
              <a:rPr kumimoji="1" lang="ja-JP" altLang="en-US" smtClean="0"/>
              <a:t>36</a:t>
            </a:fld>
            <a:endParaRPr kumimoji="1" lang="ja-JP" altLang="en-US"/>
          </a:p>
        </p:txBody>
      </p:sp>
      <p:sp>
        <p:nvSpPr>
          <p:cNvPr id="17" name="テキスト ボックス 16">
            <a:extLst>
              <a:ext uri="{FF2B5EF4-FFF2-40B4-BE49-F238E27FC236}">
                <a16:creationId xmlns:a16="http://schemas.microsoft.com/office/drawing/2014/main" id="{484C9523-3CC0-D21A-F8D9-D9D11193ABEC}"/>
              </a:ext>
            </a:extLst>
          </p:cNvPr>
          <p:cNvSpPr txBox="1"/>
          <p:nvPr/>
        </p:nvSpPr>
        <p:spPr>
          <a:xfrm>
            <a:off x="1355271" y="1126671"/>
            <a:ext cx="2031325" cy="369332"/>
          </a:xfrm>
          <a:prstGeom prst="rect">
            <a:avLst/>
          </a:prstGeom>
          <a:noFill/>
        </p:spPr>
        <p:txBody>
          <a:bodyPr wrap="none" rtlCol="0">
            <a:spAutoFit/>
          </a:bodyPr>
          <a:lstStyle/>
          <a:p>
            <a:r>
              <a:rPr kumimoji="1" lang="ja-JP" altLang="en-US" dirty="0"/>
              <a:t>自治体群での管理</a:t>
            </a:r>
          </a:p>
        </p:txBody>
      </p:sp>
    </p:spTree>
    <p:extLst>
      <p:ext uri="{BB962C8B-B14F-4D97-AF65-F5344CB8AC3E}">
        <p14:creationId xmlns:p14="http://schemas.microsoft.com/office/powerpoint/2010/main" val="362043523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a:extLst>
              <a:ext uri="{FF2B5EF4-FFF2-40B4-BE49-F238E27FC236}">
                <a16:creationId xmlns:a16="http://schemas.microsoft.com/office/drawing/2014/main" id="{2A445A57-216D-C419-B8A2-79B82FA1B9BE}"/>
              </a:ext>
            </a:extLst>
          </p:cNvPr>
          <p:cNvSpPr>
            <a:spLocks noChangeArrowheads="1"/>
          </p:cNvSpPr>
          <p:nvPr/>
        </p:nvSpPr>
        <p:spPr bwMode="auto">
          <a:xfrm>
            <a:off x="954088" y="1147763"/>
            <a:ext cx="5707062" cy="4657725"/>
          </a:xfrm>
          <a:prstGeom prst="ellipse">
            <a:avLst/>
          </a:prstGeom>
          <a:solidFill>
            <a:schemeClr val="accent6">
              <a:lumMod val="40000"/>
              <a:lumOff val="60000"/>
            </a:schemeClr>
          </a:solidFill>
          <a:ln w="57150">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sz="1800" dirty="0">
              <a:latin typeface="Tahoma" pitchFamily="34" charset="0"/>
              <a:ea typeface="HGP創英角ﾎﾟｯﾌﾟ体" pitchFamily="50" charset="-128"/>
            </a:endParaRPr>
          </a:p>
        </p:txBody>
      </p:sp>
      <p:sp>
        <p:nvSpPr>
          <p:cNvPr id="30725" name="Text Box 1031">
            <a:extLst>
              <a:ext uri="{FF2B5EF4-FFF2-40B4-BE49-F238E27FC236}">
                <a16:creationId xmlns:a16="http://schemas.microsoft.com/office/drawing/2014/main" id="{DEED119D-68A9-F6EA-B659-D8130E315DBA}"/>
              </a:ext>
            </a:extLst>
          </p:cNvPr>
          <p:cNvSpPr txBox="1">
            <a:spLocks noChangeArrowheads="1"/>
          </p:cNvSpPr>
          <p:nvPr/>
        </p:nvSpPr>
        <p:spPr bwMode="auto">
          <a:xfrm>
            <a:off x="3416300" y="2357438"/>
            <a:ext cx="185738" cy="300037"/>
          </a:xfrm>
          <a:prstGeom prst="rect">
            <a:avLst/>
          </a:prstGeom>
          <a:noFill/>
          <a:ln>
            <a:noFill/>
          </a:ln>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defRPr/>
            </a:pPr>
            <a:endParaRPr lang="ja-JP" altLang="en-US" sz="1350"/>
          </a:p>
        </p:txBody>
      </p:sp>
      <p:sp>
        <p:nvSpPr>
          <p:cNvPr id="30730" name="テキスト ボックス 19">
            <a:extLst>
              <a:ext uri="{FF2B5EF4-FFF2-40B4-BE49-F238E27FC236}">
                <a16:creationId xmlns:a16="http://schemas.microsoft.com/office/drawing/2014/main" id="{40C15423-C55D-D8E3-F97B-D9A873FECB4C}"/>
              </a:ext>
            </a:extLst>
          </p:cNvPr>
          <p:cNvSpPr txBox="1">
            <a:spLocks noChangeArrowheads="1"/>
          </p:cNvSpPr>
          <p:nvPr/>
        </p:nvSpPr>
        <p:spPr bwMode="auto">
          <a:xfrm>
            <a:off x="4525963" y="2871788"/>
            <a:ext cx="2076450" cy="612775"/>
          </a:xfrm>
          <a:prstGeom prst="rect">
            <a:avLst/>
          </a:prstGeom>
          <a:noFill/>
          <a:ln>
            <a:noFill/>
          </a:ln>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 typeface="Wingdings" pitchFamily="2" charset="2"/>
              <a:buNone/>
              <a:defRPr/>
            </a:pPr>
            <a:endParaRPr lang="en-US" altLang="ja-JP" sz="1125">
              <a:latin typeface="Arial" pitchFamily="34" charset="0"/>
            </a:endParaRPr>
          </a:p>
          <a:p>
            <a:pPr marL="0" lvl="1" algn="ctr" eaLnBrk="1" hangingPunct="1">
              <a:spcBef>
                <a:spcPct val="0"/>
              </a:spcBef>
              <a:buClrTx/>
              <a:buSzTx/>
              <a:buFont typeface="Wingdings" pitchFamily="2" charset="2"/>
              <a:buNone/>
              <a:defRPr/>
            </a:pPr>
            <a:endParaRPr lang="en-US" altLang="ja-JP" sz="2250">
              <a:latin typeface="Arial" pitchFamily="34" charset="0"/>
            </a:endParaRPr>
          </a:p>
        </p:txBody>
      </p:sp>
      <p:sp>
        <p:nvSpPr>
          <p:cNvPr id="21" name="円/楕円 20">
            <a:extLst>
              <a:ext uri="{FF2B5EF4-FFF2-40B4-BE49-F238E27FC236}">
                <a16:creationId xmlns:a16="http://schemas.microsoft.com/office/drawing/2014/main" id="{1654F65C-3D8C-4A67-4E4D-FFFE08C97268}"/>
              </a:ext>
            </a:extLst>
          </p:cNvPr>
          <p:cNvSpPr/>
          <p:nvPr/>
        </p:nvSpPr>
        <p:spPr>
          <a:xfrm>
            <a:off x="5507038" y="1749425"/>
            <a:ext cx="1566862" cy="766763"/>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800" b="1" dirty="0">
              <a:solidFill>
                <a:schemeClr val="tx1"/>
              </a:solidFill>
            </a:endParaRPr>
          </a:p>
          <a:p>
            <a:pPr>
              <a:defRPr/>
            </a:pPr>
            <a:r>
              <a:rPr lang="ja-JP" altLang="en-US" sz="1800" b="1" dirty="0">
                <a:solidFill>
                  <a:schemeClr val="tx1"/>
                </a:solidFill>
              </a:rPr>
              <a:t>上下水道</a:t>
            </a:r>
            <a:endParaRPr lang="en-US" altLang="ja-JP" sz="1800" b="1" dirty="0">
              <a:solidFill>
                <a:schemeClr val="tx1"/>
              </a:solidFill>
            </a:endParaRPr>
          </a:p>
          <a:p>
            <a:pPr>
              <a:defRPr/>
            </a:pPr>
            <a:endParaRPr lang="ja-JP" altLang="en-US" sz="1151" dirty="0"/>
          </a:p>
        </p:txBody>
      </p:sp>
      <p:sp>
        <p:nvSpPr>
          <p:cNvPr id="5" name="円/楕円 20">
            <a:extLst>
              <a:ext uri="{FF2B5EF4-FFF2-40B4-BE49-F238E27FC236}">
                <a16:creationId xmlns:a16="http://schemas.microsoft.com/office/drawing/2014/main" id="{5727B732-951E-946B-240C-B1EA7CFDE4FD}"/>
              </a:ext>
            </a:extLst>
          </p:cNvPr>
          <p:cNvSpPr/>
          <p:nvPr/>
        </p:nvSpPr>
        <p:spPr>
          <a:xfrm>
            <a:off x="6145213" y="2709863"/>
            <a:ext cx="1266825" cy="766762"/>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 name="円/楕円 2">
            <a:extLst>
              <a:ext uri="{FF2B5EF4-FFF2-40B4-BE49-F238E27FC236}">
                <a16:creationId xmlns:a16="http://schemas.microsoft.com/office/drawing/2014/main" id="{2553F40C-9D4D-47C5-BAE7-3C6B691355CB}"/>
              </a:ext>
            </a:extLst>
          </p:cNvPr>
          <p:cNvSpPr/>
          <p:nvPr/>
        </p:nvSpPr>
        <p:spPr>
          <a:xfrm>
            <a:off x="2085975" y="3825875"/>
            <a:ext cx="1209675" cy="638175"/>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擁壁</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7656" name="テキスト ボックス 12">
            <a:extLst>
              <a:ext uri="{FF2B5EF4-FFF2-40B4-BE49-F238E27FC236}">
                <a16:creationId xmlns:a16="http://schemas.microsoft.com/office/drawing/2014/main" id="{50220361-3B53-1A65-2942-A0EBCDEB4149}"/>
              </a:ext>
            </a:extLst>
          </p:cNvPr>
          <p:cNvSpPr txBox="1">
            <a:spLocks noChangeArrowheads="1"/>
          </p:cNvSpPr>
          <p:nvPr/>
        </p:nvSpPr>
        <p:spPr bwMode="auto">
          <a:xfrm>
            <a:off x="2401888" y="4659313"/>
            <a:ext cx="2276475"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b="1">
                <a:latin typeface="Arial" panose="020B0604020202020204" pitchFamily="34" charset="0"/>
              </a:rPr>
              <a:t>道路構造保全対策課</a:t>
            </a:r>
          </a:p>
        </p:txBody>
      </p:sp>
      <p:sp>
        <p:nvSpPr>
          <p:cNvPr id="27657" name="Rectangle 1026">
            <a:extLst>
              <a:ext uri="{FF2B5EF4-FFF2-40B4-BE49-F238E27FC236}">
                <a16:creationId xmlns:a16="http://schemas.microsoft.com/office/drawing/2014/main" id="{C6B9BCDB-9EC4-4391-26A4-93F05D72437C}"/>
              </a:ext>
            </a:extLst>
          </p:cNvPr>
          <p:cNvSpPr>
            <a:spLocks noChangeArrowheads="1"/>
          </p:cNvSpPr>
          <p:nvPr/>
        </p:nvSpPr>
        <p:spPr bwMode="auto">
          <a:xfrm>
            <a:off x="212725" y="381000"/>
            <a:ext cx="8626475" cy="368300"/>
          </a:xfrm>
          <a:prstGeom prst="rect">
            <a:avLst/>
          </a:prstGeom>
          <a:solidFill>
            <a:srgbClr val="FFCC99"/>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100">
                <a:latin typeface="HG丸ｺﾞｼｯｸM-PRO" panose="020F0600000000000000" pitchFamily="50" charset="-128"/>
                <a:ea typeface="HG丸ｺﾞｼｯｸM-PRO" panose="020F0600000000000000" pitchFamily="50" charset="-128"/>
              </a:rPr>
              <a:t>富山市のインフラ</a:t>
            </a:r>
            <a:r>
              <a:rPr lang="ja-JP" altLang="en-US" sz="2100" b="1">
                <a:latin typeface="HG丸ｺﾞｼｯｸM-PRO" panose="020F0600000000000000" pitchFamily="50" charset="-128"/>
                <a:ea typeface="HG丸ｺﾞｼｯｸM-PRO" panose="020F0600000000000000" pitchFamily="50" charset="-128"/>
              </a:rPr>
              <a:t>“群”と管理所管</a:t>
            </a:r>
            <a:endParaRPr lang="ja-JP" altLang="en-US" sz="2100">
              <a:latin typeface="HG丸ｺﾞｼｯｸM-PRO" panose="020F0600000000000000" pitchFamily="50" charset="-128"/>
              <a:ea typeface="HG丸ｺﾞｼｯｸM-PRO" panose="020F0600000000000000" pitchFamily="50" charset="-128"/>
            </a:endParaRPr>
          </a:p>
        </p:txBody>
      </p:sp>
      <p:sp>
        <p:nvSpPr>
          <p:cNvPr id="15" name="円/楕円 2">
            <a:extLst>
              <a:ext uri="{FF2B5EF4-FFF2-40B4-BE49-F238E27FC236}">
                <a16:creationId xmlns:a16="http://schemas.microsoft.com/office/drawing/2014/main" id="{2AB0B825-B4DB-9EDF-60F9-6BF9FB570A3B}"/>
              </a:ext>
            </a:extLst>
          </p:cNvPr>
          <p:cNvSpPr/>
          <p:nvPr/>
        </p:nvSpPr>
        <p:spPr>
          <a:xfrm>
            <a:off x="1360488" y="2881313"/>
            <a:ext cx="1905000" cy="63658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トンネル</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7" name="円/楕円 2">
            <a:extLst>
              <a:ext uri="{FF2B5EF4-FFF2-40B4-BE49-F238E27FC236}">
                <a16:creationId xmlns:a16="http://schemas.microsoft.com/office/drawing/2014/main" id="{2CC13706-AE55-86D1-4E91-6EF9B06BA074}"/>
              </a:ext>
            </a:extLst>
          </p:cNvPr>
          <p:cNvSpPr/>
          <p:nvPr/>
        </p:nvSpPr>
        <p:spPr>
          <a:xfrm>
            <a:off x="2735263" y="2043113"/>
            <a:ext cx="1414462" cy="638175"/>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橋　梁</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8" name="円/楕円 2">
            <a:extLst>
              <a:ext uri="{FF2B5EF4-FFF2-40B4-BE49-F238E27FC236}">
                <a16:creationId xmlns:a16="http://schemas.microsoft.com/office/drawing/2014/main" id="{1D214442-D775-A22E-7445-8931D8041067}"/>
              </a:ext>
            </a:extLst>
          </p:cNvPr>
          <p:cNvSpPr/>
          <p:nvPr/>
        </p:nvSpPr>
        <p:spPr>
          <a:xfrm>
            <a:off x="4302125" y="2568575"/>
            <a:ext cx="1479550" cy="6365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のり面</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3" name="円/楕円 2">
            <a:extLst>
              <a:ext uri="{FF2B5EF4-FFF2-40B4-BE49-F238E27FC236}">
                <a16:creationId xmlns:a16="http://schemas.microsoft.com/office/drawing/2014/main" id="{6E2A2027-D5E0-B98B-4C8D-0F275D3F5642}"/>
              </a:ext>
            </a:extLst>
          </p:cNvPr>
          <p:cNvSpPr/>
          <p:nvPr/>
        </p:nvSpPr>
        <p:spPr>
          <a:xfrm>
            <a:off x="5010150" y="4376738"/>
            <a:ext cx="1209675" cy="63658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道路</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5" name="円/楕円 2">
            <a:extLst>
              <a:ext uri="{FF2B5EF4-FFF2-40B4-BE49-F238E27FC236}">
                <a16:creationId xmlns:a16="http://schemas.microsoft.com/office/drawing/2014/main" id="{793ED5B3-7072-F7F7-8DC7-64B44D2A3C4E}"/>
              </a:ext>
            </a:extLst>
          </p:cNvPr>
          <p:cNvSpPr/>
          <p:nvPr/>
        </p:nvSpPr>
        <p:spPr>
          <a:xfrm>
            <a:off x="3967163" y="3517900"/>
            <a:ext cx="1209675" cy="6238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標識</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p:txBody>
      </p:sp>
      <p:sp>
        <p:nvSpPr>
          <p:cNvPr id="27663" name="テキスト ボックス 29">
            <a:extLst>
              <a:ext uri="{FF2B5EF4-FFF2-40B4-BE49-F238E27FC236}">
                <a16:creationId xmlns:a16="http://schemas.microsoft.com/office/drawing/2014/main" id="{FBBAA1E0-558D-F1CF-0BE9-5D2EFF23041A}"/>
              </a:ext>
            </a:extLst>
          </p:cNvPr>
          <p:cNvSpPr txBox="1">
            <a:spLocks noChangeArrowheads="1"/>
          </p:cNvSpPr>
          <p:nvPr/>
        </p:nvSpPr>
        <p:spPr bwMode="auto">
          <a:xfrm>
            <a:off x="6446838" y="2921000"/>
            <a:ext cx="836612"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b="1">
                <a:latin typeface="Arial" panose="020B0604020202020204" pitchFamily="34" charset="0"/>
              </a:rPr>
              <a:t>箱もの</a:t>
            </a:r>
          </a:p>
        </p:txBody>
      </p:sp>
      <p:sp>
        <p:nvSpPr>
          <p:cNvPr id="31" name="吹き出し: 四角形 30">
            <a:extLst>
              <a:ext uri="{FF2B5EF4-FFF2-40B4-BE49-F238E27FC236}">
                <a16:creationId xmlns:a16="http://schemas.microsoft.com/office/drawing/2014/main" id="{920E278D-C426-BD9B-FECF-52D6C4A28C61}"/>
              </a:ext>
            </a:extLst>
          </p:cNvPr>
          <p:cNvSpPr/>
          <p:nvPr/>
        </p:nvSpPr>
        <p:spPr>
          <a:xfrm>
            <a:off x="5057775" y="5699125"/>
            <a:ext cx="1914525" cy="460375"/>
          </a:xfrm>
          <a:prstGeom prst="wedgeRectCallout">
            <a:avLst>
              <a:gd name="adj1" fmla="val -19851"/>
              <a:gd name="adj2" fmla="val -219878"/>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050" b="1" dirty="0"/>
              <a:t>道路管理課</a:t>
            </a:r>
          </a:p>
        </p:txBody>
      </p:sp>
      <p:sp>
        <p:nvSpPr>
          <p:cNvPr id="50176" name="吹き出し: 四角形 50175">
            <a:extLst>
              <a:ext uri="{FF2B5EF4-FFF2-40B4-BE49-F238E27FC236}">
                <a16:creationId xmlns:a16="http://schemas.microsoft.com/office/drawing/2014/main" id="{BC4F1C36-EFEE-E18A-757E-9CA60B3EE8BC}"/>
              </a:ext>
            </a:extLst>
          </p:cNvPr>
          <p:cNvSpPr/>
          <p:nvPr/>
        </p:nvSpPr>
        <p:spPr>
          <a:xfrm>
            <a:off x="7213600" y="1685925"/>
            <a:ext cx="1458913" cy="458788"/>
          </a:xfrm>
          <a:prstGeom prst="wedgeRectCallout">
            <a:avLst>
              <a:gd name="adj1" fmla="val -73221"/>
              <a:gd name="adj2" fmla="val 105832"/>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050" b="1" dirty="0"/>
              <a:t>上下水道局</a:t>
            </a:r>
          </a:p>
        </p:txBody>
      </p:sp>
      <p:sp>
        <p:nvSpPr>
          <p:cNvPr id="50177" name="吹き出し: 四角形 50176">
            <a:extLst>
              <a:ext uri="{FF2B5EF4-FFF2-40B4-BE49-F238E27FC236}">
                <a16:creationId xmlns:a16="http://schemas.microsoft.com/office/drawing/2014/main" id="{7B8346BB-D42B-0682-4959-D8CCC219A9BA}"/>
              </a:ext>
            </a:extLst>
          </p:cNvPr>
          <p:cNvSpPr/>
          <p:nvPr/>
        </p:nvSpPr>
        <p:spPr>
          <a:xfrm>
            <a:off x="7689850" y="2871788"/>
            <a:ext cx="1076325" cy="1096962"/>
          </a:xfrm>
          <a:prstGeom prst="wedgeRectCallout">
            <a:avLst>
              <a:gd name="adj1" fmla="val -92491"/>
              <a:gd name="adj2" fmla="val -31178"/>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050" b="1" dirty="0"/>
              <a:t>管財課</a:t>
            </a:r>
            <a:endParaRPr lang="en-US" altLang="ja-JP" sz="1050" b="1" dirty="0"/>
          </a:p>
          <a:p>
            <a:pPr algn="ctr">
              <a:defRPr/>
            </a:pPr>
            <a:r>
              <a:rPr lang="ja-JP" altLang="en-US" sz="1050" b="1" dirty="0"/>
              <a:t>学校施設課営繕課</a:t>
            </a:r>
          </a:p>
        </p:txBody>
      </p:sp>
      <p:sp>
        <p:nvSpPr>
          <p:cNvPr id="2" name="円/楕円 2">
            <a:extLst>
              <a:ext uri="{FF2B5EF4-FFF2-40B4-BE49-F238E27FC236}">
                <a16:creationId xmlns:a16="http://schemas.microsoft.com/office/drawing/2014/main" id="{63A37563-0C67-44E8-6AB9-741F9AF187D1}"/>
              </a:ext>
            </a:extLst>
          </p:cNvPr>
          <p:cNvSpPr/>
          <p:nvPr/>
        </p:nvSpPr>
        <p:spPr>
          <a:xfrm>
            <a:off x="6027738" y="3695700"/>
            <a:ext cx="1209675" cy="6365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公園</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4" name="吹き出し: 四角形 3">
            <a:extLst>
              <a:ext uri="{FF2B5EF4-FFF2-40B4-BE49-F238E27FC236}">
                <a16:creationId xmlns:a16="http://schemas.microsoft.com/office/drawing/2014/main" id="{8FE11F56-66DB-5667-7258-78F2666B8F48}"/>
              </a:ext>
            </a:extLst>
          </p:cNvPr>
          <p:cNvSpPr/>
          <p:nvPr/>
        </p:nvSpPr>
        <p:spPr>
          <a:xfrm>
            <a:off x="6969125" y="4332288"/>
            <a:ext cx="2063750" cy="1168400"/>
          </a:xfrm>
          <a:prstGeom prst="wedgeRectCallout">
            <a:avLst>
              <a:gd name="adj1" fmla="val -47152"/>
              <a:gd name="adj2" fmla="val -63520"/>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050" b="1" dirty="0"/>
              <a:t>公園緑地課</a:t>
            </a:r>
            <a:endParaRPr lang="en-US" altLang="ja-JP" sz="1050" b="1" dirty="0"/>
          </a:p>
          <a:p>
            <a:pPr algn="ctr">
              <a:defRPr/>
            </a:pPr>
            <a:endParaRPr lang="en-US" altLang="ja-JP" sz="1050" b="1" dirty="0"/>
          </a:p>
          <a:p>
            <a:pPr algn="ctr">
              <a:defRPr/>
            </a:pPr>
            <a:r>
              <a:rPr lang="ja-JP" altLang="en-US" sz="1050" b="1" dirty="0">
                <a:latin typeface="游明朝" panose="02020400000000000000" pitchFamily="18" charset="-128"/>
                <a:ea typeface="游明朝" panose="02020400000000000000" pitchFamily="18" charset="-128"/>
              </a:rPr>
              <a:t>実は橋梁</a:t>
            </a:r>
            <a:r>
              <a:rPr lang="en-US" altLang="ja-JP" sz="1050" b="1" dirty="0">
                <a:latin typeface="游明朝" panose="02020400000000000000" pitchFamily="18" charset="-128"/>
                <a:ea typeface="游明朝" panose="02020400000000000000" pitchFamily="18" charset="-128"/>
              </a:rPr>
              <a:t>2</a:t>
            </a:r>
            <a:r>
              <a:rPr lang="ja-JP" altLang="en-US" sz="1050" b="1" dirty="0">
                <a:latin typeface="游明朝" panose="02020400000000000000" pitchFamily="18" charset="-128"/>
                <a:ea typeface="游明朝" panose="02020400000000000000" pitchFamily="18" charset="-128"/>
              </a:rPr>
              <a:t>橋</a:t>
            </a:r>
            <a:endParaRPr lang="en-US" altLang="ja-JP" sz="1050" b="1" dirty="0">
              <a:latin typeface="游明朝" panose="02020400000000000000" pitchFamily="18" charset="-128"/>
              <a:ea typeface="游明朝" panose="02020400000000000000" pitchFamily="18" charset="-128"/>
            </a:endParaRPr>
          </a:p>
          <a:p>
            <a:pPr algn="ctr">
              <a:defRPr/>
            </a:pPr>
            <a:r>
              <a:rPr lang="ja-JP" altLang="en-US" sz="1050" b="1" dirty="0">
                <a:latin typeface="游明朝" panose="02020400000000000000" pitchFamily="18" charset="-128"/>
                <a:ea typeface="游明朝" panose="02020400000000000000" pitchFamily="18" charset="-128"/>
              </a:rPr>
              <a:t>斜</a:t>
            </a:r>
            <a:r>
              <a:rPr lang="en-US" altLang="ja-JP" sz="1050" b="1" dirty="0">
                <a:latin typeface="游明朝" panose="02020400000000000000" pitchFamily="18" charset="-128"/>
                <a:ea typeface="游明朝" panose="02020400000000000000" pitchFamily="18" charset="-128"/>
              </a:rPr>
              <a:t>Π</a:t>
            </a:r>
            <a:r>
              <a:rPr lang="ja-JP" altLang="en-US" sz="1050" b="1" dirty="0">
                <a:latin typeface="游明朝" panose="02020400000000000000" pitchFamily="18" charset="-128"/>
                <a:ea typeface="游明朝" panose="02020400000000000000" pitchFamily="18" charset="-128"/>
              </a:rPr>
              <a:t>ラーメン（７０ｍ）</a:t>
            </a:r>
            <a:endParaRPr lang="en-US" altLang="ja-JP" sz="1050" b="1" dirty="0">
              <a:latin typeface="游明朝" panose="02020400000000000000" pitchFamily="18" charset="-128"/>
              <a:ea typeface="游明朝" panose="02020400000000000000" pitchFamily="18" charset="-128"/>
            </a:endParaRPr>
          </a:p>
          <a:p>
            <a:pPr algn="ctr">
              <a:defRPr/>
            </a:pPr>
            <a:r>
              <a:rPr lang="ja-JP" altLang="en-US" sz="1050" b="1" dirty="0">
                <a:latin typeface="游明朝" panose="02020400000000000000" pitchFamily="18" charset="-128"/>
                <a:ea typeface="游明朝" panose="02020400000000000000" pitchFamily="18" charset="-128"/>
              </a:rPr>
              <a:t>吊り橋（１２０ｍ）</a:t>
            </a:r>
          </a:p>
        </p:txBody>
      </p:sp>
      <p:sp>
        <p:nvSpPr>
          <p:cNvPr id="27669" name="スライド番号プレースホルダー 5">
            <a:extLst>
              <a:ext uri="{FF2B5EF4-FFF2-40B4-BE49-F238E27FC236}">
                <a16:creationId xmlns:a16="http://schemas.microsoft.com/office/drawing/2014/main" id="{A1427627-2F72-0C29-B169-268F5880CB8C}"/>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1C67378F-E569-47A9-8D5C-6525DBF2EF3C}" type="slidenum">
              <a:rPr lang="ja-JP" altLang="en-US" sz="1200" smtClean="0">
                <a:solidFill>
                  <a:srgbClr val="898989"/>
                </a:solidFill>
                <a:latin typeface="Arial" panose="020B0604020202020204" pitchFamily="34" charset="0"/>
              </a:rPr>
              <a:pPr>
                <a:spcBef>
                  <a:spcPct val="0"/>
                </a:spcBef>
                <a:buFontTx/>
                <a:buNone/>
              </a:pPr>
              <a:t>37</a:t>
            </a:fld>
            <a:endParaRPr lang="ja-JP" altLang="en-US" sz="1200">
              <a:solidFill>
                <a:srgbClr val="898989"/>
              </a:solidFill>
              <a:latin typeface="Arial" panose="020B0604020202020204" pitchFamily="34" charset="0"/>
            </a:endParaRP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a:extLst>
              <a:ext uri="{FF2B5EF4-FFF2-40B4-BE49-F238E27FC236}">
                <a16:creationId xmlns:a16="http://schemas.microsoft.com/office/drawing/2014/main" id="{01E4E959-2696-E68A-D0F7-5721CDDBE71A}"/>
              </a:ext>
            </a:extLst>
          </p:cNvPr>
          <p:cNvSpPr>
            <a:spLocks noChangeArrowheads="1"/>
          </p:cNvSpPr>
          <p:nvPr/>
        </p:nvSpPr>
        <p:spPr bwMode="auto">
          <a:xfrm>
            <a:off x="1914525" y="1270000"/>
            <a:ext cx="6048375" cy="4203700"/>
          </a:xfrm>
          <a:prstGeom prst="ellipse">
            <a:avLst/>
          </a:prstGeom>
          <a:solidFill>
            <a:schemeClr val="tx2">
              <a:lumMod val="20000"/>
              <a:lumOff val="80000"/>
            </a:schemeClr>
          </a:solidFill>
          <a:ln w="9525">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sz="2400" dirty="0">
              <a:latin typeface="Tahoma" pitchFamily="34" charset="0"/>
              <a:ea typeface="HGP創英角ﾎﾟｯﾌﾟ体" pitchFamily="50" charset="-128"/>
            </a:endParaRPr>
          </a:p>
        </p:txBody>
      </p:sp>
      <p:sp>
        <p:nvSpPr>
          <p:cNvPr id="25603" name="Rectangle 1026">
            <a:extLst>
              <a:ext uri="{FF2B5EF4-FFF2-40B4-BE49-F238E27FC236}">
                <a16:creationId xmlns:a16="http://schemas.microsoft.com/office/drawing/2014/main" id="{59308555-21F0-07BD-3A95-1CBD51FADE44}"/>
              </a:ext>
            </a:extLst>
          </p:cNvPr>
          <p:cNvSpPr>
            <a:spLocks noChangeArrowheads="1"/>
          </p:cNvSpPr>
          <p:nvPr/>
        </p:nvSpPr>
        <p:spPr bwMode="auto">
          <a:xfrm>
            <a:off x="1430338" y="227013"/>
            <a:ext cx="6810375" cy="490537"/>
          </a:xfrm>
          <a:prstGeom prst="rect">
            <a:avLst/>
          </a:prstGeom>
          <a:solidFill>
            <a:srgbClr val="FFCC99"/>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100">
                <a:latin typeface="HG丸ｺﾞｼｯｸM-PRO" panose="020F0600000000000000" pitchFamily="50" charset="-128"/>
                <a:ea typeface="HG丸ｺﾞｼｯｸM-PRO" panose="020F0600000000000000" pitchFamily="50" charset="-128"/>
              </a:rPr>
              <a:t>今後の社会は総力戦　＝　真の協働</a:t>
            </a:r>
          </a:p>
        </p:txBody>
      </p:sp>
      <p:sp>
        <p:nvSpPr>
          <p:cNvPr id="16" name="円/楕円 15">
            <a:extLst>
              <a:ext uri="{FF2B5EF4-FFF2-40B4-BE49-F238E27FC236}">
                <a16:creationId xmlns:a16="http://schemas.microsoft.com/office/drawing/2014/main" id="{052265BE-A259-C525-5623-870C2E65D3EC}"/>
              </a:ext>
            </a:extLst>
          </p:cNvPr>
          <p:cNvSpPr/>
          <p:nvPr/>
        </p:nvSpPr>
        <p:spPr>
          <a:xfrm>
            <a:off x="6140450" y="1531938"/>
            <a:ext cx="2100263" cy="904875"/>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05" name="Text Box 1031">
            <a:extLst>
              <a:ext uri="{FF2B5EF4-FFF2-40B4-BE49-F238E27FC236}">
                <a16:creationId xmlns:a16="http://schemas.microsoft.com/office/drawing/2014/main" id="{38104927-4890-1AA2-49BC-7BBD4396AC4F}"/>
              </a:ext>
            </a:extLst>
          </p:cNvPr>
          <p:cNvSpPr txBox="1">
            <a:spLocks noChangeArrowheads="1"/>
          </p:cNvSpPr>
          <p:nvPr/>
        </p:nvSpPr>
        <p:spPr bwMode="auto">
          <a:xfrm>
            <a:off x="3062288" y="2000250"/>
            <a:ext cx="185737"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Tahoma" panose="020B0604030504040204" pitchFamily="34" charset="0"/>
            </a:endParaRPr>
          </a:p>
        </p:txBody>
      </p:sp>
      <p:sp>
        <p:nvSpPr>
          <p:cNvPr id="3" name="円/楕円 2">
            <a:extLst>
              <a:ext uri="{FF2B5EF4-FFF2-40B4-BE49-F238E27FC236}">
                <a16:creationId xmlns:a16="http://schemas.microsoft.com/office/drawing/2014/main" id="{C9B63BEF-5C15-3D3B-70F0-B9FBC3427486}"/>
              </a:ext>
            </a:extLst>
          </p:cNvPr>
          <p:cNvSpPr/>
          <p:nvPr/>
        </p:nvSpPr>
        <p:spPr>
          <a:xfrm>
            <a:off x="3370263" y="2289175"/>
            <a:ext cx="2592387" cy="2543175"/>
          </a:xfrm>
          <a:prstGeom prst="ellipse">
            <a:avLst/>
          </a:prstGeom>
          <a:solidFill>
            <a:srgbClr val="FF66FF"/>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500" dirty="0">
                <a:solidFill>
                  <a:schemeClr val="tx1"/>
                </a:solidFill>
              </a:rPr>
              <a:t>　　</a:t>
            </a:r>
            <a:r>
              <a:rPr lang="ja-JP" altLang="en-US" sz="1500" b="1" dirty="0">
                <a:solidFill>
                  <a:schemeClr val="tx1"/>
                </a:solidFill>
              </a:rPr>
              <a:t>やる気のある</a:t>
            </a:r>
            <a:endParaRPr lang="en-US" altLang="ja-JP" sz="1500" b="1" dirty="0">
              <a:solidFill>
                <a:schemeClr val="tx1"/>
              </a:solidFill>
            </a:endParaRPr>
          </a:p>
          <a:p>
            <a:pPr>
              <a:defRPr/>
            </a:pPr>
            <a:r>
              <a:rPr lang="ja-JP" altLang="en-US" sz="3000" dirty="0">
                <a:solidFill>
                  <a:schemeClr val="tx1"/>
                </a:solidFill>
              </a:rPr>
              <a:t>　市町村</a:t>
            </a:r>
            <a:endParaRPr lang="en-US" altLang="ja-JP" sz="1500" dirty="0">
              <a:solidFill>
                <a:schemeClr val="tx1"/>
              </a:solidFill>
            </a:endParaRPr>
          </a:p>
          <a:p>
            <a:pPr>
              <a:defRPr/>
            </a:pPr>
            <a:endParaRPr lang="en-US" altLang="ja-JP" sz="1500" b="1" dirty="0">
              <a:solidFill>
                <a:schemeClr val="tx1"/>
              </a:solidFill>
            </a:endParaRPr>
          </a:p>
          <a:p>
            <a:pPr>
              <a:defRPr/>
            </a:pPr>
            <a:r>
              <a:rPr lang="ja-JP" altLang="en-US" sz="1500" b="1" dirty="0">
                <a:solidFill>
                  <a:schemeClr val="tx1"/>
                </a:solidFill>
              </a:rPr>
              <a:t>　実行と責任</a:t>
            </a:r>
            <a:endParaRPr lang="en-US" altLang="ja-JP" sz="1500" b="1" dirty="0">
              <a:solidFill>
                <a:schemeClr val="tx1"/>
              </a:solidFill>
            </a:endParaRPr>
          </a:p>
          <a:p>
            <a:pPr>
              <a:defRPr/>
            </a:pPr>
            <a:r>
              <a:rPr lang="ja-JP" altLang="en-US" sz="1500" b="1" dirty="0">
                <a:solidFill>
                  <a:schemeClr val="tx1"/>
                </a:solidFill>
              </a:rPr>
              <a:t>　覚悟・度量</a:t>
            </a:r>
          </a:p>
          <a:p>
            <a:pPr>
              <a:defRPr/>
            </a:pPr>
            <a:endParaRPr lang="en-US" altLang="ja-JP" sz="1350" dirty="0"/>
          </a:p>
          <a:p>
            <a:pPr>
              <a:defRPr/>
            </a:pPr>
            <a:endParaRPr lang="ja-JP" altLang="en-US" sz="1350" dirty="0"/>
          </a:p>
        </p:txBody>
      </p:sp>
      <p:sp>
        <p:nvSpPr>
          <p:cNvPr id="19" name="円/楕円 18">
            <a:extLst>
              <a:ext uri="{FF2B5EF4-FFF2-40B4-BE49-F238E27FC236}">
                <a16:creationId xmlns:a16="http://schemas.microsoft.com/office/drawing/2014/main" id="{C6704AF1-E7EB-9591-DCB7-C8A40E35B461}"/>
              </a:ext>
            </a:extLst>
          </p:cNvPr>
          <p:cNvSpPr/>
          <p:nvPr/>
        </p:nvSpPr>
        <p:spPr>
          <a:xfrm>
            <a:off x="879475" y="1500188"/>
            <a:ext cx="3014663" cy="1331912"/>
          </a:xfrm>
          <a:prstGeom prst="ellipse">
            <a:avLst/>
          </a:prstGeom>
          <a:solidFill>
            <a:schemeClr val="accent3">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08" name="テキスト ボックス 19">
            <a:extLst>
              <a:ext uri="{FF2B5EF4-FFF2-40B4-BE49-F238E27FC236}">
                <a16:creationId xmlns:a16="http://schemas.microsoft.com/office/drawing/2014/main" id="{628D796E-C772-55A2-2058-2EF2C6E4B9B5}"/>
              </a:ext>
            </a:extLst>
          </p:cNvPr>
          <p:cNvSpPr txBox="1">
            <a:spLocks noChangeArrowheads="1"/>
          </p:cNvSpPr>
          <p:nvPr/>
        </p:nvSpPr>
        <p:spPr bwMode="auto">
          <a:xfrm>
            <a:off x="1020763" y="1606550"/>
            <a:ext cx="2725737" cy="1430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a:latin typeface="Arial" panose="020B0604020202020204" pitchFamily="34" charset="0"/>
              </a:rPr>
              <a:t>大学・学会</a:t>
            </a:r>
            <a:endParaRPr lang="en-US" altLang="ja-JP" sz="2100" b="1">
              <a:latin typeface="Arial" panose="020B0604020202020204" pitchFamily="34" charset="0"/>
            </a:endParaRPr>
          </a:p>
          <a:p>
            <a:pPr marL="0" lvl="1" algn="ctr">
              <a:spcBef>
                <a:spcPct val="0"/>
              </a:spcBef>
              <a:buFont typeface="Arial" panose="020B0604020202020204" pitchFamily="34" charset="0"/>
              <a:buNone/>
            </a:pPr>
            <a:r>
              <a:rPr lang="ja-JP" altLang="en-US" sz="1800">
                <a:latin typeface="Arial" panose="020B0604020202020204" pitchFamily="34" charset="0"/>
              </a:rPr>
              <a:t>技術支援、評価</a:t>
            </a:r>
            <a:endParaRPr lang="en-US" altLang="ja-JP" sz="1800">
              <a:latin typeface="Arial" panose="020B0604020202020204" pitchFamily="34" charset="0"/>
            </a:endParaRPr>
          </a:p>
          <a:p>
            <a:pPr marL="0" lvl="1" algn="ctr">
              <a:spcBef>
                <a:spcPct val="0"/>
              </a:spcBef>
              <a:buFont typeface="Arial" panose="020B0604020202020204" pitchFamily="34" charset="0"/>
              <a:buNone/>
            </a:pPr>
            <a:r>
              <a:rPr lang="ja-JP" altLang="en-US" sz="1800">
                <a:latin typeface="Arial" panose="020B0604020202020204" pitchFamily="34" charset="0"/>
              </a:rPr>
              <a:t>アドバイス、人材教育</a:t>
            </a:r>
            <a:endParaRPr lang="en-US" altLang="ja-JP" sz="1800">
              <a:latin typeface="Arial" panose="020B0604020202020204" pitchFamily="34" charset="0"/>
            </a:endParaRPr>
          </a:p>
          <a:p>
            <a:pPr marL="0" lvl="1" algn="ctr">
              <a:spcBef>
                <a:spcPct val="0"/>
              </a:spcBef>
              <a:buFont typeface="Arial" panose="020B0604020202020204" pitchFamily="34" charset="0"/>
              <a:buNone/>
            </a:pPr>
            <a:endParaRPr lang="en-US" altLang="ja-JP" sz="3000">
              <a:latin typeface="Arial" panose="020B0604020202020204" pitchFamily="34" charset="0"/>
            </a:endParaRPr>
          </a:p>
        </p:txBody>
      </p:sp>
      <p:sp>
        <p:nvSpPr>
          <p:cNvPr id="20" name="円/楕円 19">
            <a:extLst>
              <a:ext uri="{FF2B5EF4-FFF2-40B4-BE49-F238E27FC236}">
                <a16:creationId xmlns:a16="http://schemas.microsoft.com/office/drawing/2014/main" id="{7AF7EB3A-0DA6-83F3-5027-72CFA09CDB0D}"/>
              </a:ext>
            </a:extLst>
          </p:cNvPr>
          <p:cNvSpPr/>
          <p:nvPr/>
        </p:nvSpPr>
        <p:spPr>
          <a:xfrm>
            <a:off x="808038" y="3295650"/>
            <a:ext cx="2363787" cy="1336675"/>
          </a:xfrm>
          <a:prstGeom prst="ellipse">
            <a:avLst/>
          </a:prstGeom>
          <a:solidFill>
            <a:srgbClr val="FF99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10" name="テキスト ボックス 19">
            <a:extLst>
              <a:ext uri="{FF2B5EF4-FFF2-40B4-BE49-F238E27FC236}">
                <a16:creationId xmlns:a16="http://schemas.microsoft.com/office/drawing/2014/main" id="{CF614AA9-2E43-F6D3-3C66-8EE112DE4407}"/>
              </a:ext>
            </a:extLst>
          </p:cNvPr>
          <p:cNvSpPr txBox="1">
            <a:spLocks noChangeArrowheads="1"/>
          </p:cNvSpPr>
          <p:nvPr/>
        </p:nvSpPr>
        <p:spPr bwMode="auto">
          <a:xfrm>
            <a:off x="911225" y="3530600"/>
            <a:ext cx="2381250" cy="1338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a:latin typeface="Arial" panose="020B0604020202020204" pitchFamily="34" charset="0"/>
              </a:rPr>
              <a:t>民間企業・コンサル</a:t>
            </a:r>
            <a:endParaRPr lang="en-US" altLang="ja-JP" sz="2100" b="1">
              <a:latin typeface="Arial" panose="020B0604020202020204" pitchFamily="34" charset="0"/>
            </a:endParaRPr>
          </a:p>
          <a:p>
            <a:pPr marL="0" lvl="1" algn="ctr">
              <a:spcBef>
                <a:spcPct val="0"/>
              </a:spcBef>
              <a:buFont typeface="Arial" panose="020B0604020202020204" pitchFamily="34" charset="0"/>
              <a:buNone/>
            </a:pPr>
            <a:r>
              <a:rPr lang="ja-JP" altLang="en-US" sz="1500">
                <a:latin typeface="Arial" panose="020B0604020202020204" pitchFamily="34" charset="0"/>
              </a:rPr>
              <a:t>業務・協力・連携</a:t>
            </a:r>
            <a:endParaRPr lang="en-US" altLang="ja-JP" sz="1500">
              <a:latin typeface="Arial" panose="020B0604020202020204" pitchFamily="34" charset="0"/>
            </a:endParaRPr>
          </a:p>
          <a:p>
            <a:pPr marL="0" lvl="1" algn="ctr">
              <a:spcBef>
                <a:spcPct val="0"/>
              </a:spcBef>
              <a:buFont typeface="Arial" panose="020B0604020202020204" pitchFamily="34" charset="0"/>
              <a:buNone/>
            </a:pPr>
            <a:r>
              <a:rPr lang="en-US" altLang="ja-JP" sz="1500">
                <a:latin typeface="Arial" panose="020B0604020202020204" pitchFamily="34" charset="0"/>
              </a:rPr>
              <a:t>PPP/PFI</a:t>
            </a:r>
            <a:r>
              <a:rPr lang="ja-JP" altLang="en-US" sz="1500">
                <a:latin typeface="Arial" panose="020B0604020202020204" pitchFamily="34" charset="0"/>
              </a:rPr>
              <a:t>、包括管理</a:t>
            </a:r>
            <a:endParaRPr lang="en-US" altLang="ja-JP" sz="1500">
              <a:latin typeface="Arial" panose="020B0604020202020204" pitchFamily="34" charset="0"/>
            </a:endParaRPr>
          </a:p>
          <a:p>
            <a:pPr marL="0" lvl="1" algn="ctr">
              <a:spcBef>
                <a:spcPct val="0"/>
              </a:spcBef>
              <a:buFont typeface="Arial" panose="020B0604020202020204" pitchFamily="34" charset="0"/>
              <a:buNone/>
            </a:pPr>
            <a:endParaRPr lang="en-US" altLang="ja-JP" sz="3000">
              <a:latin typeface="Arial" panose="020B0604020202020204" pitchFamily="34" charset="0"/>
            </a:endParaRPr>
          </a:p>
        </p:txBody>
      </p:sp>
      <p:sp>
        <p:nvSpPr>
          <p:cNvPr id="80907" name="テキスト ボックス 3">
            <a:extLst>
              <a:ext uri="{FF2B5EF4-FFF2-40B4-BE49-F238E27FC236}">
                <a16:creationId xmlns:a16="http://schemas.microsoft.com/office/drawing/2014/main" id="{D7ED2A05-7B0D-A814-585B-B3B0BE1C886B}"/>
              </a:ext>
            </a:extLst>
          </p:cNvPr>
          <p:cNvSpPr txBox="1">
            <a:spLocks noChangeArrowheads="1"/>
          </p:cNvSpPr>
          <p:nvPr/>
        </p:nvSpPr>
        <p:spPr bwMode="auto">
          <a:xfrm>
            <a:off x="5972175" y="1644650"/>
            <a:ext cx="2478088" cy="1339850"/>
          </a:xfrm>
          <a:prstGeom prst="rect">
            <a:avLst/>
          </a:prstGeom>
          <a:noFill/>
          <a:ln>
            <a:noFill/>
          </a:ln>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defRPr/>
            </a:pPr>
            <a:r>
              <a:rPr lang="ja-JP" altLang="en-US" sz="2100">
                <a:latin typeface="Arial" panose="020B0604020202020204" pitchFamily="34" charset="0"/>
              </a:rPr>
              <a:t>国土交通省</a:t>
            </a:r>
            <a:endParaRPr lang="en-US" altLang="ja-JP" sz="2100">
              <a:latin typeface="Arial" panose="020B0604020202020204" pitchFamily="34" charset="0"/>
            </a:endParaRPr>
          </a:p>
          <a:p>
            <a:pPr marL="0" lvl="1" algn="ctr">
              <a:spcBef>
                <a:spcPct val="0"/>
              </a:spcBef>
              <a:buFont typeface="Arial" panose="020B0604020202020204" pitchFamily="34" charset="0"/>
              <a:buNone/>
              <a:defRPr/>
            </a:pPr>
            <a:r>
              <a:rPr lang="ja-JP" altLang="en-US" sz="1800">
                <a:latin typeface="Arial" panose="020B0604020202020204" pitchFamily="34" charset="0"/>
              </a:rPr>
              <a:t>指導</a:t>
            </a:r>
            <a:endParaRPr lang="en-US" altLang="ja-JP" sz="1800">
              <a:latin typeface="Arial" panose="020B0604020202020204" pitchFamily="34" charset="0"/>
            </a:endParaRPr>
          </a:p>
          <a:p>
            <a:pPr marL="0" lvl="1" algn="ctr">
              <a:spcBef>
                <a:spcPct val="0"/>
              </a:spcBef>
              <a:buFont typeface="Arial" panose="020B0604020202020204" pitchFamily="34" charset="0"/>
              <a:buNone/>
              <a:defRPr/>
            </a:pPr>
            <a:endParaRPr lang="en-US" altLang="ja-JP" sz="1500">
              <a:latin typeface="Arial" panose="020B0604020202020204" pitchFamily="34" charset="0"/>
            </a:endParaRPr>
          </a:p>
          <a:p>
            <a:pPr marL="0" lvl="1" algn="ctr">
              <a:spcBef>
                <a:spcPct val="0"/>
              </a:spcBef>
              <a:buFont typeface="Arial" panose="020B0604020202020204" pitchFamily="34" charset="0"/>
              <a:buNone/>
              <a:defRPr/>
            </a:pPr>
            <a:endParaRPr lang="ja-JP" altLang="en-US" sz="1350">
              <a:latin typeface="Arial" panose="020B0604020202020204" pitchFamily="34" charset="0"/>
            </a:endParaRPr>
          </a:p>
          <a:p>
            <a:pPr algn="ctr" eaLnBrk="1" hangingPunct="1">
              <a:spcBef>
                <a:spcPct val="0"/>
              </a:spcBef>
              <a:buFontTx/>
              <a:buNone/>
              <a:defRPr/>
            </a:pPr>
            <a:endParaRPr lang="ja-JP" altLang="en-US" sz="1350">
              <a:latin typeface="Arial" panose="020B0604020202020204" pitchFamily="34" charset="0"/>
            </a:endParaRPr>
          </a:p>
        </p:txBody>
      </p:sp>
      <p:sp>
        <p:nvSpPr>
          <p:cNvPr id="21" name="円/楕円 20">
            <a:extLst>
              <a:ext uri="{FF2B5EF4-FFF2-40B4-BE49-F238E27FC236}">
                <a16:creationId xmlns:a16="http://schemas.microsoft.com/office/drawing/2014/main" id="{4D744CB7-3244-AE78-512B-A7F141D142C2}"/>
              </a:ext>
            </a:extLst>
          </p:cNvPr>
          <p:cNvSpPr/>
          <p:nvPr/>
        </p:nvSpPr>
        <p:spPr>
          <a:xfrm>
            <a:off x="6161088" y="4200525"/>
            <a:ext cx="2147887" cy="989013"/>
          </a:xfrm>
          <a:prstGeom prst="ellipse">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13" name="テキスト ボックス 19">
            <a:extLst>
              <a:ext uri="{FF2B5EF4-FFF2-40B4-BE49-F238E27FC236}">
                <a16:creationId xmlns:a16="http://schemas.microsoft.com/office/drawing/2014/main" id="{36ED2963-C757-5895-485E-E1A9D1C3DA3E}"/>
              </a:ext>
            </a:extLst>
          </p:cNvPr>
          <p:cNvSpPr txBox="1">
            <a:spLocks noChangeArrowheads="1"/>
          </p:cNvSpPr>
          <p:nvPr/>
        </p:nvSpPr>
        <p:spPr bwMode="auto">
          <a:xfrm>
            <a:off x="5911850" y="4246563"/>
            <a:ext cx="2506663" cy="877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a:latin typeface="Arial" panose="020B0604020202020204" pitchFamily="34" charset="0"/>
              </a:rPr>
              <a:t>他自治体</a:t>
            </a:r>
            <a:endParaRPr lang="en-US" altLang="ja-JP" sz="2100" b="1">
              <a:latin typeface="Arial" panose="020B0604020202020204" pitchFamily="34" charset="0"/>
            </a:endParaRPr>
          </a:p>
          <a:p>
            <a:pPr marL="0" lvl="1" algn="ctr">
              <a:spcBef>
                <a:spcPct val="0"/>
              </a:spcBef>
              <a:buFont typeface="Arial" panose="020B0604020202020204" pitchFamily="34" charset="0"/>
              <a:buNone/>
            </a:pPr>
            <a:r>
              <a:rPr lang="ja-JP" altLang="en-US" sz="1500" b="1">
                <a:latin typeface="Arial" panose="020B0604020202020204" pitchFamily="34" charset="0"/>
              </a:rPr>
              <a:t>情報共有、協力</a:t>
            </a:r>
            <a:endParaRPr lang="en-US" altLang="ja-JP" sz="1500" b="1">
              <a:latin typeface="Arial" panose="020B0604020202020204" pitchFamily="34" charset="0"/>
            </a:endParaRPr>
          </a:p>
          <a:p>
            <a:pPr marL="0" lvl="1" algn="ctr">
              <a:spcBef>
                <a:spcPct val="0"/>
              </a:spcBef>
              <a:buFont typeface="Arial" panose="020B0604020202020204" pitchFamily="34" charset="0"/>
              <a:buNone/>
            </a:pPr>
            <a:r>
              <a:rPr lang="ja-JP" altLang="en-US" sz="1500" b="1">
                <a:latin typeface="Arial" panose="020B0604020202020204" pitchFamily="34" charset="0"/>
              </a:rPr>
              <a:t>広域連合</a:t>
            </a:r>
            <a:endParaRPr lang="en-US" altLang="ja-JP" sz="1500" b="1">
              <a:latin typeface="Arial" panose="020B0604020202020204" pitchFamily="34" charset="0"/>
            </a:endParaRPr>
          </a:p>
        </p:txBody>
      </p:sp>
      <p:sp>
        <p:nvSpPr>
          <p:cNvPr id="22" name="左右矢印 21">
            <a:extLst>
              <a:ext uri="{FF2B5EF4-FFF2-40B4-BE49-F238E27FC236}">
                <a16:creationId xmlns:a16="http://schemas.microsoft.com/office/drawing/2014/main" id="{0172D29A-49E7-F5BF-7D32-FD2C28E572E2}"/>
              </a:ext>
            </a:extLst>
          </p:cNvPr>
          <p:cNvSpPr/>
          <p:nvPr/>
        </p:nvSpPr>
        <p:spPr>
          <a:xfrm rot="13525433">
            <a:off x="5726113" y="4060825"/>
            <a:ext cx="750888" cy="363537"/>
          </a:xfrm>
          <a:prstGeom prst="lef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24" name="左右矢印 23">
            <a:extLst>
              <a:ext uri="{FF2B5EF4-FFF2-40B4-BE49-F238E27FC236}">
                <a16:creationId xmlns:a16="http://schemas.microsoft.com/office/drawing/2014/main" id="{A0EEF833-AB1B-0E32-ECFE-77328282FA81}"/>
              </a:ext>
            </a:extLst>
          </p:cNvPr>
          <p:cNvSpPr/>
          <p:nvPr/>
        </p:nvSpPr>
        <p:spPr>
          <a:xfrm rot="20164698">
            <a:off x="3022600" y="3217863"/>
            <a:ext cx="809625" cy="363537"/>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26" name="左右矢印 25">
            <a:extLst>
              <a:ext uri="{FF2B5EF4-FFF2-40B4-BE49-F238E27FC236}">
                <a16:creationId xmlns:a16="http://schemas.microsoft.com/office/drawing/2014/main" id="{3C2A7FA4-4D29-6865-9267-89524097F595}"/>
              </a:ext>
            </a:extLst>
          </p:cNvPr>
          <p:cNvSpPr/>
          <p:nvPr/>
        </p:nvSpPr>
        <p:spPr>
          <a:xfrm>
            <a:off x="5708650" y="2994025"/>
            <a:ext cx="1184275" cy="363538"/>
          </a:xfrm>
          <a:prstGeom prst="leftRightArrow">
            <a:avLst>
              <a:gd name="adj1" fmla="val 42504"/>
              <a:gd name="adj2" fmla="val 50000"/>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solidFill>
                <a:schemeClr val="accent1"/>
              </a:solidFill>
            </a:endParaRPr>
          </a:p>
        </p:txBody>
      </p:sp>
      <p:sp>
        <p:nvSpPr>
          <p:cNvPr id="27" name="円/楕円 26">
            <a:extLst>
              <a:ext uri="{FF2B5EF4-FFF2-40B4-BE49-F238E27FC236}">
                <a16:creationId xmlns:a16="http://schemas.microsoft.com/office/drawing/2014/main" id="{4CAD9400-E508-023A-93B9-0A9BDE04EC00}"/>
              </a:ext>
            </a:extLst>
          </p:cNvPr>
          <p:cNvSpPr/>
          <p:nvPr/>
        </p:nvSpPr>
        <p:spPr>
          <a:xfrm>
            <a:off x="1603375" y="5408613"/>
            <a:ext cx="6434138" cy="1073150"/>
          </a:xfrm>
          <a:prstGeom prst="ellipse">
            <a:avLst/>
          </a:prstGeom>
          <a:solidFill>
            <a:schemeClr val="accent4">
              <a:lumMod val="20000"/>
              <a:lumOff val="80000"/>
            </a:schemeClr>
          </a:solidFill>
          <a:ln>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18" name="テキスト ボックス 3">
            <a:extLst>
              <a:ext uri="{FF2B5EF4-FFF2-40B4-BE49-F238E27FC236}">
                <a16:creationId xmlns:a16="http://schemas.microsoft.com/office/drawing/2014/main" id="{5A13D6AD-A779-F1FF-397B-6A396F45E41F}"/>
              </a:ext>
            </a:extLst>
          </p:cNvPr>
          <p:cNvSpPr txBox="1">
            <a:spLocks noChangeArrowheads="1"/>
          </p:cNvSpPr>
          <p:nvPr/>
        </p:nvSpPr>
        <p:spPr bwMode="auto">
          <a:xfrm>
            <a:off x="3322638" y="5427663"/>
            <a:ext cx="2968625"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800">
                <a:latin typeface="Arial" panose="020B0604020202020204" pitchFamily="34" charset="0"/>
              </a:rPr>
              <a:t>市民・市民団体・ボランティア</a:t>
            </a:r>
            <a:endParaRPr lang="en-US" altLang="ja-JP" sz="1800">
              <a:latin typeface="Arial" panose="020B0604020202020204" pitchFamily="34" charset="0"/>
            </a:endParaRPr>
          </a:p>
          <a:p>
            <a:pPr algn="ctr" eaLnBrk="1" hangingPunct="1">
              <a:spcBef>
                <a:spcPct val="0"/>
              </a:spcBef>
              <a:buFontTx/>
              <a:buNone/>
            </a:pPr>
            <a:r>
              <a:rPr lang="ja-JP" altLang="en-US" sz="1800">
                <a:latin typeface="Arial" panose="020B0604020202020204" pitchFamily="34" charset="0"/>
              </a:rPr>
              <a:t>との協動</a:t>
            </a:r>
            <a:endParaRPr lang="en-US" altLang="ja-JP" sz="1800">
              <a:latin typeface="Arial" panose="020B0604020202020204" pitchFamily="34" charset="0"/>
            </a:endParaRPr>
          </a:p>
          <a:p>
            <a:pPr algn="ctr" eaLnBrk="1" hangingPunct="1">
              <a:spcBef>
                <a:spcPct val="0"/>
              </a:spcBef>
              <a:buFontTx/>
              <a:buNone/>
            </a:pPr>
            <a:r>
              <a:rPr lang="ja-JP" altLang="en-US" sz="1800" b="1">
                <a:latin typeface="Arial" panose="020B0604020202020204" pitchFamily="34" charset="0"/>
              </a:rPr>
              <a:t>国民の理解は重要</a:t>
            </a:r>
          </a:p>
        </p:txBody>
      </p:sp>
      <p:sp>
        <p:nvSpPr>
          <p:cNvPr id="28" name="左右矢印 27">
            <a:extLst>
              <a:ext uri="{FF2B5EF4-FFF2-40B4-BE49-F238E27FC236}">
                <a16:creationId xmlns:a16="http://schemas.microsoft.com/office/drawing/2014/main" id="{F954CCA2-4D02-3FE4-61B9-1DEE603D9157}"/>
              </a:ext>
            </a:extLst>
          </p:cNvPr>
          <p:cNvSpPr/>
          <p:nvPr/>
        </p:nvSpPr>
        <p:spPr>
          <a:xfrm rot="16200000">
            <a:off x="4092575" y="4846638"/>
            <a:ext cx="735013" cy="363537"/>
          </a:xfrm>
          <a:prstGeom prst="leftRightArrow">
            <a:avLst/>
          </a:prstGeom>
          <a:solidFill>
            <a:schemeClr val="accent1">
              <a:lumMod val="40000"/>
              <a:lumOff val="60000"/>
            </a:schemeClr>
          </a:solidFill>
          <a:ln>
            <a:prstDash val="lg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a:p>
        </p:txBody>
      </p:sp>
      <p:sp>
        <p:nvSpPr>
          <p:cNvPr id="23" name="円/楕円 15">
            <a:extLst>
              <a:ext uri="{FF2B5EF4-FFF2-40B4-BE49-F238E27FC236}">
                <a16:creationId xmlns:a16="http://schemas.microsoft.com/office/drawing/2014/main" id="{BC1AEC43-B37C-F777-0E34-289BCC679F42}"/>
              </a:ext>
            </a:extLst>
          </p:cNvPr>
          <p:cNvSpPr/>
          <p:nvPr/>
        </p:nvSpPr>
        <p:spPr>
          <a:xfrm>
            <a:off x="6892925" y="2614613"/>
            <a:ext cx="1563688" cy="904875"/>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350" dirty="0"/>
          </a:p>
          <a:p>
            <a:pPr>
              <a:defRPr/>
            </a:pPr>
            <a:endParaRPr lang="ja-JP" altLang="en-US" sz="1350" dirty="0"/>
          </a:p>
        </p:txBody>
      </p:sp>
      <p:sp>
        <p:nvSpPr>
          <p:cNvPr id="25621" name="テキスト ボックス 19">
            <a:extLst>
              <a:ext uri="{FF2B5EF4-FFF2-40B4-BE49-F238E27FC236}">
                <a16:creationId xmlns:a16="http://schemas.microsoft.com/office/drawing/2014/main" id="{1AE7071D-0DFC-A05B-CC3A-74C9CFD782FC}"/>
              </a:ext>
            </a:extLst>
          </p:cNvPr>
          <p:cNvSpPr txBox="1">
            <a:spLocks noChangeArrowheads="1"/>
          </p:cNvSpPr>
          <p:nvPr/>
        </p:nvSpPr>
        <p:spPr bwMode="auto">
          <a:xfrm>
            <a:off x="6753225" y="2646363"/>
            <a:ext cx="2033588" cy="1108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0" lvl="1" algn="ctr">
              <a:spcBef>
                <a:spcPct val="0"/>
              </a:spcBef>
              <a:buFont typeface="Arial" panose="020B0604020202020204" pitchFamily="34" charset="0"/>
              <a:buNone/>
            </a:pPr>
            <a:r>
              <a:rPr lang="ja-JP" altLang="en-US" sz="2100" b="1">
                <a:latin typeface="Arial" panose="020B0604020202020204" pitchFamily="34" charset="0"/>
              </a:rPr>
              <a:t>県</a:t>
            </a:r>
            <a:endParaRPr lang="en-US" altLang="ja-JP" sz="2100" b="1">
              <a:latin typeface="Arial" panose="020B0604020202020204" pitchFamily="34" charset="0"/>
            </a:endParaRPr>
          </a:p>
          <a:p>
            <a:pPr marL="0" lvl="1" algn="ctr">
              <a:spcBef>
                <a:spcPct val="0"/>
              </a:spcBef>
              <a:buFont typeface="Arial" panose="020B0604020202020204" pitchFamily="34" charset="0"/>
              <a:buNone/>
            </a:pPr>
            <a:r>
              <a:rPr lang="ja-JP" altLang="en-US" sz="1500" b="1">
                <a:latin typeface="Arial" panose="020B0604020202020204" pitchFamily="34" charset="0"/>
              </a:rPr>
              <a:t>指導、情報共有</a:t>
            </a:r>
            <a:endParaRPr lang="en-US" altLang="ja-JP" sz="1500" b="1">
              <a:latin typeface="Arial" panose="020B0604020202020204" pitchFamily="34" charset="0"/>
            </a:endParaRPr>
          </a:p>
          <a:p>
            <a:pPr marL="0" lvl="1" algn="ctr">
              <a:spcBef>
                <a:spcPct val="0"/>
              </a:spcBef>
              <a:buFont typeface="Arial" panose="020B0604020202020204" pitchFamily="34" charset="0"/>
              <a:buNone/>
            </a:pPr>
            <a:endParaRPr lang="en-US" altLang="ja-JP" sz="3000">
              <a:latin typeface="Arial" panose="020B0604020202020204" pitchFamily="34" charset="0"/>
            </a:endParaRPr>
          </a:p>
        </p:txBody>
      </p:sp>
      <p:sp>
        <p:nvSpPr>
          <p:cNvPr id="29" name="左右矢印 1">
            <a:extLst>
              <a:ext uri="{FF2B5EF4-FFF2-40B4-BE49-F238E27FC236}">
                <a16:creationId xmlns:a16="http://schemas.microsoft.com/office/drawing/2014/main" id="{68D0BDA8-63A7-DE94-0C74-14A85778A98A}"/>
              </a:ext>
            </a:extLst>
          </p:cNvPr>
          <p:cNvSpPr/>
          <p:nvPr/>
        </p:nvSpPr>
        <p:spPr>
          <a:xfrm rot="20603517">
            <a:off x="5462588" y="2281238"/>
            <a:ext cx="1052512" cy="363537"/>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30" name="左右矢印 23">
            <a:extLst>
              <a:ext uri="{FF2B5EF4-FFF2-40B4-BE49-F238E27FC236}">
                <a16:creationId xmlns:a16="http://schemas.microsoft.com/office/drawing/2014/main" id="{9D1B05CC-DAD5-163D-0838-4F1973E54D87}"/>
              </a:ext>
            </a:extLst>
          </p:cNvPr>
          <p:cNvSpPr/>
          <p:nvPr/>
        </p:nvSpPr>
        <p:spPr>
          <a:xfrm rot="2439667">
            <a:off x="3449638" y="2509838"/>
            <a:ext cx="809625" cy="363537"/>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350" dirty="0"/>
          </a:p>
        </p:txBody>
      </p:sp>
      <p:sp>
        <p:nvSpPr>
          <p:cNvPr id="2" name="楕円 1">
            <a:extLst>
              <a:ext uri="{FF2B5EF4-FFF2-40B4-BE49-F238E27FC236}">
                <a16:creationId xmlns:a16="http://schemas.microsoft.com/office/drawing/2014/main" id="{FC3EBD92-36A5-6239-B43C-4EF0AE44EDFF}"/>
              </a:ext>
            </a:extLst>
          </p:cNvPr>
          <p:cNvSpPr/>
          <p:nvPr/>
        </p:nvSpPr>
        <p:spPr>
          <a:xfrm>
            <a:off x="1554163" y="1306513"/>
            <a:ext cx="4384675" cy="3978275"/>
          </a:xfrm>
          <a:prstGeom prst="ellipse">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31" name="雲形吹き出し 30">
            <a:extLst>
              <a:ext uri="{FF2B5EF4-FFF2-40B4-BE49-F238E27FC236}">
                <a16:creationId xmlns:a16="http://schemas.microsoft.com/office/drawing/2014/main" id="{60885AEE-0347-68FA-C21B-E880077D0764}"/>
              </a:ext>
            </a:extLst>
          </p:cNvPr>
          <p:cNvSpPr/>
          <p:nvPr/>
        </p:nvSpPr>
        <p:spPr>
          <a:xfrm>
            <a:off x="493713" y="4724400"/>
            <a:ext cx="2543175" cy="1073150"/>
          </a:xfrm>
          <a:prstGeom prst="cloudCallout">
            <a:avLst>
              <a:gd name="adj1" fmla="val 4143"/>
              <a:gd name="adj2" fmla="val -78366"/>
            </a:avLst>
          </a:prstGeom>
          <a:solidFill>
            <a:srgbClr val="FF0000"/>
          </a:solidFill>
        </p:spPr>
        <p:style>
          <a:lnRef idx="2">
            <a:schemeClr val="accent1"/>
          </a:lnRef>
          <a:fillRef idx="1">
            <a:schemeClr val="lt1"/>
          </a:fillRef>
          <a:effectRef idx="0">
            <a:schemeClr val="accent1"/>
          </a:effectRef>
          <a:fontRef idx="minor">
            <a:schemeClr val="dk1"/>
          </a:fontRef>
        </p:style>
        <p:txBody>
          <a:bodyPr anchor="ctr"/>
          <a:lstStyle/>
          <a:p>
            <a:pPr algn="ctr">
              <a:defRPr/>
            </a:pPr>
            <a:r>
              <a:rPr lang="ja-JP" altLang="en-US" sz="2000" b="1" dirty="0"/>
              <a:t>実は最大のパートナー</a:t>
            </a:r>
            <a:endParaRPr lang="en-US" altLang="ja-JP" sz="2000" b="1" dirty="0"/>
          </a:p>
        </p:txBody>
      </p:sp>
      <p:sp>
        <p:nvSpPr>
          <p:cNvPr id="32" name="雲形吹き出し 31">
            <a:extLst>
              <a:ext uri="{FF2B5EF4-FFF2-40B4-BE49-F238E27FC236}">
                <a16:creationId xmlns:a16="http://schemas.microsoft.com/office/drawing/2014/main" id="{61D50BE8-F882-DC90-2A8E-5BAF8726B693}"/>
              </a:ext>
            </a:extLst>
          </p:cNvPr>
          <p:cNvSpPr/>
          <p:nvPr/>
        </p:nvSpPr>
        <p:spPr>
          <a:xfrm>
            <a:off x="6545263" y="5343525"/>
            <a:ext cx="2325687" cy="1138238"/>
          </a:xfrm>
          <a:prstGeom prst="cloudCallout">
            <a:avLst>
              <a:gd name="adj1" fmla="val -107862"/>
              <a:gd name="adj2" fmla="val -9671"/>
            </a:avLst>
          </a:prstGeom>
          <a:solidFill>
            <a:schemeClr val="bg1">
              <a:lumMod val="95000"/>
            </a:schemeClr>
          </a:solidFill>
        </p:spPr>
        <p:style>
          <a:lnRef idx="2">
            <a:schemeClr val="accent1"/>
          </a:lnRef>
          <a:fillRef idx="1">
            <a:schemeClr val="lt1"/>
          </a:fillRef>
          <a:effectRef idx="0">
            <a:schemeClr val="accent1"/>
          </a:effectRef>
          <a:fontRef idx="minor">
            <a:schemeClr val="dk1"/>
          </a:fontRef>
        </p:style>
        <p:txBody>
          <a:bodyPr anchor="ctr"/>
          <a:lstStyle/>
          <a:p>
            <a:pPr algn="ctr">
              <a:defRPr/>
            </a:pPr>
            <a:r>
              <a:rPr lang="ja-JP" altLang="en-US" sz="1600" b="1" dirty="0"/>
              <a:t>限界、限定的</a:t>
            </a:r>
            <a:endParaRPr lang="en-US" altLang="ja-JP" sz="1600" b="1" dirty="0"/>
          </a:p>
          <a:p>
            <a:pPr algn="ctr">
              <a:defRPr/>
            </a:pPr>
            <a:r>
              <a:rPr lang="ja-JP" altLang="en-US" sz="1600" b="1" dirty="0"/>
              <a:t>ではあるが。</a:t>
            </a:r>
          </a:p>
        </p:txBody>
      </p:sp>
      <p:sp>
        <p:nvSpPr>
          <p:cNvPr id="33" name="雲形吹き出し 4">
            <a:extLst>
              <a:ext uri="{FF2B5EF4-FFF2-40B4-BE49-F238E27FC236}">
                <a16:creationId xmlns:a16="http://schemas.microsoft.com/office/drawing/2014/main" id="{C4198076-C61F-C22D-936C-AD0479599182}"/>
              </a:ext>
            </a:extLst>
          </p:cNvPr>
          <p:cNvSpPr/>
          <p:nvPr/>
        </p:nvSpPr>
        <p:spPr>
          <a:xfrm>
            <a:off x="6873875" y="3508375"/>
            <a:ext cx="2120900" cy="822325"/>
          </a:xfrm>
          <a:prstGeom prst="cloudCallout">
            <a:avLst>
              <a:gd name="adj1" fmla="val -17781"/>
              <a:gd name="adj2" fmla="val -59698"/>
            </a:avLst>
          </a:prstGeom>
        </p:spPr>
        <p:style>
          <a:lnRef idx="1">
            <a:schemeClr val="accent6"/>
          </a:lnRef>
          <a:fillRef idx="2">
            <a:schemeClr val="accent6"/>
          </a:fillRef>
          <a:effectRef idx="1">
            <a:schemeClr val="accent6"/>
          </a:effectRef>
          <a:fontRef idx="minor">
            <a:schemeClr val="dk1"/>
          </a:fontRef>
        </p:style>
        <p:txBody>
          <a:bodyPr anchor="ctr"/>
          <a:lstStyle/>
          <a:p>
            <a:pPr algn="ctr">
              <a:defRPr/>
            </a:pPr>
            <a:r>
              <a:rPr lang="ja-JP" altLang="en-US" sz="2000" b="1" dirty="0"/>
              <a:t>機能不全</a:t>
            </a:r>
          </a:p>
        </p:txBody>
      </p:sp>
      <p:sp>
        <p:nvSpPr>
          <p:cNvPr id="25628" name="テキスト ボックス 3">
            <a:extLst>
              <a:ext uri="{FF2B5EF4-FFF2-40B4-BE49-F238E27FC236}">
                <a16:creationId xmlns:a16="http://schemas.microsoft.com/office/drawing/2014/main" id="{6B4F2939-6219-1204-E129-60A43E939540}"/>
              </a:ext>
            </a:extLst>
          </p:cNvPr>
          <p:cNvSpPr txBox="1">
            <a:spLocks noChangeArrowheads="1"/>
          </p:cNvSpPr>
          <p:nvPr/>
        </p:nvSpPr>
        <p:spPr bwMode="auto">
          <a:xfrm>
            <a:off x="368300" y="2560638"/>
            <a:ext cx="414338" cy="230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b="1">
                <a:latin typeface="Arial" panose="020B0604020202020204" pitchFamily="34" charset="0"/>
              </a:rPr>
              <a:t>土</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木</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技</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術</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者</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の</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活</a:t>
            </a:r>
            <a:endParaRPr lang="en-US" altLang="ja-JP" sz="1400" b="1">
              <a:latin typeface="Arial" panose="020B0604020202020204" pitchFamily="34" charset="0"/>
            </a:endParaRPr>
          </a:p>
          <a:p>
            <a:pPr>
              <a:spcBef>
                <a:spcPct val="0"/>
              </a:spcBef>
              <a:buFontTx/>
              <a:buNone/>
            </a:pPr>
            <a:r>
              <a:rPr lang="ja-JP" altLang="en-US" sz="1400" b="1">
                <a:latin typeface="Arial" panose="020B0604020202020204" pitchFamily="34" charset="0"/>
              </a:rPr>
              <a:t>躍</a:t>
            </a:r>
          </a:p>
        </p:txBody>
      </p:sp>
    </p:spTree>
    <p:extLst>
      <p:ext uri="{BB962C8B-B14F-4D97-AF65-F5344CB8AC3E}">
        <p14:creationId xmlns:p14="http://schemas.microsoft.com/office/powerpoint/2010/main" val="20460259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955286" y="575334"/>
            <a:ext cx="6956497" cy="405222"/>
          </a:xfrm>
        </p:spPr>
        <p:txBody>
          <a:bodyPr>
            <a:normAutofit fontScale="90000"/>
          </a:bodyPr>
          <a:lstStyle/>
          <a:p>
            <a:r>
              <a:rPr lang="ja-JP" altLang="en-US" sz="2700" b="1" dirty="0"/>
              <a:t>現在の一番の不安</a:t>
            </a:r>
            <a:br>
              <a:rPr lang="en-US" altLang="ja-JP" sz="2700" b="1" dirty="0"/>
            </a:br>
            <a:r>
              <a:rPr lang="ja-JP" altLang="en-US" sz="2200" b="1" dirty="0"/>
              <a:t>高速道路上のオーバーブリッジ　　　　</a:t>
            </a:r>
            <a:br>
              <a:rPr lang="en-US" altLang="ja-JP" sz="2200" b="1" dirty="0"/>
            </a:br>
            <a:r>
              <a:rPr lang="ja-JP" altLang="en-US" sz="2200" b="1" dirty="0"/>
              <a:t>⇒実は当時の設計ミスでは？（設計時の鉄筋量の不足は確認している）</a:t>
            </a:r>
          </a:p>
        </p:txBody>
      </p:sp>
      <p:pic>
        <p:nvPicPr>
          <p:cNvPr id="5" name="図 4">
            <a:extLst>
              <a:ext uri="{FF2B5EF4-FFF2-40B4-BE49-F238E27FC236}">
                <a16:creationId xmlns:a16="http://schemas.microsoft.com/office/drawing/2014/main" id="{DE9D6DCA-0D6D-981C-E293-BD89EF97BDDB}"/>
              </a:ext>
            </a:extLst>
          </p:cNvPr>
          <p:cNvPicPr>
            <a:picLocks noChangeAspect="1"/>
          </p:cNvPicPr>
          <p:nvPr/>
        </p:nvPicPr>
        <p:blipFill>
          <a:blip r:embed="rId2"/>
          <a:stretch>
            <a:fillRect/>
          </a:stretch>
        </p:blipFill>
        <p:spPr>
          <a:xfrm>
            <a:off x="406586" y="1531933"/>
            <a:ext cx="4128065" cy="1813262"/>
          </a:xfrm>
          <a:prstGeom prst="rect">
            <a:avLst/>
          </a:prstGeom>
        </p:spPr>
      </p:pic>
      <p:pic>
        <p:nvPicPr>
          <p:cNvPr id="6" name="図 5">
            <a:extLst>
              <a:ext uri="{FF2B5EF4-FFF2-40B4-BE49-F238E27FC236}">
                <a16:creationId xmlns:a16="http://schemas.microsoft.com/office/drawing/2014/main" id="{DB8AD7BC-E147-6C26-AD0A-0C307EEA8068}"/>
              </a:ext>
            </a:extLst>
          </p:cNvPr>
          <p:cNvPicPr>
            <a:picLocks noChangeAspect="1"/>
          </p:cNvPicPr>
          <p:nvPr/>
        </p:nvPicPr>
        <p:blipFill>
          <a:blip r:embed="rId3"/>
          <a:stretch>
            <a:fillRect/>
          </a:stretch>
        </p:blipFill>
        <p:spPr>
          <a:xfrm>
            <a:off x="4609351" y="1531932"/>
            <a:ext cx="4120346" cy="1813261"/>
          </a:xfrm>
          <a:prstGeom prst="rect">
            <a:avLst/>
          </a:prstGeom>
        </p:spPr>
      </p:pic>
      <p:pic>
        <p:nvPicPr>
          <p:cNvPr id="7" name="図 6">
            <a:extLst>
              <a:ext uri="{FF2B5EF4-FFF2-40B4-BE49-F238E27FC236}">
                <a16:creationId xmlns:a16="http://schemas.microsoft.com/office/drawing/2014/main" id="{EE6E90E0-5CEA-8EFA-DFE3-20656016C984}"/>
              </a:ext>
            </a:extLst>
          </p:cNvPr>
          <p:cNvPicPr>
            <a:picLocks noChangeAspect="1"/>
          </p:cNvPicPr>
          <p:nvPr/>
        </p:nvPicPr>
        <p:blipFill>
          <a:blip r:embed="rId4"/>
          <a:stretch>
            <a:fillRect/>
          </a:stretch>
        </p:blipFill>
        <p:spPr>
          <a:xfrm>
            <a:off x="377522" y="3512806"/>
            <a:ext cx="4174928" cy="2364637"/>
          </a:xfrm>
          <a:prstGeom prst="rect">
            <a:avLst/>
          </a:prstGeom>
        </p:spPr>
      </p:pic>
      <p:pic>
        <p:nvPicPr>
          <p:cNvPr id="8" name="図 7">
            <a:extLst>
              <a:ext uri="{FF2B5EF4-FFF2-40B4-BE49-F238E27FC236}">
                <a16:creationId xmlns:a16="http://schemas.microsoft.com/office/drawing/2014/main" id="{E4403871-D065-7BAF-5EF6-530F478648AB}"/>
              </a:ext>
            </a:extLst>
          </p:cNvPr>
          <p:cNvPicPr>
            <a:picLocks noChangeAspect="1"/>
          </p:cNvPicPr>
          <p:nvPr/>
        </p:nvPicPr>
        <p:blipFill>
          <a:blip r:embed="rId5"/>
          <a:stretch>
            <a:fillRect/>
          </a:stretch>
        </p:blipFill>
        <p:spPr>
          <a:xfrm>
            <a:off x="4609351" y="3512806"/>
            <a:ext cx="4144658" cy="2364636"/>
          </a:xfrm>
          <a:prstGeom prst="rect">
            <a:avLst/>
          </a:prstGeom>
        </p:spPr>
      </p:pic>
    </p:spTree>
    <p:extLst>
      <p:ext uri="{BB962C8B-B14F-4D97-AF65-F5344CB8AC3E}">
        <p14:creationId xmlns:p14="http://schemas.microsoft.com/office/powerpoint/2010/main" val="255734127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9C1F6634-4229-C60F-5CB7-CE6F8BDF8EE6}"/>
              </a:ext>
            </a:extLst>
          </p:cNvPr>
          <p:cNvSpPr>
            <a:spLocks noGrp="1"/>
          </p:cNvSpPr>
          <p:nvPr>
            <p:ph type="sldNum" sz="quarter" idx="12"/>
          </p:nvPr>
        </p:nvSpPr>
        <p:spPr/>
        <p:txBody>
          <a:bodyPr/>
          <a:lstStyle/>
          <a:p>
            <a:fld id="{66545E97-F017-4993-8E0F-1F0B98A93716}" type="slidenum">
              <a:rPr kumimoji="1" lang="ja-JP" altLang="en-US" smtClean="0"/>
              <a:t>4</a:t>
            </a:fld>
            <a:endParaRPr kumimoji="1" lang="ja-JP" altLang="en-US"/>
          </a:p>
        </p:txBody>
      </p:sp>
      <p:pic>
        <p:nvPicPr>
          <p:cNvPr id="4" name="図 3">
            <a:extLst>
              <a:ext uri="{FF2B5EF4-FFF2-40B4-BE49-F238E27FC236}">
                <a16:creationId xmlns:a16="http://schemas.microsoft.com/office/drawing/2014/main" id="{DF1B8E13-551E-1E54-16E1-DD18BE6D54C3}"/>
              </a:ext>
            </a:extLst>
          </p:cNvPr>
          <p:cNvPicPr>
            <a:picLocks noChangeAspect="1"/>
          </p:cNvPicPr>
          <p:nvPr/>
        </p:nvPicPr>
        <p:blipFill>
          <a:blip r:embed="rId2"/>
          <a:stretch>
            <a:fillRect/>
          </a:stretch>
        </p:blipFill>
        <p:spPr>
          <a:xfrm>
            <a:off x="0" y="185545"/>
            <a:ext cx="9144000" cy="6486909"/>
          </a:xfrm>
          <a:prstGeom prst="rect">
            <a:avLst/>
          </a:prstGeom>
        </p:spPr>
      </p:pic>
    </p:spTree>
    <p:extLst>
      <p:ext uri="{BB962C8B-B14F-4D97-AF65-F5344CB8AC3E}">
        <p14:creationId xmlns:p14="http://schemas.microsoft.com/office/powerpoint/2010/main" val="98369777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番号プレースホルダー 1"/>
          <p:cNvSpPr>
            <a:spLocks noGrp="1"/>
          </p:cNvSpPr>
          <p:nvPr>
            <p:ph type="sldNum" sz="quarter" idx="12"/>
          </p:nvPr>
        </p:nvSpPr>
        <p:spPr>
          <a:xfrm>
            <a:off x="1602486" y="5487353"/>
            <a:ext cx="1485900" cy="27432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2400">
                <a:solidFill>
                  <a:schemeClr val="tx1"/>
                </a:solidFill>
                <a:latin typeface="Arial" charset="0"/>
                <a:ea typeface="ＭＳ Ｐゴシック" pitchFamily="50" charset="-128"/>
              </a:defRPr>
            </a:lvl1pPr>
            <a:lvl2pPr marL="557213" indent="-214313" eaLnBrk="0" hangingPunct="0">
              <a:spcBef>
                <a:spcPct val="20000"/>
              </a:spcBef>
              <a:buChar char="–"/>
              <a:defRPr kumimoji="1" sz="2100">
                <a:solidFill>
                  <a:schemeClr val="tx1"/>
                </a:solidFill>
                <a:latin typeface="Arial" charset="0"/>
                <a:ea typeface="ＭＳ Ｐゴシック" pitchFamily="50" charset="-128"/>
              </a:defRPr>
            </a:lvl2pPr>
            <a:lvl3pPr marL="857250" indent="-171450" eaLnBrk="0" hangingPunct="0">
              <a:spcBef>
                <a:spcPct val="20000"/>
              </a:spcBef>
              <a:buChar char="•"/>
              <a:defRPr kumimoji="1" sz="1800">
                <a:solidFill>
                  <a:schemeClr val="tx1"/>
                </a:solidFill>
                <a:latin typeface="Arial" charset="0"/>
                <a:ea typeface="ＭＳ Ｐゴシック" pitchFamily="50" charset="-128"/>
              </a:defRPr>
            </a:lvl3pPr>
            <a:lvl4pPr marL="1200150" indent="-171450" eaLnBrk="0" hangingPunct="0">
              <a:spcBef>
                <a:spcPct val="20000"/>
              </a:spcBef>
              <a:buChar char="–"/>
              <a:defRPr kumimoji="1" sz="1500">
                <a:solidFill>
                  <a:schemeClr val="tx1"/>
                </a:solidFill>
                <a:latin typeface="Arial" charset="0"/>
                <a:ea typeface="ＭＳ Ｐゴシック" pitchFamily="50" charset="-128"/>
              </a:defRPr>
            </a:lvl4pPr>
            <a:lvl5pPr marL="1543050" indent="-171450" eaLnBrk="0" hangingPunct="0">
              <a:spcBef>
                <a:spcPct val="20000"/>
              </a:spcBef>
              <a:buChar char="»"/>
              <a:defRPr kumimoji="1" sz="1500">
                <a:solidFill>
                  <a:schemeClr val="tx1"/>
                </a:solidFill>
                <a:latin typeface="Arial" charset="0"/>
                <a:ea typeface="ＭＳ Ｐゴシック" pitchFamily="50" charset="-128"/>
              </a:defRPr>
            </a:lvl5pPr>
            <a:lvl6pPr marL="1885950" indent="-171450" eaLnBrk="0" fontAlgn="base" hangingPunct="0">
              <a:spcBef>
                <a:spcPct val="20000"/>
              </a:spcBef>
              <a:spcAft>
                <a:spcPct val="0"/>
              </a:spcAft>
              <a:buChar char="»"/>
              <a:defRPr kumimoji="1" sz="1500">
                <a:solidFill>
                  <a:schemeClr val="tx1"/>
                </a:solidFill>
                <a:latin typeface="Arial" charset="0"/>
                <a:ea typeface="ＭＳ Ｐゴシック" pitchFamily="50" charset="-128"/>
              </a:defRPr>
            </a:lvl6pPr>
            <a:lvl7pPr marL="2228850" indent="-171450" eaLnBrk="0" fontAlgn="base" hangingPunct="0">
              <a:spcBef>
                <a:spcPct val="20000"/>
              </a:spcBef>
              <a:spcAft>
                <a:spcPct val="0"/>
              </a:spcAft>
              <a:buChar char="»"/>
              <a:defRPr kumimoji="1" sz="1500">
                <a:solidFill>
                  <a:schemeClr val="tx1"/>
                </a:solidFill>
                <a:latin typeface="Arial" charset="0"/>
                <a:ea typeface="ＭＳ Ｐゴシック" pitchFamily="50" charset="-128"/>
              </a:defRPr>
            </a:lvl7pPr>
            <a:lvl8pPr marL="2571750" indent="-171450" eaLnBrk="0" fontAlgn="base" hangingPunct="0">
              <a:spcBef>
                <a:spcPct val="20000"/>
              </a:spcBef>
              <a:spcAft>
                <a:spcPct val="0"/>
              </a:spcAft>
              <a:buChar char="»"/>
              <a:defRPr kumimoji="1" sz="1500">
                <a:solidFill>
                  <a:schemeClr val="tx1"/>
                </a:solidFill>
                <a:latin typeface="Arial" charset="0"/>
                <a:ea typeface="ＭＳ Ｐゴシック" pitchFamily="50" charset="-128"/>
              </a:defRPr>
            </a:lvl8pPr>
            <a:lvl9pPr marL="2914650" indent="-171450" eaLnBrk="0" fontAlgn="base" hangingPunct="0">
              <a:spcBef>
                <a:spcPct val="20000"/>
              </a:spcBef>
              <a:spcAft>
                <a:spcPct val="0"/>
              </a:spcAft>
              <a:buChar char="»"/>
              <a:defRPr kumimoji="1" sz="1500">
                <a:solidFill>
                  <a:schemeClr val="tx1"/>
                </a:solidFill>
                <a:latin typeface="Arial" charset="0"/>
                <a:ea typeface="ＭＳ Ｐゴシック" pitchFamily="50" charset="-128"/>
              </a:defRPr>
            </a:lvl9pPr>
          </a:lstStyle>
          <a:p>
            <a:pPr eaLnBrk="1" hangingPunct="1">
              <a:spcBef>
                <a:spcPct val="0"/>
              </a:spcBef>
              <a:buFontTx/>
              <a:buNone/>
            </a:pPr>
            <a:r>
              <a:rPr lang="en-US" altLang="ja-JP" sz="900">
                <a:solidFill>
                  <a:schemeClr val="bg1"/>
                </a:solidFill>
                <a:latin typeface="HGPｺﾞｼｯｸE" pitchFamily="50" charset="-128"/>
                <a:ea typeface="HGPｺﾞｼｯｸE" pitchFamily="50" charset="-128"/>
              </a:rPr>
              <a:t>-</a:t>
            </a:r>
            <a:fld id="{0625D179-7009-4241-86E7-8D78DED257DF}" type="slidenum">
              <a:rPr lang="en-US" altLang="ja-JP" sz="900">
                <a:solidFill>
                  <a:schemeClr val="bg1"/>
                </a:solidFill>
                <a:latin typeface="HGPｺﾞｼｯｸE" pitchFamily="50" charset="-128"/>
                <a:ea typeface="HGPｺﾞｼｯｸE" pitchFamily="50" charset="-128"/>
              </a:rPr>
              <a:pPr eaLnBrk="1" hangingPunct="1">
                <a:spcBef>
                  <a:spcPct val="0"/>
                </a:spcBef>
                <a:buFontTx/>
                <a:buNone/>
              </a:pPr>
              <a:t>40</a:t>
            </a:fld>
            <a:r>
              <a:rPr lang="en-US" altLang="ja-JP" sz="900">
                <a:solidFill>
                  <a:schemeClr val="bg1"/>
                </a:solidFill>
                <a:latin typeface="HGPｺﾞｼｯｸE" pitchFamily="50" charset="-128"/>
                <a:ea typeface="HGPｺﾞｼｯｸE" pitchFamily="50" charset="-128"/>
              </a:rPr>
              <a:t>-</a:t>
            </a:r>
          </a:p>
        </p:txBody>
      </p:sp>
      <p:pic>
        <p:nvPicPr>
          <p:cNvPr id="32772" name="Picture 2" descr="\\toyama-city.local\17建設部\1730橋りょう保全\s2\計画係\研究協力\RAIMS\五福４号橋モニタリング\160330実地試験\IMG_1440.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42031" y="1927732"/>
            <a:ext cx="3050958" cy="22876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776" name="テキスト ボックス 1"/>
          <p:cNvSpPr txBox="1">
            <a:spLocks noChangeArrowheads="1"/>
          </p:cNvSpPr>
          <p:nvPr/>
        </p:nvSpPr>
        <p:spPr bwMode="auto">
          <a:xfrm>
            <a:off x="339356" y="1139612"/>
            <a:ext cx="6978192"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ja-JP" altLang="en-US" sz="2700" dirty="0"/>
              <a:t>これから増える。モニタリング（監視）と言う選択</a:t>
            </a:r>
          </a:p>
        </p:txBody>
      </p:sp>
      <p:pic>
        <p:nvPicPr>
          <p:cNvPr id="614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14871" y="1906126"/>
            <a:ext cx="3487100" cy="23092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テキスト ボックス 1">
            <a:extLst>
              <a:ext uri="{FF2B5EF4-FFF2-40B4-BE49-F238E27FC236}">
                <a16:creationId xmlns:a16="http://schemas.microsoft.com/office/drawing/2014/main" id="{C65462AF-0CCE-443F-5A7F-7384192F70D1}"/>
              </a:ext>
            </a:extLst>
          </p:cNvPr>
          <p:cNvSpPr txBox="1"/>
          <p:nvPr/>
        </p:nvSpPr>
        <p:spPr>
          <a:xfrm>
            <a:off x="1136444" y="4399762"/>
            <a:ext cx="6917278" cy="1384995"/>
          </a:xfrm>
          <a:prstGeom prst="rect">
            <a:avLst/>
          </a:prstGeom>
          <a:noFill/>
        </p:spPr>
        <p:txBody>
          <a:bodyPr wrap="none" rtlCol="0">
            <a:spAutoFit/>
          </a:bodyPr>
          <a:lstStyle/>
          <a:p>
            <a:r>
              <a:rPr lang="ja-JP" altLang="en-US" sz="2100" dirty="0"/>
              <a:t>評価</a:t>
            </a:r>
            <a:r>
              <a:rPr lang="en-US" altLang="ja-JP" sz="2100" dirty="0"/>
              <a:t>Ⅲ</a:t>
            </a:r>
            <a:r>
              <a:rPr lang="ja-JP" altLang="en-US" sz="2100" dirty="0"/>
              <a:t>において、補修が実施できない場合、</a:t>
            </a:r>
            <a:endParaRPr lang="en-US" altLang="ja-JP" sz="2100" dirty="0"/>
          </a:p>
          <a:p>
            <a:r>
              <a:rPr lang="ja-JP" altLang="en-US" sz="2100" dirty="0"/>
              <a:t>「監視」という方法もある。</a:t>
            </a:r>
            <a:endParaRPr lang="en-US" altLang="ja-JP" sz="2100" dirty="0"/>
          </a:p>
          <a:p>
            <a:r>
              <a:rPr lang="ja-JP" altLang="en-US" sz="2100" dirty="0"/>
              <a:t>監視することにより安全性の確保。</a:t>
            </a:r>
            <a:endParaRPr lang="en-US" altLang="ja-JP" sz="2100" dirty="0"/>
          </a:p>
          <a:p>
            <a:r>
              <a:rPr lang="ja-JP" altLang="en-US" sz="2100" dirty="0"/>
              <a:t>モニタリングシステムの重要性　⇒理解がされていない</a:t>
            </a:r>
          </a:p>
        </p:txBody>
      </p:sp>
    </p:spTree>
    <p:extLst>
      <p:ext uri="{BB962C8B-B14F-4D97-AF65-F5344CB8AC3E}">
        <p14:creationId xmlns:p14="http://schemas.microsoft.com/office/powerpoint/2010/main" val="81272404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0D15E348-911B-4FFE-95BC-FC8EAF7C3FD1}"/>
              </a:ext>
            </a:extLst>
          </p:cNvPr>
          <p:cNvGrpSpPr/>
          <p:nvPr/>
        </p:nvGrpSpPr>
        <p:grpSpPr>
          <a:xfrm>
            <a:off x="3494366" y="2464701"/>
            <a:ext cx="2018824" cy="1739743"/>
            <a:chOff x="0" y="0"/>
            <a:chExt cx="2692399" cy="2319866"/>
          </a:xfrm>
          <a:solidFill>
            <a:schemeClr val="bg1">
              <a:lumMod val="65000"/>
            </a:schemeClr>
          </a:solidFill>
        </p:grpSpPr>
        <p:sp>
          <p:nvSpPr>
            <p:cNvPr id="3" name="正方形/長方形 2">
              <a:extLst>
                <a:ext uri="{FF2B5EF4-FFF2-40B4-BE49-F238E27FC236}">
                  <a16:creationId xmlns:a16="http://schemas.microsoft.com/office/drawing/2014/main" id="{E9593CCB-6B7B-4C29-9B5F-4A9561041831}"/>
                </a:ext>
              </a:extLst>
            </p:cNvPr>
            <p:cNvSpPr/>
            <p:nvPr/>
          </p:nvSpPr>
          <p:spPr>
            <a:xfrm>
              <a:off x="0" y="787400"/>
              <a:ext cx="2684778" cy="2116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4" name="台形 3">
              <a:extLst>
                <a:ext uri="{FF2B5EF4-FFF2-40B4-BE49-F238E27FC236}">
                  <a16:creationId xmlns:a16="http://schemas.microsoft.com/office/drawing/2014/main" id="{AD6CC02C-64FD-4F03-A4B3-BD7375C89E64}"/>
                </a:ext>
              </a:extLst>
            </p:cNvPr>
            <p:cNvSpPr/>
            <p:nvPr/>
          </p:nvSpPr>
          <p:spPr>
            <a:xfrm>
              <a:off x="101600" y="999066"/>
              <a:ext cx="2506133" cy="1320800"/>
            </a:xfrm>
            <a:prstGeom prst="trapezoid">
              <a:avLst>
                <a:gd name="adj" fmla="val 5769"/>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5" name="正方形/長方形 4">
              <a:extLst>
                <a:ext uri="{FF2B5EF4-FFF2-40B4-BE49-F238E27FC236}">
                  <a16:creationId xmlns:a16="http://schemas.microsoft.com/office/drawing/2014/main" id="{66E0264D-AA86-43B8-ADD7-E9FD07DADE7F}"/>
                </a:ext>
              </a:extLst>
            </p:cNvPr>
            <p:cNvSpPr/>
            <p:nvPr/>
          </p:nvSpPr>
          <p:spPr>
            <a:xfrm>
              <a:off x="245533"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6" name="正方形/長方形 5">
              <a:extLst>
                <a:ext uri="{FF2B5EF4-FFF2-40B4-BE49-F238E27FC236}">
                  <a16:creationId xmlns:a16="http://schemas.microsoft.com/office/drawing/2014/main" id="{DBFC9C6E-BD25-48F3-84C4-CCAAC6D3E0AE}"/>
                </a:ext>
              </a:extLst>
            </p:cNvPr>
            <p:cNvSpPr/>
            <p:nvPr/>
          </p:nvSpPr>
          <p:spPr>
            <a:xfrm>
              <a:off x="787400"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7" name="正方形/長方形 6">
              <a:extLst>
                <a:ext uri="{FF2B5EF4-FFF2-40B4-BE49-F238E27FC236}">
                  <a16:creationId xmlns:a16="http://schemas.microsoft.com/office/drawing/2014/main" id="{DEACA7E9-E34B-44B8-8539-04E5CC4FF5A5}"/>
                </a:ext>
              </a:extLst>
            </p:cNvPr>
            <p:cNvSpPr/>
            <p:nvPr/>
          </p:nvSpPr>
          <p:spPr>
            <a:xfrm>
              <a:off x="1312333" y="423333"/>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8" name="正方形/長方形 7">
              <a:extLst>
                <a:ext uri="{FF2B5EF4-FFF2-40B4-BE49-F238E27FC236}">
                  <a16:creationId xmlns:a16="http://schemas.microsoft.com/office/drawing/2014/main" id="{3893FF06-6102-47D1-BA57-DBD7D29432C3}"/>
                </a:ext>
              </a:extLst>
            </p:cNvPr>
            <p:cNvSpPr/>
            <p:nvPr/>
          </p:nvSpPr>
          <p:spPr>
            <a:xfrm>
              <a:off x="1820333" y="431800"/>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9" name="正方形/長方形 8">
              <a:extLst>
                <a:ext uri="{FF2B5EF4-FFF2-40B4-BE49-F238E27FC236}">
                  <a16:creationId xmlns:a16="http://schemas.microsoft.com/office/drawing/2014/main" id="{7388B294-A7E7-431D-8535-C91C20DD2721}"/>
                </a:ext>
              </a:extLst>
            </p:cNvPr>
            <p:cNvSpPr/>
            <p:nvPr/>
          </p:nvSpPr>
          <p:spPr>
            <a:xfrm>
              <a:off x="2404533" y="423333"/>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0" name="正方形/長方形 9">
              <a:extLst>
                <a:ext uri="{FF2B5EF4-FFF2-40B4-BE49-F238E27FC236}">
                  <a16:creationId xmlns:a16="http://schemas.microsoft.com/office/drawing/2014/main" id="{23EB4D02-1394-4F5A-9E23-2C6510FAC102}"/>
                </a:ext>
              </a:extLst>
            </p:cNvPr>
            <p:cNvSpPr/>
            <p:nvPr/>
          </p:nvSpPr>
          <p:spPr>
            <a:xfrm>
              <a:off x="25400" y="338666"/>
              <a:ext cx="2658322" cy="93133"/>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1" name="正方形/長方形 10">
              <a:extLst>
                <a:ext uri="{FF2B5EF4-FFF2-40B4-BE49-F238E27FC236}">
                  <a16:creationId xmlns:a16="http://schemas.microsoft.com/office/drawing/2014/main" id="{8976A085-9108-4E24-9550-431ADADE8CB2}"/>
                </a:ext>
              </a:extLst>
            </p:cNvPr>
            <p:cNvSpPr/>
            <p:nvPr/>
          </p:nvSpPr>
          <p:spPr>
            <a:xfrm flipH="1">
              <a:off x="25400"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2" name="正方形/長方形 11">
              <a:extLst>
                <a:ext uri="{FF2B5EF4-FFF2-40B4-BE49-F238E27FC236}">
                  <a16:creationId xmlns:a16="http://schemas.microsoft.com/office/drawing/2014/main" id="{6F2C0411-963C-4462-9D35-AEDBE98CAF0D}"/>
                </a:ext>
              </a:extLst>
            </p:cNvPr>
            <p:cNvSpPr/>
            <p:nvPr/>
          </p:nvSpPr>
          <p:spPr>
            <a:xfrm flipH="1">
              <a:off x="2573866"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3" name="正方形/長方形 12">
              <a:extLst>
                <a:ext uri="{FF2B5EF4-FFF2-40B4-BE49-F238E27FC236}">
                  <a16:creationId xmlns:a16="http://schemas.microsoft.com/office/drawing/2014/main" id="{FF821336-D676-450A-A975-EFC94547C213}"/>
                </a:ext>
              </a:extLst>
            </p:cNvPr>
            <p:cNvSpPr/>
            <p:nvPr/>
          </p:nvSpPr>
          <p:spPr>
            <a:xfrm flipH="1">
              <a:off x="2607733"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4" name="正方形/長方形 13">
              <a:extLst>
                <a:ext uri="{FF2B5EF4-FFF2-40B4-BE49-F238E27FC236}">
                  <a16:creationId xmlns:a16="http://schemas.microsoft.com/office/drawing/2014/main" id="{546F71AC-A7A9-4811-98FA-CBF641405A04}"/>
                </a:ext>
              </a:extLst>
            </p:cNvPr>
            <p:cNvSpPr/>
            <p:nvPr/>
          </p:nvSpPr>
          <p:spPr>
            <a:xfrm flipH="1">
              <a:off x="59266"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5" name="フリーフォーム 14">
              <a:extLst>
                <a:ext uri="{FF2B5EF4-FFF2-40B4-BE49-F238E27FC236}">
                  <a16:creationId xmlns:a16="http://schemas.microsoft.com/office/drawing/2014/main" id="{48432204-48EF-4FE8-8398-8B8BE48E5D85}"/>
                </a:ext>
              </a:extLst>
            </p:cNvPr>
            <p:cNvSpPr/>
            <p:nvPr/>
          </p:nvSpPr>
          <p:spPr>
            <a:xfrm>
              <a:off x="84666" y="787400"/>
              <a:ext cx="58420" cy="228600"/>
            </a:xfrm>
            <a:custGeom>
              <a:avLst/>
              <a:gdLst>
                <a:gd name="connsiteX0" fmla="*/ 19053 w 19053"/>
                <a:gd name="connsiteY0" fmla="*/ 0 h 203200"/>
                <a:gd name="connsiteX1" fmla="*/ 2119 w 19053"/>
                <a:gd name="connsiteY1" fmla="*/ 203200 h 203200"/>
              </a:gdLst>
              <a:ahLst/>
              <a:cxnLst>
                <a:cxn ang="0">
                  <a:pos x="connsiteX0" y="connsiteY0"/>
                </a:cxn>
                <a:cxn ang="0">
                  <a:pos x="connsiteX1" y="connsiteY1"/>
                </a:cxn>
              </a:cxnLst>
              <a:rect l="l" t="t" r="r" b="b"/>
              <a:pathLst>
                <a:path w="19053" h="203200">
                  <a:moveTo>
                    <a:pt x="19053" y="0"/>
                  </a:moveTo>
                  <a:cubicBezTo>
                    <a:pt x="-8833" y="111540"/>
                    <a:pt x="2119" y="44460"/>
                    <a:pt x="2119" y="203200"/>
                  </a:cubicBezTo>
                </a:path>
              </a:pathLst>
            </a:custGeom>
            <a:grpFill/>
            <a:ln w="9525"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6" name="フリーフォーム 15">
              <a:extLst>
                <a:ext uri="{FF2B5EF4-FFF2-40B4-BE49-F238E27FC236}">
                  <a16:creationId xmlns:a16="http://schemas.microsoft.com/office/drawing/2014/main" id="{D9A4DEE0-16CC-48FD-B48E-49F9E946A531}"/>
                </a:ext>
              </a:extLst>
            </p:cNvPr>
            <p:cNvSpPr/>
            <p:nvPr/>
          </p:nvSpPr>
          <p:spPr>
            <a:xfrm>
              <a:off x="524933" y="787400"/>
              <a:ext cx="127000" cy="203200"/>
            </a:xfrm>
            <a:custGeom>
              <a:avLst/>
              <a:gdLst>
                <a:gd name="connsiteX0" fmla="*/ 0 w 127000"/>
                <a:gd name="connsiteY0" fmla="*/ 0 h 177995"/>
                <a:gd name="connsiteX1" fmla="*/ 25400 w 127000"/>
                <a:gd name="connsiteY1" fmla="*/ 42333 h 177995"/>
                <a:gd name="connsiteX2" fmla="*/ 50800 w 127000"/>
                <a:gd name="connsiteY2" fmla="*/ 59266 h 177995"/>
                <a:gd name="connsiteX3" fmla="*/ 67733 w 127000"/>
                <a:gd name="connsiteY3" fmla="*/ 84666 h 177995"/>
                <a:gd name="connsiteX4" fmla="*/ 76200 w 127000"/>
                <a:gd name="connsiteY4" fmla="*/ 127000 h 177995"/>
                <a:gd name="connsiteX5" fmla="*/ 101600 w 127000"/>
                <a:gd name="connsiteY5" fmla="*/ 135466 h 177995"/>
                <a:gd name="connsiteX6" fmla="*/ 127000 w 127000"/>
                <a:gd name="connsiteY6" fmla="*/ 177800 h 1779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7000" h="177995">
                  <a:moveTo>
                    <a:pt x="0" y="0"/>
                  </a:moveTo>
                  <a:cubicBezTo>
                    <a:pt x="8467" y="14111"/>
                    <a:pt x="14690" y="29839"/>
                    <a:pt x="25400" y="42333"/>
                  </a:cubicBezTo>
                  <a:cubicBezTo>
                    <a:pt x="32022" y="50059"/>
                    <a:pt x="43605" y="52071"/>
                    <a:pt x="50800" y="59266"/>
                  </a:cubicBezTo>
                  <a:cubicBezTo>
                    <a:pt x="57995" y="66461"/>
                    <a:pt x="62089" y="76199"/>
                    <a:pt x="67733" y="84666"/>
                  </a:cubicBezTo>
                  <a:cubicBezTo>
                    <a:pt x="70555" y="98777"/>
                    <a:pt x="68217" y="115026"/>
                    <a:pt x="76200" y="127000"/>
                  </a:cubicBezTo>
                  <a:cubicBezTo>
                    <a:pt x="81151" y="134426"/>
                    <a:pt x="96649" y="128040"/>
                    <a:pt x="101600" y="135466"/>
                  </a:cubicBezTo>
                  <a:cubicBezTo>
                    <a:pt x="133513" y="183335"/>
                    <a:pt x="86915" y="177800"/>
                    <a:pt x="127000" y="177800"/>
                  </a:cubicBezTo>
                </a:path>
              </a:pathLst>
            </a:custGeom>
            <a:grpFill/>
            <a:ln w="9525" cap="flat" cmpd="sng" algn="ctr">
              <a:solidFill>
                <a:sysClr val="windowText" lastClr="000000">
                  <a:lumMod val="50000"/>
                  <a:lumOff val="50000"/>
                </a:sysClr>
              </a:solidFill>
              <a:prstDash val="solid"/>
            </a:ln>
            <a:effectLst/>
          </p:spPr>
          <p:txBody>
            <a:bodyPr anchor="ctr"/>
            <a:lstStyle/>
            <a:p>
              <a:pPr>
                <a:defRPr/>
              </a:pPr>
              <a:endParaRPr lang="ja-JP" altLang="en-US" sz="1350"/>
            </a:p>
          </p:txBody>
        </p:sp>
      </p:grpSp>
      <p:pic>
        <p:nvPicPr>
          <p:cNvPr id="88067" name="図 16">
            <a:extLst>
              <a:ext uri="{FF2B5EF4-FFF2-40B4-BE49-F238E27FC236}">
                <a16:creationId xmlns:a16="http://schemas.microsoft.com/office/drawing/2014/main" id="{2DA24636-41FF-4002-8FB2-C7023DDBA8D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t="27979"/>
          <a:stretch>
            <a:fillRect/>
          </a:stretch>
        </p:blipFill>
        <p:spPr bwMode="auto">
          <a:xfrm>
            <a:off x="3283745" y="1808560"/>
            <a:ext cx="469106" cy="4464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8068" name="グループ化 17">
            <a:extLst>
              <a:ext uri="{FF2B5EF4-FFF2-40B4-BE49-F238E27FC236}">
                <a16:creationId xmlns:a16="http://schemas.microsoft.com/office/drawing/2014/main" id="{58993584-2C79-4089-9D12-8DEB819D6560}"/>
              </a:ext>
            </a:extLst>
          </p:cNvPr>
          <p:cNvGrpSpPr>
            <a:grpSpLocks/>
          </p:cNvGrpSpPr>
          <p:nvPr/>
        </p:nvGrpSpPr>
        <p:grpSpPr bwMode="auto">
          <a:xfrm>
            <a:off x="3450431" y="2255044"/>
            <a:ext cx="223838" cy="823913"/>
            <a:chOff x="0" y="0"/>
            <a:chExt cx="297815" cy="1098550"/>
          </a:xfrm>
        </p:grpSpPr>
        <p:sp>
          <p:nvSpPr>
            <p:cNvPr id="88084" name="正方形/長方形 18">
              <a:extLst>
                <a:ext uri="{FF2B5EF4-FFF2-40B4-BE49-F238E27FC236}">
                  <a16:creationId xmlns:a16="http://schemas.microsoft.com/office/drawing/2014/main" id="{5891D2D6-BA31-4415-B02B-6775B93ECEA7}"/>
                </a:ext>
              </a:extLst>
            </p:cNvPr>
            <p:cNvSpPr>
              <a:spLocks noChangeArrowheads="1"/>
            </p:cNvSpPr>
            <p:nvPr/>
          </p:nvSpPr>
          <p:spPr bwMode="auto">
            <a:xfrm flipH="1" flipV="1">
              <a:off x="146050" y="1047750"/>
              <a:ext cx="151765" cy="50800"/>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5" name="正方形/長方形 19">
              <a:extLst>
                <a:ext uri="{FF2B5EF4-FFF2-40B4-BE49-F238E27FC236}">
                  <a16:creationId xmlns:a16="http://schemas.microsoft.com/office/drawing/2014/main" id="{85EA8C5B-73A4-41CC-8AF5-0DBFF208C244}"/>
                </a:ext>
              </a:extLst>
            </p:cNvPr>
            <p:cNvSpPr>
              <a:spLocks noChangeArrowheads="1"/>
            </p:cNvSpPr>
            <p:nvPr/>
          </p:nvSpPr>
          <p:spPr bwMode="auto">
            <a:xfrm>
              <a:off x="0" y="0"/>
              <a:ext cx="45085" cy="55816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6" name="正方形/長方形 20">
              <a:extLst>
                <a:ext uri="{FF2B5EF4-FFF2-40B4-BE49-F238E27FC236}">
                  <a16:creationId xmlns:a16="http://schemas.microsoft.com/office/drawing/2014/main" id="{F23766F0-DC0F-4475-886F-573B3BDCEC26}"/>
                </a:ext>
              </a:extLst>
            </p:cNvPr>
            <p:cNvSpPr>
              <a:spLocks noChangeArrowheads="1"/>
            </p:cNvSpPr>
            <p:nvPr/>
          </p:nvSpPr>
          <p:spPr bwMode="auto">
            <a:xfrm rot="-5400000">
              <a:off x="95250" y="425450"/>
              <a:ext cx="45085" cy="21272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7" name="正方形/長方形 21">
              <a:extLst>
                <a:ext uri="{FF2B5EF4-FFF2-40B4-BE49-F238E27FC236}">
                  <a16:creationId xmlns:a16="http://schemas.microsoft.com/office/drawing/2014/main" id="{7093BC4C-6E9D-412C-A008-1205847FA0F4}"/>
                </a:ext>
              </a:extLst>
            </p:cNvPr>
            <p:cNvSpPr>
              <a:spLocks noChangeArrowheads="1"/>
            </p:cNvSpPr>
            <p:nvPr/>
          </p:nvSpPr>
          <p:spPr bwMode="auto">
            <a:xfrm rot="-5400000">
              <a:off x="95250" y="304800"/>
              <a:ext cx="45719" cy="212759"/>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grpSp>
      <p:pic>
        <p:nvPicPr>
          <p:cNvPr id="88069" name="Picture 2">
            <a:extLst>
              <a:ext uri="{FF2B5EF4-FFF2-40B4-BE49-F238E27FC236}">
                <a16:creationId xmlns:a16="http://schemas.microsoft.com/office/drawing/2014/main" id="{AAE560AD-9B20-4944-A6E1-70D1C38F442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16819" y="1410891"/>
            <a:ext cx="1933575" cy="19335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8070" name="テキスト ボックス 25">
            <a:extLst>
              <a:ext uri="{FF2B5EF4-FFF2-40B4-BE49-F238E27FC236}">
                <a16:creationId xmlns:a16="http://schemas.microsoft.com/office/drawing/2014/main" id="{2E5D7F80-E348-421E-B0C9-D13435DC1C24}"/>
              </a:ext>
            </a:extLst>
          </p:cNvPr>
          <p:cNvSpPr txBox="1">
            <a:spLocks noChangeArrowheads="1"/>
          </p:cNvSpPr>
          <p:nvPr/>
        </p:nvSpPr>
        <p:spPr bwMode="auto">
          <a:xfrm>
            <a:off x="1629282" y="960041"/>
            <a:ext cx="595547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sz="3000" dirty="0">
                <a:latin typeface="Arial" panose="020B0604020202020204" pitchFamily="34" charset="0"/>
              </a:rPr>
              <a:t>モニタリングシステムによる監視</a:t>
            </a:r>
          </a:p>
        </p:txBody>
      </p:sp>
      <p:sp>
        <p:nvSpPr>
          <p:cNvPr id="27" name="四角形吹き出し 26">
            <a:extLst>
              <a:ext uri="{FF2B5EF4-FFF2-40B4-BE49-F238E27FC236}">
                <a16:creationId xmlns:a16="http://schemas.microsoft.com/office/drawing/2014/main" id="{B4628F62-211F-49FD-A65B-9685294602B5}"/>
              </a:ext>
            </a:extLst>
          </p:cNvPr>
          <p:cNvSpPr/>
          <p:nvPr/>
        </p:nvSpPr>
        <p:spPr>
          <a:xfrm>
            <a:off x="4061222" y="1494235"/>
            <a:ext cx="1051322" cy="538163"/>
          </a:xfrm>
          <a:prstGeom prst="wedgeRectCallout">
            <a:avLst>
              <a:gd name="adj1" fmla="val -124447"/>
              <a:gd name="adj2" fmla="val 71491"/>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2" name="テキスト ボックス 27">
            <a:extLst>
              <a:ext uri="{FF2B5EF4-FFF2-40B4-BE49-F238E27FC236}">
                <a16:creationId xmlns:a16="http://schemas.microsoft.com/office/drawing/2014/main" id="{802F3513-83A1-4CBC-8ED7-52BBB18450D9}"/>
              </a:ext>
            </a:extLst>
          </p:cNvPr>
          <p:cNvSpPr txBox="1">
            <a:spLocks noChangeArrowheads="1"/>
          </p:cNvSpPr>
          <p:nvPr/>
        </p:nvSpPr>
        <p:spPr bwMode="auto">
          <a:xfrm>
            <a:off x="4108849" y="1481139"/>
            <a:ext cx="646331"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ｿｰﾗｰ</a:t>
            </a:r>
            <a:endParaRPr lang="en-US" altLang="ja-JP" b="1">
              <a:latin typeface="Arial" panose="020B0604020202020204" pitchFamily="34" charset="0"/>
            </a:endParaRPr>
          </a:p>
          <a:p>
            <a:pPr eaLnBrk="1" hangingPunct="1"/>
            <a:r>
              <a:rPr lang="ja-JP" altLang="en-US" b="1">
                <a:latin typeface="Arial" panose="020B0604020202020204" pitchFamily="34" charset="0"/>
              </a:rPr>
              <a:t>ﾊﾟﾈﾙ</a:t>
            </a:r>
          </a:p>
        </p:txBody>
      </p:sp>
      <p:sp>
        <p:nvSpPr>
          <p:cNvPr id="29" name="四角形吹き出し 28">
            <a:extLst>
              <a:ext uri="{FF2B5EF4-FFF2-40B4-BE49-F238E27FC236}">
                <a16:creationId xmlns:a16="http://schemas.microsoft.com/office/drawing/2014/main" id="{205EB7C3-2801-4EDF-AC0D-E4AB9109CBC9}"/>
              </a:ext>
            </a:extLst>
          </p:cNvPr>
          <p:cNvSpPr/>
          <p:nvPr/>
        </p:nvSpPr>
        <p:spPr>
          <a:xfrm>
            <a:off x="4044555" y="2169319"/>
            <a:ext cx="1121569" cy="386954"/>
          </a:xfrm>
          <a:prstGeom prst="wedgeRectCallout">
            <a:avLst>
              <a:gd name="adj1" fmla="val -95347"/>
              <a:gd name="adj2" fmla="val -3897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4" name="テキスト ボックス 29">
            <a:extLst>
              <a:ext uri="{FF2B5EF4-FFF2-40B4-BE49-F238E27FC236}">
                <a16:creationId xmlns:a16="http://schemas.microsoft.com/office/drawing/2014/main" id="{EBFE816D-33E8-4C03-9805-451A11D1D621}"/>
              </a:ext>
            </a:extLst>
          </p:cNvPr>
          <p:cNvSpPr txBox="1">
            <a:spLocks noChangeArrowheads="1"/>
          </p:cNvSpPr>
          <p:nvPr/>
        </p:nvSpPr>
        <p:spPr bwMode="auto">
          <a:xfrm>
            <a:off x="4086225" y="2187179"/>
            <a:ext cx="13382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通信装置</a:t>
            </a:r>
          </a:p>
        </p:txBody>
      </p:sp>
      <p:sp>
        <p:nvSpPr>
          <p:cNvPr id="31" name="四角形吹き出し 30">
            <a:extLst>
              <a:ext uri="{FF2B5EF4-FFF2-40B4-BE49-F238E27FC236}">
                <a16:creationId xmlns:a16="http://schemas.microsoft.com/office/drawing/2014/main" id="{4A81ECCA-21FA-4A5E-BF53-A2BB61E18885}"/>
              </a:ext>
            </a:extLst>
          </p:cNvPr>
          <p:cNvSpPr/>
          <p:nvPr/>
        </p:nvSpPr>
        <p:spPr>
          <a:xfrm>
            <a:off x="2041922" y="3451623"/>
            <a:ext cx="1518047" cy="463153"/>
          </a:xfrm>
          <a:prstGeom prst="wedgeRectCallout">
            <a:avLst>
              <a:gd name="adj1" fmla="val 74377"/>
              <a:gd name="adj2" fmla="val -17648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6" name="テキスト ボックス 31">
            <a:extLst>
              <a:ext uri="{FF2B5EF4-FFF2-40B4-BE49-F238E27FC236}">
                <a16:creationId xmlns:a16="http://schemas.microsoft.com/office/drawing/2014/main" id="{9DBC825B-C9AD-47FC-B44A-8A3FFAACB3CD}"/>
              </a:ext>
            </a:extLst>
          </p:cNvPr>
          <p:cNvSpPr txBox="1">
            <a:spLocks noChangeArrowheads="1"/>
          </p:cNvSpPr>
          <p:nvPr/>
        </p:nvSpPr>
        <p:spPr bwMode="auto">
          <a:xfrm>
            <a:off x="2087167" y="3468292"/>
            <a:ext cx="145424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直線変位ｾﾝｻ</a:t>
            </a:r>
          </a:p>
        </p:txBody>
      </p:sp>
      <p:pic>
        <p:nvPicPr>
          <p:cNvPr id="88077" name="Picture 2">
            <a:extLst>
              <a:ext uri="{FF2B5EF4-FFF2-40B4-BE49-F238E27FC236}">
                <a16:creationId xmlns:a16="http://schemas.microsoft.com/office/drawing/2014/main" id="{1704CE8F-4063-4901-8762-A12F79421DB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16191" y="4287441"/>
            <a:ext cx="2284809" cy="17133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34" name="グラフ 33">
            <a:extLst>
              <a:ext uri="{FF2B5EF4-FFF2-40B4-BE49-F238E27FC236}">
                <a16:creationId xmlns:a16="http://schemas.microsoft.com/office/drawing/2014/main" id="{F407DED4-94F6-41A3-A2E4-D10DEC9097A0}"/>
              </a:ext>
            </a:extLst>
          </p:cNvPr>
          <p:cNvGraphicFramePr>
            <a:graphicFrameLocks/>
          </p:cNvGraphicFramePr>
          <p:nvPr/>
        </p:nvGraphicFramePr>
        <p:xfrm>
          <a:off x="1216868" y="4334265"/>
          <a:ext cx="2849904" cy="1651363"/>
        </p:xfrm>
        <a:graphic>
          <a:graphicData uri="http://schemas.openxmlformats.org/drawingml/2006/chart">
            <c:chart xmlns:c="http://schemas.openxmlformats.org/drawingml/2006/chart" xmlns:r="http://schemas.openxmlformats.org/officeDocument/2006/relationships" r:id="rId5"/>
          </a:graphicData>
        </a:graphic>
      </p:graphicFrame>
      <p:pic>
        <p:nvPicPr>
          <p:cNvPr id="88079" name="Picture 2">
            <a:extLst>
              <a:ext uri="{FF2B5EF4-FFF2-40B4-BE49-F238E27FC236}">
                <a16:creationId xmlns:a16="http://schemas.microsoft.com/office/drawing/2014/main" id="{2DF4CDE0-E6CB-4D8A-8444-394F206B204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16191" y="1410891"/>
            <a:ext cx="2284809" cy="15132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円/楕円 35">
            <a:extLst>
              <a:ext uri="{FF2B5EF4-FFF2-40B4-BE49-F238E27FC236}">
                <a16:creationId xmlns:a16="http://schemas.microsoft.com/office/drawing/2014/main" id="{18B4FE06-27AB-47D0-A924-D8B830372EBB}"/>
              </a:ext>
            </a:extLst>
          </p:cNvPr>
          <p:cNvSpPr/>
          <p:nvPr/>
        </p:nvSpPr>
        <p:spPr>
          <a:xfrm>
            <a:off x="3348039" y="2976563"/>
            <a:ext cx="864394" cy="342900"/>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38" name="円/楕円 37">
            <a:extLst>
              <a:ext uri="{FF2B5EF4-FFF2-40B4-BE49-F238E27FC236}">
                <a16:creationId xmlns:a16="http://schemas.microsoft.com/office/drawing/2014/main" id="{6FF7A7DB-B845-47A0-9AEC-A69EAD018FA5}"/>
              </a:ext>
            </a:extLst>
          </p:cNvPr>
          <p:cNvSpPr/>
          <p:nvPr/>
        </p:nvSpPr>
        <p:spPr>
          <a:xfrm>
            <a:off x="6504386" y="1928814"/>
            <a:ext cx="1025128" cy="617935"/>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39" name="円/楕円 38">
            <a:extLst>
              <a:ext uri="{FF2B5EF4-FFF2-40B4-BE49-F238E27FC236}">
                <a16:creationId xmlns:a16="http://schemas.microsoft.com/office/drawing/2014/main" id="{45733AEB-B9DB-42E8-8FC2-9E71B311D231}"/>
              </a:ext>
            </a:extLst>
          </p:cNvPr>
          <p:cNvSpPr/>
          <p:nvPr/>
        </p:nvSpPr>
        <p:spPr>
          <a:xfrm>
            <a:off x="5922170" y="4204098"/>
            <a:ext cx="1241822" cy="1188244"/>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83" name="テキスト ボックス 16">
            <a:extLst>
              <a:ext uri="{FF2B5EF4-FFF2-40B4-BE49-F238E27FC236}">
                <a16:creationId xmlns:a16="http://schemas.microsoft.com/office/drawing/2014/main" id="{C85D83AC-E1E8-48BC-9616-30271B8D4F01}"/>
              </a:ext>
            </a:extLst>
          </p:cNvPr>
          <p:cNvSpPr txBox="1">
            <a:spLocks noChangeArrowheads="1"/>
          </p:cNvSpPr>
          <p:nvPr/>
        </p:nvSpPr>
        <p:spPr bwMode="auto">
          <a:xfrm>
            <a:off x="5672138" y="3148013"/>
            <a:ext cx="233910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100">
                <a:solidFill>
                  <a:srgbClr val="FF0000"/>
                </a:solidFill>
              </a:rPr>
              <a:t>目的を明確にした</a:t>
            </a:r>
            <a:endParaRPr lang="en-US" altLang="ja-JP" sz="2100">
              <a:solidFill>
                <a:srgbClr val="FF0000"/>
              </a:solidFill>
            </a:endParaRPr>
          </a:p>
          <a:p>
            <a:r>
              <a:rPr lang="ja-JP" altLang="en-US" sz="2100">
                <a:solidFill>
                  <a:srgbClr val="FF0000"/>
                </a:solidFill>
              </a:rPr>
              <a:t>安価なシステム</a:t>
            </a:r>
          </a:p>
        </p:txBody>
      </p:sp>
      <p:sp>
        <p:nvSpPr>
          <p:cNvPr id="17" name="スライド番号プレースホルダー 16">
            <a:extLst>
              <a:ext uri="{FF2B5EF4-FFF2-40B4-BE49-F238E27FC236}">
                <a16:creationId xmlns:a16="http://schemas.microsoft.com/office/drawing/2014/main" id="{2E717C04-94A5-C784-3E7A-95FF4E6F43DA}"/>
              </a:ext>
            </a:extLst>
          </p:cNvPr>
          <p:cNvSpPr>
            <a:spLocks noGrp="1"/>
          </p:cNvSpPr>
          <p:nvPr>
            <p:ph type="sldNum" sz="quarter" idx="12"/>
          </p:nvPr>
        </p:nvSpPr>
        <p:spPr/>
        <p:txBody>
          <a:bodyPr/>
          <a:lstStyle/>
          <a:p>
            <a:fld id="{66545E97-F017-4993-8E0F-1F0B98A93716}" type="slidenum">
              <a:rPr kumimoji="1" lang="ja-JP" altLang="en-US" smtClean="0"/>
              <a:t>41</a:t>
            </a:fld>
            <a:endParaRPr kumimoji="1" lang="ja-JP" altLang="en-US"/>
          </a:p>
        </p:txBody>
      </p:sp>
    </p:spTree>
    <p:extLst>
      <p:ext uri="{BB962C8B-B14F-4D97-AF65-F5344CB8AC3E}">
        <p14:creationId xmlns:p14="http://schemas.microsoft.com/office/powerpoint/2010/main" val="327195161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86BE0EF-CCE8-AED8-F857-632E02933F75}"/>
              </a:ext>
            </a:extLst>
          </p:cNvPr>
          <p:cNvPicPr>
            <a:picLocks noChangeAspect="1"/>
          </p:cNvPicPr>
          <p:nvPr/>
        </p:nvPicPr>
        <p:blipFill>
          <a:blip r:embed="rId2"/>
          <a:stretch>
            <a:fillRect/>
          </a:stretch>
        </p:blipFill>
        <p:spPr>
          <a:xfrm>
            <a:off x="4913178" y="2665770"/>
            <a:ext cx="4230823" cy="3263081"/>
          </a:xfrm>
          <a:prstGeom prst="rect">
            <a:avLst/>
          </a:prstGeom>
        </p:spPr>
      </p:pic>
      <p:pic>
        <p:nvPicPr>
          <p:cNvPr id="3" name="図 2">
            <a:extLst>
              <a:ext uri="{FF2B5EF4-FFF2-40B4-BE49-F238E27FC236}">
                <a16:creationId xmlns:a16="http://schemas.microsoft.com/office/drawing/2014/main" id="{7D70C8DF-7502-1B9C-E55A-2F4BA48F75EE}"/>
              </a:ext>
            </a:extLst>
          </p:cNvPr>
          <p:cNvPicPr>
            <a:picLocks noChangeAspect="1"/>
          </p:cNvPicPr>
          <p:nvPr/>
        </p:nvPicPr>
        <p:blipFill>
          <a:blip r:embed="rId3"/>
          <a:stretch>
            <a:fillRect/>
          </a:stretch>
        </p:blipFill>
        <p:spPr>
          <a:xfrm>
            <a:off x="102843" y="945740"/>
            <a:ext cx="4468761" cy="3351571"/>
          </a:xfrm>
          <a:prstGeom prst="rect">
            <a:avLst/>
          </a:prstGeom>
        </p:spPr>
      </p:pic>
      <p:sp>
        <p:nvSpPr>
          <p:cNvPr id="4" name="テキスト ボックス 3">
            <a:extLst>
              <a:ext uri="{FF2B5EF4-FFF2-40B4-BE49-F238E27FC236}">
                <a16:creationId xmlns:a16="http://schemas.microsoft.com/office/drawing/2014/main" id="{5A40F5C0-6815-9F21-D789-8CCD6846478E}"/>
              </a:ext>
            </a:extLst>
          </p:cNvPr>
          <p:cNvSpPr txBox="1"/>
          <p:nvPr/>
        </p:nvSpPr>
        <p:spPr>
          <a:xfrm>
            <a:off x="218074" y="4695517"/>
            <a:ext cx="4570482" cy="923330"/>
          </a:xfrm>
          <a:prstGeom prst="rect">
            <a:avLst/>
          </a:prstGeom>
          <a:noFill/>
        </p:spPr>
        <p:txBody>
          <a:bodyPr wrap="none" rtlCol="0">
            <a:spAutoFit/>
          </a:bodyPr>
          <a:lstStyle/>
          <a:p>
            <a:r>
              <a:rPr lang="ja-JP" altLang="en-US" dirty="0"/>
              <a:t>造った時点での不都合</a:t>
            </a:r>
            <a:endParaRPr lang="en-US" altLang="ja-JP" dirty="0"/>
          </a:p>
          <a:p>
            <a:endParaRPr lang="en-US" altLang="ja-JP" dirty="0"/>
          </a:p>
          <a:p>
            <a:r>
              <a:rPr lang="ja-JP" altLang="en-US" dirty="0"/>
              <a:t>包括管理などを行う場合にはリスクとなる</a:t>
            </a:r>
          </a:p>
        </p:txBody>
      </p:sp>
      <p:sp>
        <p:nvSpPr>
          <p:cNvPr id="5" name="テキスト ボックス 4">
            <a:extLst>
              <a:ext uri="{FF2B5EF4-FFF2-40B4-BE49-F238E27FC236}">
                <a16:creationId xmlns:a16="http://schemas.microsoft.com/office/drawing/2014/main" id="{0CF77AFD-1792-C0D7-F59E-043C23F55F58}"/>
              </a:ext>
            </a:extLst>
          </p:cNvPr>
          <p:cNvSpPr txBox="1"/>
          <p:nvPr/>
        </p:nvSpPr>
        <p:spPr>
          <a:xfrm>
            <a:off x="5508523" y="1280776"/>
            <a:ext cx="2031325" cy="1408078"/>
          </a:xfrm>
          <a:prstGeom prst="rect">
            <a:avLst/>
          </a:prstGeom>
          <a:noFill/>
        </p:spPr>
        <p:txBody>
          <a:bodyPr wrap="none" rtlCol="0">
            <a:spAutoFit/>
          </a:bodyPr>
          <a:lstStyle/>
          <a:p>
            <a:r>
              <a:rPr lang="ja-JP" altLang="en-US" sz="2400" b="1" dirty="0"/>
              <a:t>実は初期不良</a:t>
            </a:r>
            <a:endParaRPr lang="en-US" altLang="ja-JP" sz="2400" b="1" dirty="0"/>
          </a:p>
          <a:p>
            <a:endParaRPr lang="en-US" altLang="ja-JP" sz="2400" b="1" dirty="0"/>
          </a:p>
          <a:p>
            <a:r>
              <a:rPr lang="ja-JP" altLang="en-US" sz="2400" b="1" dirty="0"/>
              <a:t>鉄筋の不足</a:t>
            </a:r>
            <a:endParaRPr lang="en-US" altLang="ja-JP" sz="2400" b="1" dirty="0"/>
          </a:p>
          <a:p>
            <a:endParaRPr lang="ja-JP" altLang="en-US" sz="1350" dirty="0"/>
          </a:p>
        </p:txBody>
      </p:sp>
      <p:sp>
        <p:nvSpPr>
          <p:cNvPr id="6" name="スライド番号プレースホルダー 5">
            <a:extLst>
              <a:ext uri="{FF2B5EF4-FFF2-40B4-BE49-F238E27FC236}">
                <a16:creationId xmlns:a16="http://schemas.microsoft.com/office/drawing/2014/main" id="{DD1B6C98-0FC9-3E0B-6AFA-FA363FBCE582}"/>
              </a:ext>
            </a:extLst>
          </p:cNvPr>
          <p:cNvSpPr>
            <a:spLocks noGrp="1"/>
          </p:cNvSpPr>
          <p:nvPr>
            <p:ph type="sldNum" sz="quarter" idx="12"/>
          </p:nvPr>
        </p:nvSpPr>
        <p:spPr/>
        <p:txBody>
          <a:bodyPr/>
          <a:lstStyle/>
          <a:p>
            <a:fld id="{66545E97-F017-4993-8E0F-1F0B98A93716}" type="slidenum">
              <a:rPr kumimoji="1" lang="ja-JP" altLang="en-US" smtClean="0"/>
              <a:t>42</a:t>
            </a:fld>
            <a:endParaRPr kumimoji="1" lang="ja-JP" altLang="en-US"/>
          </a:p>
        </p:txBody>
      </p:sp>
    </p:spTree>
    <p:extLst>
      <p:ext uri="{BB962C8B-B14F-4D97-AF65-F5344CB8AC3E}">
        <p14:creationId xmlns:p14="http://schemas.microsoft.com/office/powerpoint/2010/main" val="256321628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a:extLst>
              <a:ext uri="{FF2B5EF4-FFF2-40B4-BE49-F238E27FC236}">
                <a16:creationId xmlns:a16="http://schemas.microsoft.com/office/drawing/2014/main" id="{2B148B76-3076-3A32-25BE-54BE2E83332C}"/>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43</a:t>
            </a:fld>
            <a:endParaRPr lang="en-US" altLang="ja-JP">
              <a:solidFill>
                <a:srgbClr val="000000"/>
              </a:solidFill>
            </a:endParaRPr>
          </a:p>
        </p:txBody>
      </p:sp>
      <p:pic>
        <p:nvPicPr>
          <p:cNvPr id="4" name="図 3">
            <a:extLst>
              <a:ext uri="{FF2B5EF4-FFF2-40B4-BE49-F238E27FC236}">
                <a16:creationId xmlns:a16="http://schemas.microsoft.com/office/drawing/2014/main" id="{5754D0E8-6FC1-9E2C-1522-D458919D38EC}"/>
              </a:ext>
            </a:extLst>
          </p:cNvPr>
          <p:cNvPicPr>
            <a:picLocks noChangeAspect="1"/>
          </p:cNvPicPr>
          <p:nvPr/>
        </p:nvPicPr>
        <p:blipFill>
          <a:blip r:embed="rId2"/>
          <a:stretch>
            <a:fillRect/>
          </a:stretch>
        </p:blipFill>
        <p:spPr>
          <a:xfrm>
            <a:off x="540214" y="1876311"/>
            <a:ext cx="5793568" cy="4124439"/>
          </a:xfrm>
          <a:prstGeom prst="rect">
            <a:avLst/>
          </a:prstGeom>
        </p:spPr>
      </p:pic>
      <p:sp>
        <p:nvSpPr>
          <p:cNvPr id="6" name="テキスト ボックス 5">
            <a:extLst>
              <a:ext uri="{FF2B5EF4-FFF2-40B4-BE49-F238E27FC236}">
                <a16:creationId xmlns:a16="http://schemas.microsoft.com/office/drawing/2014/main" id="{ADEC941E-3EB9-8495-9A2D-85DA93FFEA0C}"/>
              </a:ext>
            </a:extLst>
          </p:cNvPr>
          <p:cNvSpPr txBox="1"/>
          <p:nvPr/>
        </p:nvSpPr>
        <p:spPr>
          <a:xfrm>
            <a:off x="585515" y="1036097"/>
            <a:ext cx="5702968" cy="923330"/>
          </a:xfrm>
          <a:prstGeom prst="rect">
            <a:avLst/>
          </a:prstGeom>
          <a:noFill/>
        </p:spPr>
        <p:txBody>
          <a:bodyPr wrap="square">
            <a:spAutoFit/>
          </a:bodyPr>
          <a:lstStyle/>
          <a:p>
            <a:r>
              <a:rPr lang="ja-JP" altLang="en-US" dirty="0"/>
              <a:t>この橋、渡るべからず！！</a:t>
            </a:r>
            <a:br>
              <a:rPr lang="en-US" altLang="ja-JP" dirty="0"/>
            </a:br>
            <a:r>
              <a:rPr lang="ja-JP" altLang="en-US" dirty="0"/>
              <a:t>老朽化と使用頻度から通行止め！</a:t>
            </a:r>
            <a:endParaRPr lang="en-US" altLang="ja-JP" dirty="0"/>
          </a:p>
          <a:p>
            <a:r>
              <a:rPr lang="ja-JP" altLang="en-US" dirty="0"/>
              <a:t>議会も通過し撤去は決まっているが・・・・</a:t>
            </a:r>
            <a:endParaRPr lang="ja-JP" altLang="en-US" sz="1350" dirty="0"/>
          </a:p>
        </p:txBody>
      </p:sp>
      <p:sp>
        <p:nvSpPr>
          <p:cNvPr id="2" name="矢印: 右 1">
            <a:extLst>
              <a:ext uri="{FF2B5EF4-FFF2-40B4-BE49-F238E27FC236}">
                <a16:creationId xmlns:a16="http://schemas.microsoft.com/office/drawing/2014/main" id="{B9C1C1A2-B179-1AFB-FFF9-15F40CEB568C}"/>
              </a:ext>
            </a:extLst>
          </p:cNvPr>
          <p:cNvSpPr/>
          <p:nvPr/>
        </p:nvSpPr>
        <p:spPr>
          <a:xfrm>
            <a:off x="5100252" y="1006767"/>
            <a:ext cx="518984" cy="72003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5" name="テキスト ボックス 4">
            <a:extLst>
              <a:ext uri="{FF2B5EF4-FFF2-40B4-BE49-F238E27FC236}">
                <a16:creationId xmlns:a16="http://schemas.microsoft.com/office/drawing/2014/main" id="{396F2CAC-E9AA-D2A1-6D4B-CF6E3FC2B104}"/>
              </a:ext>
            </a:extLst>
          </p:cNvPr>
          <p:cNvSpPr txBox="1"/>
          <p:nvPr/>
        </p:nvSpPr>
        <p:spPr>
          <a:xfrm>
            <a:off x="5823122" y="1096130"/>
            <a:ext cx="2877711" cy="923330"/>
          </a:xfrm>
          <a:prstGeom prst="rect">
            <a:avLst/>
          </a:prstGeom>
          <a:noFill/>
        </p:spPr>
        <p:txBody>
          <a:bodyPr wrap="none" rtlCol="0">
            <a:spAutoFit/>
          </a:bodyPr>
          <a:lstStyle/>
          <a:p>
            <a:r>
              <a:rPr lang="ja-JP" altLang="en-US" sz="1350" dirty="0"/>
              <a:t>住民同意を得るのに</a:t>
            </a:r>
            <a:r>
              <a:rPr lang="en-US" altLang="ja-JP" sz="1350" dirty="0"/>
              <a:t>8</a:t>
            </a:r>
            <a:r>
              <a:rPr lang="ja-JP" altLang="en-US" sz="1350" dirty="0"/>
              <a:t>年間！</a:t>
            </a:r>
            <a:endParaRPr lang="en-US" altLang="ja-JP" sz="1350" dirty="0"/>
          </a:p>
          <a:p>
            <a:r>
              <a:rPr lang="ja-JP" altLang="en-US" sz="1350" dirty="0"/>
              <a:t>最後まで、</a:t>
            </a:r>
            <a:r>
              <a:rPr lang="en-US" altLang="ja-JP" sz="1350" dirty="0"/>
              <a:t>1</a:t>
            </a:r>
            <a:r>
              <a:rPr lang="ja-JP" altLang="en-US" sz="1350" dirty="0"/>
              <a:t>人が、あの手この手で</a:t>
            </a:r>
            <a:endParaRPr lang="en-US" altLang="ja-JP" sz="1350" dirty="0"/>
          </a:p>
          <a:p>
            <a:r>
              <a:rPr lang="ja-JP" altLang="en-US" sz="1350" dirty="0"/>
              <a:t>反対。やっと、今年度撤去完了。</a:t>
            </a:r>
            <a:endParaRPr lang="en-US" altLang="ja-JP" sz="1350" dirty="0"/>
          </a:p>
          <a:p>
            <a:endParaRPr lang="ja-JP" altLang="en-US" sz="1350" dirty="0"/>
          </a:p>
        </p:txBody>
      </p:sp>
      <p:sp>
        <p:nvSpPr>
          <p:cNvPr id="7" name="テキスト ボックス 6">
            <a:extLst>
              <a:ext uri="{FF2B5EF4-FFF2-40B4-BE49-F238E27FC236}">
                <a16:creationId xmlns:a16="http://schemas.microsoft.com/office/drawing/2014/main" id="{A41DFA23-D7A3-A495-A0AE-B3B23FF46AC5}"/>
              </a:ext>
            </a:extLst>
          </p:cNvPr>
          <p:cNvSpPr txBox="1"/>
          <p:nvPr/>
        </p:nvSpPr>
        <p:spPr>
          <a:xfrm>
            <a:off x="6651202" y="2563378"/>
            <a:ext cx="2262158" cy="1754326"/>
          </a:xfrm>
          <a:prstGeom prst="rect">
            <a:avLst/>
          </a:prstGeom>
          <a:noFill/>
        </p:spPr>
        <p:txBody>
          <a:bodyPr wrap="none" rtlCol="0">
            <a:spAutoFit/>
          </a:bodyPr>
          <a:lstStyle/>
          <a:p>
            <a:r>
              <a:rPr lang="ja-JP" altLang="en-US" sz="2700" dirty="0"/>
              <a:t>撤去の現実</a:t>
            </a:r>
            <a:endParaRPr lang="en-US" altLang="ja-JP" sz="2700" dirty="0"/>
          </a:p>
          <a:p>
            <a:endParaRPr lang="en-US" altLang="ja-JP" sz="2700" dirty="0"/>
          </a:p>
          <a:p>
            <a:r>
              <a:rPr lang="ja-JP" altLang="en-US" sz="2700" dirty="0"/>
              <a:t>撤去費は高額</a:t>
            </a:r>
            <a:endParaRPr lang="en-US" altLang="ja-JP" sz="2700" dirty="0"/>
          </a:p>
          <a:p>
            <a:r>
              <a:rPr lang="ja-JP" altLang="en-US" sz="2700" dirty="0"/>
              <a:t>難易度は高い</a:t>
            </a:r>
          </a:p>
        </p:txBody>
      </p:sp>
    </p:spTree>
    <p:extLst>
      <p:ext uri="{BB962C8B-B14F-4D97-AF65-F5344CB8AC3E}">
        <p14:creationId xmlns:p14="http://schemas.microsoft.com/office/powerpoint/2010/main" val="196792906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F652D511-F8C6-862D-A92D-38D88A040697}"/>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44</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26B6B0B8-DE1A-4B7C-AAC8-E0AB6A360189}"/>
              </a:ext>
            </a:extLst>
          </p:cNvPr>
          <p:cNvSpPr txBox="1"/>
          <p:nvPr/>
        </p:nvSpPr>
        <p:spPr>
          <a:xfrm>
            <a:off x="881744" y="751115"/>
            <a:ext cx="7191216" cy="3554819"/>
          </a:xfrm>
          <a:prstGeom prst="rect">
            <a:avLst/>
          </a:prstGeom>
          <a:noFill/>
        </p:spPr>
        <p:txBody>
          <a:bodyPr wrap="square" rtlCol="0">
            <a:spAutoFit/>
          </a:bodyPr>
          <a:lstStyle/>
          <a:p>
            <a:r>
              <a:rPr lang="ja-JP" altLang="en-US" sz="3300" dirty="0"/>
              <a:t>財政と人財が不足</a:t>
            </a:r>
            <a:endParaRPr lang="en-US" altLang="ja-JP" sz="3300" dirty="0"/>
          </a:p>
          <a:p>
            <a:endParaRPr lang="en-US" altLang="ja-JP" sz="2400" dirty="0"/>
          </a:p>
          <a:p>
            <a:r>
              <a:rPr lang="ja-JP" altLang="en-US" sz="2400" dirty="0"/>
              <a:t>多くの自治体が財政不足、人材不足</a:t>
            </a:r>
            <a:endParaRPr lang="en-US" altLang="ja-JP" sz="2400" dirty="0"/>
          </a:p>
          <a:p>
            <a:r>
              <a:rPr lang="ja-JP" altLang="en-US" sz="2400" dirty="0"/>
              <a:t>⇒解決策は、「包括委託」「民間活力導入」</a:t>
            </a:r>
            <a:endParaRPr lang="en-US" altLang="ja-JP" sz="2400" dirty="0"/>
          </a:p>
          <a:p>
            <a:endParaRPr lang="en-US" altLang="ja-JP" sz="2400" dirty="0"/>
          </a:p>
          <a:p>
            <a:r>
              <a:rPr lang="ja-JP" altLang="en-US" sz="2400" dirty="0"/>
              <a:t>職員：専門知識の欠如。</a:t>
            </a:r>
            <a:endParaRPr lang="en-US" altLang="ja-JP" sz="2400" dirty="0"/>
          </a:p>
          <a:p>
            <a:r>
              <a:rPr lang="ja-JP" altLang="en-US" sz="2400" dirty="0"/>
              <a:t>民間業者：いつまでも造る時代の思考。</a:t>
            </a:r>
            <a:endParaRPr lang="en-US" altLang="ja-JP" sz="2400" dirty="0"/>
          </a:p>
          <a:p>
            <a:r>
              <a:rPr lang="ja-JP" altLang="en-US" sz="2400" dirty="0"/>
              <a:t>議員：表にならないことは興味がない</a:t>
            </a:r>
            <a:endParaRPr lang="en-US" altLang="ja-JP" sz="2400" dirty="0"/>
          </a:p>
          <a:p>
            <a:r>
              <a:rPr lang="ja-JP" altLang="en-US" sz="2400" dirty="0"/>
              <a:t>　　　　　　　　　　　　　　　　　　等</a:t>
            </a:r>
          </a:p>
        </p:txBody>
      </p:sp>
    </p:spTree>
    <p:extLst>
      <p:ext uri="{BB962C8B-B14F-4D97-AF65-F5344CB8AC3E}">
        <p14:creationId xmlns:p14="http://schemas.microsoft.com/office/powerpoint/2010/main" val="69784946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0" y="210400"/>
            <a:ext cx="8229600" cy="990600"/>
          </a:xfrm>
        </p:spPr>
        <p:txBody>
          <a:bodyPr>
            <a:normAutofit/>
          </a:bodyPr>
          <a:lstStyle/>
          <a:p>
            <a:r>
              <a:rPr kumimoji="1" lang="ja-JP" altLang="en-US" sz="3600" b="1" dirty="0"/>
              <a:t>　維持管理における課題</a:t>
            </a:r>
          </a:p>
        </p:txBody>
      </p:sp>
      <p:sp>
        <p:nvSpPr>
          <p:cNvPr id="3" name="コンテンツ プレースホルダー 2"/>
          <p:cNvSpPr>
            <a:spLocks noGrp="1"/>
          </p:cNvSpPr>
          <p:nvPr>
            <p:ph idx="1"/>
          </p:nvPr>
        </p:nvSpPr>
        <p:spPr>
          <a:xfrm>
            <a:off x="163605" y="1056346"/>
            <a:ext cx="8816790" cy="5225494"/>
          </a:xfrm>
        </p:spPr>
        <p:txBody>
          <a:bodyPr>
            <a:normAutofit fontScale="92500" lnSpcReduction="20000"/>
          </a:bodyPr>
          <a:lstStyle/>
          <a:p>
            <a:pPr marL="0" indent="0">
              <a:buNone/>
            </a:pPr>
            <a:r>
              <a:rPr kumimoji="1" lang="ja-JP" altLang="en-US" sz="2400" b="1" dirty="0"/>
              <a:t>１）点検・診断は適切に行われているのか？</a:t>
            </a:r>
            <a:endParaRPr kumimoji="1" lang="en-US" altLang="ja-JP" sz="2400" b="1" dirty="0"/>
          </a:p>
          <a:p>
            <a:pPr marL="0" indent="0">
              <a:buNone/>
            </a:pPr>
            <a:r>
              <a:rPr lang="ja-JP" altLang="en-US" sz="2400" b="1" dirty="0"/>
              <a:t>・現在の点検基準では「ひび割れ」ばかり拾っている。</a:t>
            </a:r>
            <a:endParaRPr lang="en-US" altLang="ja-JP" sz="2400" b="1" dirty="0"/>
          </a:p>
          <a:p>
            <a:pPr marL="0" indent="0">
              <a:buNone/>
            </a:pPr>
            <a:r>
              <a:rPr lang="ja-JP" altLang="en-US" sz="2400" b="1" dirty="0"/>
              <a:t>・非破壊検査などを活用した詳細点検が実施されていない。　</a:t>
            </a:r>
            <a:endParaRPr lang="en-US" altLang="ja-JP" sz="2400" b="1" dirty="0"/>
          </a:p>
          <a:p>
            <a:pPr marL="0" indent="0">
              <a:buNone/>
            </a:pPr>
            <a:r>
              <a:rPr lang="ja-JP" altLang="en-US" sz="2400" b="1" dirty="0"/>
              <a:t>・「みなし資格」は４００件ほど</a:t>
            </a:r>
            <a:endParaRPr lang="en-US" altLang="ja-JP" sz="2400" b="1" dirty="0"/>
          </a:p>
          <a:p>
            <a:pPr marL="0" indent="0">
              <a:buNone/>
            </a:pPr>
            <a:r>
              <a:rPr kumimoji="1" lang="ja-JP" altLang="en-US" sz="2400" b="1" dirty="0"/>
              <a:t>２）構造物の生い立ちと、再劣化</a:t>
            </a:r>
            <a:endParaRPr kumimoji="1" lang="en-US" altLang="ja-JP" sz="2400" b="1" dirty="0"/>
          </a:p>
          <a:p>
            <a:pPr marL="0" indent="0">
              <a:buNone/>
            </a:pPr>
            <a:r>
              <a:rPr lang="ja-JP" altLang="en-US" sz="2400" b="1" dirty="0"/>
              <a:t>・計画・設計・施工において、不適切な構造物が多数存在する。</a:t>
            </a:r>
            <a:endParaRPr lang="en-US" altLang="ja-JP" sz="2400" b="1" dirty="0"/>
          </a:p>
          <a:p>
            <a:pPr marL="0" indent="0">
              <a:buNone/>
            </a:pPr>
            <a:r>
              <a:rPr lang="ja-JP" altLang="en-US" sz="2400" b="1" dirty="0"/>
              <a:t>・補修後の早期再劣化が検証されていない。</a:t>
            </a:r>
            <a:endParaRPr lang="en-US" altLang="ja-JP" sz="2400" b="1" dirty="0"/>
          </a:p>
          <a:p>
            <a:pPr marL="0" indent="0">
              <a:buNone/>
            </a:pPr>
            <a:endParaRPr kumimoji="1" lang="en-US" altLang="ja-JP" sz="2400" b="1" dirty="0"/>
          </a:p>
          <a:p>
            <a:pPr marL="0" indent="0">
              <a:buNone/>
            </a:pPr>
            <a:r>
              <a:rPr kumimoji="1" lang="ja-JP" altLang="en-US" sz="2400" b="1" dirty="0"/>
              <a:t>３）課題を検証できる技術力があるか？</a:t>
            </a:r>
            <a:endParaRPr kumimoji="1" lang="en-US" altLang="ja-JP" sz="2400" b="1" dirty="0"/>
          </a:p>
          <a:p>
            <a:pPr marL="0" indent="0">
              <a:buNone/>
            </a:pPr>
            <a:r>
              <a:rPr lang="ja-JP" altLang="en-US" sz="2400" b="1" dirty="0"/>
              <a:t>・課題検証能力が、発注者、コンサルともにあるのか疑わしい。</a:t>
            </a:r>
            <a:endParaRPr lang="en-US" altLang="ja-JP" sz="2400" b="1" dirty="0"/>
          </a:p>
          <a:p>
            <a:pPr marL="0" indent="0">
              <a:buNone/>
            </a:pPr>
            <a:endParaRPr kumimoji="1" lang="en-US" altLang="ja-JP" sz="2400" b="1" dirty="0"/>
          </a:p>
          <a:p>
            <a:pPr marL="0" indent="0">
              <a:buNone/>
            </a:pPr>
            <a:r>
              <a:rPr kumimoji="1" lang="ja-JP" altLang="en-US" sz="2400" b="1" dirty="0"/>
              <a:t>４）総合的マネジメント力</a:t>
            </a:r>
            <a:endParaRPr lang="en-US" altLang="ja-JP" sz="2400" b="1" dirty="0"/>
          </a:p>
          <a:p>
            <a:pPr marL="0" indent="0">
              <a:buNone/>
            </a:pPr>
            <a:r>
              <a:rPr lang="ja-JP" altLang="en-US" sz="2400" b="1" dirty="0"/>
              <a:t>・複数のインフラ（群）を管理しているので、総合的なマネジメン</a:t>
            </a:r>
            <a:endParaRPr lang="en-US" altLang="ja-JP" sz="2400" b="1" dirty="0"/>
          </a:p>
          <a:p>
            <a:pPr marL="0" indent="0">
              <a:buNone/>
            </a:pPr>
            <a:r>
              <a:rPr lang="ja-JP" altLang="en-US" sz="2400" b="1" dirty="0"/>
              <a:t>　トが重要となる。</a:t>
            </a:r>
            <a:endParaRPr lang="en-US" altLang="ja-JP" sz="2400" b="1" dirty="0"/>
          </a:p>
          <a:p>
            <a:pPr marL="0" indent="0">
              <a:buNone/>
            </a:pPr>
            <a:endParaRPr lang="en-US" altLang="ja-JP" sz="2000" b="1" dirty="0"/>
          </a:p>
          <a:p>
            <a:pPr marL="0" indent="0">
              <a:buNone/>
            </a:pPr>
            <a:endParaRPr kumimoji="1" lang="ja-JP" altLang="en-US" dirty="0"/>
          </a:p>
        </p:txBody>
      </p:sp>
    </p:spTree>
    <p:extLst>
      <p:ext uri="{BB962C8B-B14F-4D97-AF65-F5344CB8AC3E}">
        <p14:creationId xmlns:p14="http://schemas.microsoft.com/office/powerpoint/2010/main" val="274605164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1" name="角丸四角形 2"/>
          <p:cNvSpPr>
            <a:spLocks noChangeArrowheads="1"/>
          </p:cNvSpPr>
          <p:nvPr/>
        </p:nvSpPr>
        <p:spPr bwMode="auto">
          <a:xfrm>
            <a:off x="1375371" y="313219"/>
            <a:ext cx="5014913" cy="696516"/>
          </a:xfrm>
          <a:prstGeom prst="rect">
            <a:avLst/>
          </a:prstGeom>
        </p:spPr>
        <p:txBody>
          <a:bodyPr vert="horz" lIns="55721" tIns="27861" rIns="55721" bIns="27861" rtlCol="0" anchor="ctr">
            <a:normAutofit lnSpcReduction="10000"/>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lnSpc>
                <a:spcPct val="90000"/>
              </a:lnSpc>
              <a:spcBef>
                <a:spcPct val="0"/>
              </a:spcBef>
              <a:spcAft>
                <a:spcPts val="366"/>
              </a:spcAft>
              <a:defRPr/>
            </a:pPr>
            <a:r>
              <a:rPr lang="ja-JP" altLang="en-US" sz="2255" b="1" dirty="0">
                <a:ln w="11430"/>
                <a:effectLst>
                  <a:outerShdw blurRad="50800" dist="39000" dir="5460000" algn="tl">
                    <a:srgbClr val="000000">
                      <a:alpha val="38000"/>
                    </a:srgbClr>
                  </a:outerShdw>
                </a:effectLst>
                <a:latin typeface="+mj-lt"/>
                <a:ea typeface="+mj-ea"/>
                <a:cs typeface="+mj-cs"/>
              </a:rPr>
              <a:t>進まない理由：</a:t>
            </a:r>
            <a:endParaRPr lang="en-US" altLang="ja-JP" sz="2255" b="1" dirty="0">
              <a:ln w="11430"/>
              <a:effectLst>
                <a:outerShdw blurRad="50800" dist="39000" dir="5460000" algn="tl">
                  <a:srgbClr val="000000">
                    <a:alpha val="38000"/>
                  </a:srgbClr>
                </a:outerShdw>
              </a:effectLst>
              <a:latin typeface="+mj-lt"/>
              <a:ea typeface="+mj-ea"/>
              <a:cs typeface="+mj-cs"/>
            </a:endParaRPr>
          </a:p>
          <a:p>
            <a:pPr algn="ctr">
              <a:lnSpc>
                <a:spcPct val="90000"/>
              </a:lnSpc>
              <a:spcBef>
                <a:spcPct val="0"/>
              </a:spcBef>
              <a:spcAft>
                <a:spcPts val="366"/>
              </a:spcAft>
              <a:defRPr/>
            </a:pPr>
            <a:r>
              <a:rPr lang="ja-JP" altLang="en-US" sz="2255" b="1" dirty="0">
                <a:ln w="11430"/>
                <a:effectLst>
                  <a:outerShdw blurRad="50800" dist="39000" dir="5460000" algn="tl">
                    <a:srgbClr val="000000">
                      <a:alpha val="38000"/>
                    </a:srgbClr>
                  </a:outerShdw>
                </a:effectLst>
                <a:latin typeface="+mj-lt"/>
                <a:ea typeface="+mj-ea"/>
                <a:cs typeface="+mj-cs"/>
              </a:rPr>
              <a:t>的確なマネジメントができていない</a:t>
            </a:r>
          </a:p>
        </p:txBody>
      </p:sp>
      <p:sp>
        <p:nvSpPr>
          <p:cNvPr id="6148" name="角丸四角形 3"/>
          <p:cNvSpPr>
            <a:spLocks noChangeArrowheads="1"/>
          </p:cNvSpPr>
          <p:nvPr/>
        </p:nvSpPr>
        <p:spPr bwMode="auto">
          <a:xfrm>
            <a:off x="800100" y="1240971"/>
            <a:ext cx="7772399" cy="5303810"/>
          </a:xfrm>
          <a:prstGeom prst="rect">
            <a:avLst/>
          </a:prstGeom>
        </p:spPr>
        <p:txBody>
          <a:bodyPr vert="horz" lIns="55721" tIns="27861" rIns="55721" bIns="27861" rtlCol="0">
            <a:normAutofit fontScale="25000" lnSpcReduction="20000"/>
          </a:bodyPr>
          <a:lstStyle/>
          <a:p>
            <a:pPr>
              <a:lnSpc>
                <a:spcPct val="90000"/>
              </a:lnSpc>
              <a:spcBef>
                <a:spcPct val="20000"/>
              </a:spcBef>
              <a:buFont typeface="Arial" panose="020B0604020202020204" pitchFamily="34" charset="0"/>
              <a:defRPr/>
            </a:pPr>
            <a:endParaRPr lang="en-US" altLang="ja-JP" sz="914" b="1" dirty="0"/>
          </a:p>
          <a:p>
            <a:pPr>
              <a:lnSpc>
                <a:spcPct val="90000"/>
              </a:lnSpc>
              <a:spcBef>
                <a:spcPct val="20000"/>
              </a:spcBef>
              <a:buFont typeface="Arial" panose="020B0604020202020204" pitchFamily="34" charset="0"/>
              <a:defRPr/>
            </a:pPr>
            <a:r>
              <a:rPr lang="ja-JP" altLang="en-US" sz="8000" b="1" spc="31" dirty="0">
                <a:ln w="11430"/>
                <a:highlight>
                  <a:srgbClr val="FFFF00"/>
                </a:highlight>
              </a:rPr>
              <a:t>ヒト</a:t>
            </a:r>
            <a:endParaRPr lang="en-US" altLang="ja-JP" sz="8000" b="1" spc="31" dirty="0">
              <a:ln w="11430"/>
              <a:highlight>
                <a:srgbClr val="FFFF00"/>
              </a:highlight>
            </a:endParaRPr>
          </a:p>
          <a:p>
            <a:pPr>
              <a:lnSpc>
                <a:spcPct val="90000"/>
              </a:lnSpc>
              <a:spcBef>
                <a:spcPct val="20000"/>
              </a:spcBef>
              <a:buFont typeface="Arial" panose="020B0604020202020204" pitchFamily="34" charset="0"/>
              <a:defRPr/>
            </a:pPr>
            <a:r>
              <a:rPr lang="ja-JP" altLang="en-US" sz="8000" b="1" spc="31" dirty="0">
                <a:ln w="11430"/>
              </a:rPr>
              <a:t>●リーダーの不在</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旧来の思考ではなく、新たな思考ができるリーダー</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首長とは別に現場を引っ張る人間</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リーダーは考えることが重要</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dirty="0">
                <a:highlight>
                  <a:srgbClr val="FFFF00"/>
                </a:highlight>
              </a:rPr>
              <a:t>モノ</a:t>
            </a:r>
            <a:endParaRPr lang="en-US" altLang="ja-JP" sz="8000" b="1" dirty="0">
              <a:highlight>
                <a:srgbClr val="FFFF00"/>
              </a:highlight>
            </a:endParaRPr>
          </a:p>
          <a:p>
            <a:pPr>
              <a:lnSpc>
                <a:spcPct val="90000"/>
              </a:lnSpc>
              <a:spcBef>
                <a:spcPct val="20000"/>
              </a:spcBef>
              <a:buFont typeface="Arial" panose="020B0604020202020204" pitchFamily="34" charset="0"/>
              <a:defRPr/>
            </a:pPr>
            <a:r>
              <a:rPr lang="ja-JP" altLang="en-US" sz="8000" b="1" dirty="0"/>
              <a:t>○「官側」　の能力不足</a:t>
            </a:r>
            <a:endParaRPr lang="en-US" altLang="ja-JP" sz="8000" b="1" dirty="0"/>
          </a:p>
          <a:p>
            <a:pPr>
              <a:lnSpc>
                <a:spcPct val="90000"/>
              </a:lnSpc>
              <a:spcBef>
                <a:spcPct val="20000"/>
              </a:spcBef>
              <a:buFont typeface="Arial" panose="020B0604020202020204" pitchFamily="34" charset="0"/>
              <a:defRPr/>
            </a:pPr>
            <a:r>
              <a:rPr lang="ja-JP" altLang="en-US" sz="8000" b="1" dirty="0"/>
              <a:t>　　「専門的知識の不足」そもそも、橋をどこまで理解できている　</a:t>
            </a:r>
            <a:endParaRPr lang="en-US" altLang="ja-JP" sz="8000" b="1" dirty="0"/>
          </a:p>
          <a:p>
            <a:pPr>
              <a:lnSpc>
                <a:spcPct val="90000"/>
              </a:lnSpc>
              <a:spcBef>
                <a:spcPct val="20000"/>
              </a:spcBef>
              <a:buFont typeface="Arial" panose="020B0604020202020204" pitchFamily="34" charset="0"/>
              <a:defRPr/>
            </a:pPr>
            <a:r>
              <a:rPr lang="ja-JP" altLang="en-US" sz="8000" b="1" dirty="0"/>
              <a:t>　　　か？</a:t>
            </a:r>
            <a:endParaRPr lang="en-US" altLang="ja-JP" sz="8000" b="1" dirty="0"/>
          </a:p>
          <a:p>
            <a:pPr>
              <a:lnSpc>
                <a:spcPct val="90000"/>
              </a:lnSpc>
              <a:spcBef>
                <a:spcPct val="20000"/>
              </a:spcBef>
              <a:buFont typeface="Arial" panose="020B0604020202020204" pitchFamily="34" charset="0"/>
              <a:defRPr/>
            </a:pPr>
            <a:r>
              <a:rPr lang="ja-JP" altLang="en-US" sz="8000" b="1" spc="31" dirty="0">
                <a:ln w="11430"/>
              </a:rPr>
              <a:t>〇「民側」　の能力不足　　　</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民側も技術力などの低下」　　　</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highlight>
                  <a:srgbClr val="FFFF00"/>
                </a:highlight>
              </a:rPr>
              <a:t>カネ</a:t>
            </a:r>
            <a:endParaRPr lang="en-US" altLang="ja-JP" sz="8000" b="1" spc="31" dirty="0">
              <a:ln w="11430"/>
              <a:highlight>
                <a:srgbClr val="FFFF00"/>
              </a:highlight>
            </a:endParaRPr>
          </a:p>
          <a:p>
            <a:pPr>
              <a:lnSpc>
                <a:spcPct val="90000"/>
              </a:lnSpc>
              <a:spcBef>
                <a:spcPct val="20000"/>
              </a:spcBef>
              <a:buFont typeface="Arial" panose="020B0604020202020204" pitchFamily="34" charset="0"/>
              <a:defRPr/>
            </a:pPr>
            <a:r>
              <a:rPr lang="ja-JP" altLang="en-US" sz="8000" b="1" spc="31" dirty="0">
                <a:ln w="11430"/>
              </a:rPr>
              <a:t>●長期の財政のシュミュレーションの重要性。　いつまでもつ</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か？おそらく将来的には、民間資金の活用　</a:t>
            </a:r>
            <a:r>
              <a:rPr lang="en-US" altLang="ja-JP" sz="8000" b="1" spc="31" dirty="0">
                <a:ln w="11430"/>
              </a:rPr>
              <a:t>PPP/PFI</a:t>
            </a:r>
            <a:r>
              <a:rPr lang="ja-JP" altLang="en-US" sz="8000" b="1" spc="31" dirty="0">
                <a:ln w="11430"/>
              </a:rPr>
              <a:t>なども。</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highlight>
                  <a:srgbClr val="FFFF00"/>
                </a:highlight>
              </a:rPr>
              <a:t>適材適所</a:t>
            </a:r>
            <a:endParaRPr lang="en-US" altLang="ja-JP" sz="8000" b="1" spc="31" dirty="0">
              <a:ln w="11430"/>
              <a:highlight>
                <a:srgbClr val="FFFF00"/>
              </a:highlight>
            </a:endParaRPr>
          </a:p>
          <a:p>
            <a:pPr>
              <a:lnSpc>
                <a:spcPct val="90000"/>
              </a:lnSpc>
              <a:spcBef>
                <a:spcPct val="20000"/>
              </a:spcBef>
              <a:buFont typeface="Arial" panose="020B0604020202020204" pitchFamily="34" charset="0"/>
              <a:defRPr/>
            </a:pPr>
            <a:r>
              <a:rPr lang="ja-JP" altLang="en-US" sz="8000" b="1" spc="31" dirty="0">
                <a:ln w="11430"/>
              </a:rPr>
              <a:t>●産・学・官の適正な役割分担</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現在は「学」に頼りすぎ。（奉りすぎ）実学や実務家の重要性</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官は、コンサルに頼りすぎ。（便利だが中身が薄い）</a:t>
            </a:r>
            <a:endParaRPr lang="en-US" altLang="ja-JP" sz="8000" b="1" spc="31" dirty="0">
              <a:ln w="11430"/>
            </a:endParaRPr>
          </a:p>
          <a:p>
            <a:pPr>
              <a:lnSpc>
                <a:spcPct val="90000"/>
              </a:lnSpc>
              <a:spcBef>
                <a:spcPct val="20000"/>
              </a:spcBef>
              <a:buFont typeface="Arial" panose="020B0604020202020204" pitchFamily="34" charset="0"/>
              <a:defRPr/>
            </a:pPr>
            <a:r>
              <a:rPr lang="ja-JP" altLang="en-US" sz="8000" b="1" spc="31" dirty="0">
                <a:ln w="11430"/>
              </a:rPr>
              <a:t>　実態に合った新たな発注の仕組みが必要</a:t>
            </a:r>
            <a:endParaRPr lang="en-US" altLang="ja-JP" sz="8000" b="1" spc="31" dirty="0">
              <a:ln w="11430"/>
            </a:endParaRPr>
          </a:p>
          <a:p>
            <a:pPr>
              <a:lnSpc>
                <a:spcPct val="90000"/>
              </a:lnSpc>
              <a:spcBef>
                <a:spcPct val="20000"/>
              </a:spcBef>
              <a:buFont typeface="Arial" panose="020B0604020202020204" pitchFamily="34" charset="0"/>
              <a:defRPr/>
            </a:pPr>
            <a:endParaRPr lang="en-US" altLang="ja-JP" sz="8000" b="1" spc="31" dirty="0">
              <a:ln w="11430"/>
            </a:endParaRPr>
          </a:p>
          <a:p>
            <a:pPr>
              <a:lnSpc>
                <a:spcPct val="90000"/>
              </a:lnSpc>
              <a:spcBef>
                <a:spcPct val="20000"/>
              </a:spcBef>
              <a:buFont typeface="Arial" panose="020B0604020202020204" pitchFamily="34" charset="0"/>
              <a:defRPr/>
            </a:pPr>
            <a:endParaRPr lang="en-US" altLang="ja-JP" sz="8000" b="1" spc="31" dirty="0">
              <a:ln w="11430"/>
            </a:endParaRPr>
          </a:p>
          <a:p>
            <a:pPr>
              <a:lnSpc>
                <a:spcPct val="90000"/>
              </a:lnSpc>
              <a:spcBef>
                <a:spcPct val="20000"/>
              </a:spcBef>
              <a:buFont typeface="Arial" panose="020B0604020202020204" pitchFamily="34" charset="0"/>
              <a:defRPr/>
            </a:pPr>
            <a:endParaRPr lang="en-US" altLang="ja-JP" sz="6000" b="1" spc="31" dirty="0">
              <a:ln w="11430"/>
            </a:endParaRPr>
          </a:p>
          <a:p>
            <a:pPr>
              <a:lnSpc>
                <a:spcPct val="90000"/>
              </a:lnSpc>
              <a:spcBef>
                <a:spcPct val="20000"/>
              </a:spcBef>
              <a:buFont typeface="Arial" panose="020B0604020202020204" pitchFamily="34" charset="0"/>
              <a:defRPr/>
            </a:pPr>
            <a:endParaRPr lang="en-US" altLang="ja-JP" sz="914" b="1" spc="31" dirty="0">
              <a:ln w="11430"/>
            </a:endParaRPr>
          </a:p>
        </p:txBody>
      </p:sp>
      <p:sp>
        <p:nvSpPr>
          <p:cNvPr id="28675" name="スライド番号プレースホルダー 1" hidden="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55721" tIns="27861" rIns="55721" bIns="27861" numCol="1" rtlCol="0" anchor="t" anchorCtr="0" compatLnSpc="1">
            <a:prstTxWarp prst="textNoShape">
              <a:avLst/>
            </a:prstTxWarp>
          </a:bodyPr>
          <a:lstStyle>
            <a:lvl1pPr>
              <a:spcBef>
                <a:spcPts val="366"/>
              </a:spcBef>
              <a:buClr>
                <a:schemeClr val="accent1"/>
              </a:buClr>
              <a:buSzPct val="76000"/>
              <a:buFont typeface="Wingdings 3" pitchFamily="18" charset="2"/>
              <a:buChar char=""/>
              <a:defRPr kumimoji="1" sz="1585">
                <a:solidFill>
                  <a:schemeClr val="tx1"/>
                </a:solidFill>
                <a:latin typeface="Gill Sans MT" pitchFamily="34" charset="0"/>
                <a:ea typeface="ＭＳ Ｐゴシック" charset="-128"/>
              </a:defRPr>
            </a:lvl1pPr>
            <a:lvl2pPr marL="452699" indent="-174116">
              <a:spcBef>
                <a:spcPts val="305"/>
              </a:spcBef>
              <a:buClr>
                <a:schemeClr val="accent2"/>
              </a:buClr>
              <a:buSzPct val="76000"/>
              <a:buFont typeface="Wingdings 3" pitchFamily="18" charset="2"/>
              <a:buChar char=""/>
              <a:defRPr kumimoji="1" sz="1402">
                <a:solidFill>
                  <a:schemeClr val="tx2"/>
                </a:solidFill>
                <a:latin typeface="Gill Sans MT" pitchFamily="34" charset="0"/>
                <a:ea typeface="ＭＳ Ｐゴシック" charset="-128"/>
              </a:defRPr>
            </a:lvl2pPr>
            <a:lvl3pPr marL="696460" indent="-139292">
              <a:spcBef>
                <a:spcPts val="305"/>
              </a:spcBef>
              <a:buClr>
                <a:srgbClr val="BCBCBC"/>
              </a:buClr>
              <a:buSzPct val="76000"/>
              <a:buFont typeface="Wingdings 3" pitchFamily="18" charset="2"/>
              <a:buChar char=""/>
              <a:defRPr kumimoji="1" sz="1219">
                <a:solidFill>
                  <a:schemeClr val="tx1"/>
                </a:solidFill>
                <a:latin typeface="Gill Sans MT" pitchFamily="34" charset="0"/>
                <a:ea typeface="ＭＳ Ｐゴシック" charset="-128"/>
              </a:defRPr>
            </a:lvl3pPr>
            <a:lvl4pPr marL="975044" indent="-139292">
              <a:spcBef>
                <a:spcPts val="244"/>
              </a:spcBef>
              <a:buClr>
                <a:srgbClr val="8BA2B4"/>
              </a:buClr>
              <a:buSzPct val="70000"/>
              <a:buFont typeface="Wingdings" pitchFamily="2" charset="2"/>
              <a:buChar char=""/>
              <a:defRPr kumimoji="1">
                <a:solidFill>
                  <a:schemeClr val="tx1"/>
                </a:solidFill>
                <a:latin typeface="Gill Sans MT" pitchFamily="34" charset="0"/>
                <a:ea typeface="ＭＳ Ｐゴシック" charset="-128"/>
              </a:defRPr>
            </a:lvl4pPr>
            <a:lvl5pPr marL="1253627" indent="-139292">
              <a:spcBef>
                <a:spcPts val="183"/>
              </a:spcBef>
              <a:buClr>
                <a:schemeClr val="accent2"/>
              </a:buClr>
              <a:buSzPct val="70000"/>
              <a:buFont typeface="Wingdings" pitchFamily="2" charset="2"/>
              <a:buChar char=""/>
              <a:defRPr kumimoji="1" sz="975">
                <a:solidFill>
                  <a:schemeClr val="tx1"/>
                </a:solidFill>
                <a:latin typeface="Gill Sans MT" pitchFamily="34" charset="0"/>
                <a:ea typeface="ＭＳ Ｐゴシック" charset="-128"/>
              </a:defRPr>
            </a:lvl5pPr>
            <a:lvl6pPr marL="1532211" indent="-139292" fontAlgn="base">
              <a:spcBef>
                <a:spcPts val="183"/>
              </a:spcBef>
              <a:spcAft>
                <a:spcPct val="0"/>
              </a:spcAft>
              <a:buClr>
                <a:schemeClr val="accent2"/>
              </a:buClr>
              <a:buSzPct val="70000"/>
              <a:buFont typeface="Wingdings" pitchFamily="2" charset="2"/>
              <a:buChar char=""/>
              <a:defRPr kumimoji="1" sz="975">
                <a:solidFill>
                  <a:schemeClr val="tx1"/>
                </a:solidFill>
                <a:latin typeface="Gill Sans MT" pitchFamily="34" charset="0"/>
                <a:ea typeface="ＭＳ Ｐゴシック" charset="-128"/>
              </a:defRPr>
            </a:lvl6pPr>
            <a:lvl7pPr marL="1810795" indent="-139292" fontAlgn="base">
              <a:spcBef>
                <a:spcPts val="183"/>
              </a:spcBef>
              <a:spcAft>
                <a:spcPct val="0"/>
              </a:spcAft>
              <a:buClr>
                <a:schemeClr val="accent2"/>
              </a:buClr>
              <a:buSzPct val="70000"/>
              <a:buFont typeface="Wingdings" pitchFamily="2" charset="2"/>
              <a:buChar char=""/>
              <a:defRPr kumimoji="1" sz="975">
                <a:solidFill>
                  <a:schemeClr val="tx1"/>
                </a:solidFill>
                <a:latin typeface="Gill Sans MT" pitchFamily="34" charset="0"/>
                <a:ea typeface="ＭＳ Ｐゴシック" charset="-128"/>
              </a:defRPr>
            </a:lvl7pPr>
            <a:lvl8pPr marL="2089379" indent="-139292" fontAlgn="base">
              <a:spcBef>
                <a:spcPts val="183"/>
              </a:spcBef>
              <a:spcAft>
                <a:spcPct val="0"/>
              </a:spcAft>
              <a:buClr>
                <a:schemeClr val="accent2"/>
              </a:buClr>
              <a:buSzPct val="70000"/>
              <a:buFont typeface="Wingdings" pitchFamily="2" charset="2"/>
              <a:buChar char=""/>
              <a:defRPr kumimoji="1" sz="975">
                <a:solidFill>
                  <a:schemeClr val="tx1"/>
                </a:solidFill>
                <a:latin typeface="Gill Sans MT" pitchFamily="34" charset="0"/>
                <a:ea typeface="ＭＳ Ｐゴシック" charset="-128"/>
              </a:defRPr>
            </a:lvl8pPr>
            <a:lvl9pPr marL="2367962" indent="-139292" fontAlgn="base">
              <a:spcBef>
                <a:spcPts val="183"/>
              </a:spcBef>
              <a:spcAft>
                <a:spcPct val="0"/>
              </a:spcAft>
              <a:buClr>
                <a:schemeClr val="accent2"/>
              </a:buClr>
              <a:buSzPct val="70000"/>
              <a:buFont typeface="Wingdings" pitchFamily="2" charset="2"/>
              <a:buChar char=""/>
              <a:defRPr kumimoji="1" sz="975">
                <a:solidFill>
                  <a:schemeClr val="tx1"/>
                </a:solidFill>
                <a:latin typeface="Gill Sans MT" pitchFamily="34" charset="0"/>
                <a:ea typeface="ＭＳ Ｐゴシック" charset="-128"/>
              </a:defRPr>
            </a:lvl9pPr>
          </a:lstStyle>
          <a:p>
            <a:pPr>
              <a:spcBef>
                <a:spcPct val="0"/>
              </a:spcBef>
              <a:spcAft>
                <a:spcPts val="366"/>
              </a:spcAft>
              <a:buClrTx/>
              <a:buSzTx/>
              <a:buNone/>
            </a:pPr>
            <a:fld id="{600F97BF-57A9-42A1-9D5B-E49F35A5C48F}" type="slidenum">
              <a:rPr lang="en-US" altLang="ja-JP" sz="854">
                <a:latin typeface="Arial" charset="0"/>
              </a:rPr>
              <a:pPr>
                <a:spcBef>
                  <a:spcPct val="0"/>
                </a:spcBef>
                <a:spcAft>
                  <a:spcPts val="366"/>
                </a:spcAft>
                <a:buClrTx/>
                <a:buSzTx/>
                <a:buNone/>
              </a:pPr>
              <a:t>46</a:t>
            </a:fld>
            <a:endParaRPr lang="en-US" altLang="ja-JP" sz="854">
              <a:latin typeface="Arial" charset="0"/>
            </a:endParaRPr>
          </a:p>
        </p:txBody>
      </p:sp>
    </p:spTree>
    <p:extLst>
      <p:ext uri="{BB962C8B-B14F-4D97-AF65-F5344CB8AC3E}">
        <p14:creationId xmlns:p14="http://schemas.microsoft.com/office/powerpoint/2010/main" val="204336191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5151" y="284486"/>
            <a:ext cx="5758090" cy="379201"/>
          </a:xfrm>
          <a:prstGeom prst="rect">
            <a:avLst/>
          </a:prstGeom>
        </p:spPr>
        <p:txBody>
          <a:bodyPr vert="horz" wrap="square" lIns="0" tIns="9774" rIns="0" bIns="0" rtlCol="0" anchor="ctr">
            <a:spAutoFit/>
          </a:bodyPr>
          <a:lstStyle/>
          <a:p>
            <a:pPr marL="10860">
              <a:lnSpc>
                <a:spcPct val="100000"/>
              </a:lnSpc>
              <a:spcBef>
                <a:spcPts val="77"/>
              </a:spcBef>
            </a:pPr>
            <a:r>
              <a:rPr sz="2400" b="1" spc="-38" dirty="0"/>
              <a:t>全般的な課題と取り組むべき項目</a:t>
            </a:r>
          </a:p>
        </p:txBody>
      </p:sp>
      <p:grpSp>
        <p:nvGrpSpPr>
          <p:cNvPr id="3" name="object 3"/>
          <p:cNvGrpSpPr/>
          <p:nvPr/>
        </p:nvGrpSpPr>
        <p:grpSpPr>
          <a:xfrm>
            <a:off x="366194" y="2208894"/>
            <a:ext cx="3693438" cy="1087072"/>
            <a:chOff x="428244" y="2354579"/>
            <a:chExt cx="4319270" cy="1271270"/>
          </a:xfrm>
        </p:grpSpPr>
        <p:sp>
          <p:nvSpPr>
            <p:cNvPr id="4" name="object 4"/>
            <p:cNvSpPr/>
            <p:nvPr/>
          </p:nvSpPr>
          <p:spPr>
            <a:xfrm>
              <a:off x="431292" y="2357627"/>
              <a:ext cx="4312920" cy="1263650"/>
            </a:xfrm>
            <a:custGeom>
              <a:avLst/>
              <a:gdLst/>
              <a:ahLst/>
              <a:cxnLst/>
              <a:rect l="l" t="t" r="r" b="b"/>
              <a:pathLst>
                <a:path w="4312920" h="1263650">
                  <a:moveTo>
                    <a:pt x="4312920" y="0"/>
                  </a:moveTo>
                  <a:lnTo>
                    <a:pt x="0" y="0"/>
                  </a:lnTo>
                  <a:lnTo>
                    <a:pt x="0" y="1263396"/>
                  </a:lnTo>
                  <a:lnTo>
                    <a:pt x="4312920" y="1263396"/>
                  </a:lnTo>
                  <a:lnTo>
                    <a:pt x="4312920" y="0"/>
                  </a:lnTo>
                  <a:close/>
                </a:path>
              </a:pathLst>
            </a:custGeom>
            <a:solidFill>
              <a:srgbClr val="F2F2F2"/>
            </a:solidFill>
          </p:spPr>
          <p:txBody>
            <a:bodyPr wrap="square" lIns="0" tIns="0" rIns="0" bIns="0" rtlCol="0"/>
            <a:lstStyle/>
            <a:p>
              <a:endParaRPr sz="1539"/>
            </a:p>
          </p:txBody>
        </p:sp>
        <p:sp>
          <p:nvSpPr>
            <p:cNvPr id="5" name="object 5"/>
            <p:cNvSpPr/>
            <p:nvPr/>
          </p:nvSpPr>
          <p:spPr>
            <a:xfrm>
              <a:off x="428244" y="2354579"/>
              <a:ext cx="4319270" cy="1271270"/>
            </a:xfrm>
            <a:custGeom>
              <a:avLst/>
              <a:gdLst/>
              <a:ahLst/>
              <a:cxnLst/>
              <a:rect l="l" t="t" r="r" b="b"/>
              <a:pathLst>
                <a:path w="4319270" h="1271270">
                  <a:moveTo>
                    <a:pt x="4319016" y="0"/>
                  </a:moveTo>
                  <a:lnTo>
                    <a:pt x="0" y="0"/>
                  </a:lnTo>
                  <a:lnTo>
                    <a:pt x="0" y="1271015"/>
                  </a:lnTo>
                  <a:lnTo>
                    <a:pt x="4319016" y="1271015"/>
                  </a:lnTo>
                  <a:lnTo>
                    <a:pt x="4319016" y="1266443"/>
                  </a:lnTo>
                  <a:lnTo>
                    <a:pt x="6096" y="1266443"/>
                  </a:lnTo>
                  <a:lnTo>
                    <a:pt x="3048" y="1263395"/>
                  </a:lnTo>
                  <a:lnTo>
                    <a:pt x="6096" y="1263395"/>
                  </a:lnTo>
                  <a:lnTo>
                    <a:pt x="6096" y="6095"/>
                  </a:lnTo>
                  <a:lnTo>
                    <a:pt x="3048" y="6095"/>
                  </a:lnTo>
                  <a:lnTo>
                    <a:pt x="6096" y="3047"/>
                  </a:lnTo>
                  <a:lnTo>
                    <a:pt x="4319016" y="3047"/>
                  </a:lnTo>
                  <a:lnTo>
                    <a:pt x="4319016" y="0"/>
                  </a:lnTo>
                  <a:close/>
                </a:path>
                <a:path w="4319270" h="1271270">
                  <a:moveTo>
                    <a:pt x="6096" y="1263395"/>
                  </a:moveTo>
                  <a:lnTo>
                    <a:pt x="3048" y="1263395"/>
                  </a:lnTo>
                  <a:lnTo>
                    <a:pt x="6096" y="1266443"/>
                  </a:lnTo>
                  <a:lnTo>
                    <a:pt x="6096" y="1263395"/>
                  </a:lnTo>
                  <a:close/>
                </a:path>
                <a:path w="4319270" h="1271270">
                  <a:moveTo>
                    <a:pt x="4311396" y="1263395"/>
                  </a:moveTo>
                  <a:lnTo>
                    <a:pt x="6096" y="1263395"/>
                  </a:lnTo>
                  <a:lnTo>
                    <a:pt x="6096" y="1266443"/>
                  </a:lnTo>
                  <a:lnTo>
                    <a:pt x="4311396" y="1266443"/>
                  </a:lnTo>
                  <a:lnTo>
                    <a:pt x="4311396" y="1263395"/>
                  </a:lnTo>
                  <a:close/>
                </a:path>
                <a:path w="4319270" h="1271270">
                  <a:moveTo>
                    <a:pt x="4311396" y="3047"/>
                  </a:moveTo>
                  <a:lnTo>
                    <a:pt x="4311396" y="1266443"/>
                  </a:lnTo>
                  <a:lnTo>
                    <a:pt x="4315968" y="1263395"/>
                  </a:lnTo>
                  <a:lnTo>
                    <a:pt x="4319016" y="1263395"/>
                  </a:lnTo>
                  <a:lnTo>
                    <a:pt x="4319016" y="6095"/>
                  </a:lnTo>
                  <a:lnTo>
                    <a:pt x="4315968" y="6095"/>
                  </a:lnTo>
                  <a:lnTo>
                    <a:pt x="4311396" y="3047"/>
                  </a:lnTo>
                  <a:close/>
                </a:path>
                <a:path w="4319270" h="1271270">
                  <a:moveTo>
                    <a:pt x="4319016" y="1263395"/>
                  </a:moveTo>
                  <a:lnTo>
                    <a:pt x="4315968" y="1263395"/>
                  </a:lnTo>
                  <a:lnTo>
                    <a:pt x="4311396" y="1266443"/>
                  </a:lnTo>
                  <a:lnTo>
                    <a:pt x="4319016" y="1266443"/>
                  </a:lnTo>
                  <a:lnTo>
                    <a:pt x="4319016" y="1263395"/>
                  </a:lnTo>
                  <a:close/>
                </a:path>
                <a:path w="4319270" h="1271270">
                  <a:moveTo>
                    <a:pt x="6096" y="3047"/>
                  </a:moveTo>
                  <a:lnTo>
                    <a:pt x="3048" y="6095"/>
                  </a:lnTo>
                  <a:lnTo>
                    <a:pt x="6096" y="6095"/>
                  </a:lnTo>
                  <a:lnTo>
                    <a:pt x="6096" y="3047"/>
                  </a:lnTo>
                  <a:close/>
                </a:path>
                <a:path w="4319270" h="1271270">
                  <a:moveTo>
                    <a:pt x="4311396" y="3047"/>
                  </a:moveTo>
                  <a:lnTo>
                    <a:pt x="6096" y="3047"/>
                  </a:lnTo>
                  <a:lnTo>
                    <a:pt x="6096" y="6095"/>
                  </a:lnTo>
                  <a:lnTo>
                    <a:pt x="4311396" y="6095"/>
                  </a:lnTo>
                  <a:lnTo>
                    <a:pt x="4311396" y="3047"/>
                  </a:lnTo>
                  <a:close/>
                </a:path>
                <a:path w="4319270" h="1271270">
                  <a:moveTo>
                    <a:pt x="4319016" y="3047"/>
                  </a:moveTo>
                  <a:lnTo>
                    <a:pt x="4311396" y="3047"/>
                  </a:lnTo>
                  <a:lnTo>
                    <a:pt x="4315968" y="6095"/>
                  </a:lnTo>
                  <a:lnTo>
                    <a:pt x="4319016" y="6095"/>
                  </a:lnTo>
                  <a:lnTo>
                    <a:pt x="4319016" y="3047"/>
                  </a:lnTo>
                  <a:close/>
                </a:path>
              </a:pathLst>
            </a:custGeom>
            <a:solidFill>
              <a:srgbClr val="000000"/>
            </a:solidFill>
          </p:spPr>
          <p:txBody>
            <a:bodyPr wrap="square" lIns="0" tIns="0" rIns="0" bIns="0" rtlCol="0"/>
            <a:lstStyle/>
            <a:p>
              <a:endParaRPr sz="1539"/>
            </a:p>
          </p:txBody>
        </p:sp>
      </p:grpSp>
      <p:sp>
        <p:nvSpPr>
          <p:cNvPr id="6" name="object 6"/>
          <p:cNvSpPr txBox="1"/>
          <p:nvPr/>
        </p:nvSpPr>
        <p:spPr>
          <a:xfrm>
            <a:off x="425707" y="2267625"/>
            <a:ext cx="3121666" cy="893095"/>
          </a:xfrm>
          <a:prstGeom prst="rect">
            <a:avLst/>
          </a:prstGeom>
        </p:spPr>
        <p:txBody>
          <a:bodyPr vert="horz" wrap="square" lIns="0" tIns="10317" rIns="0" bIns="0" rtlCol="0">
            <a:spAutoFit/>
          </a:bodyPr>
          <a:lstStyle/>
          <a:p>
            <a:pPr marL="286698" marR="4344" indent="-276381">
              <a:lnSpc>
                <a:spcPct val="119700"/>
              </a:lnSpc>
              <a:spcBef>
                <a:spcPts val="81"/>
              </a:spcBef>
              <a:buChar char="○"/>
              <a:tabLst>
                <a:tab pos="292128" algn="l"/>
              </a:tabLst>
            </a:pPr>
            <a:r>
              <a:rPr sz="1667" spc="-26" dirty="0">
                <a:latin typeface="ＭＳ Ｐゴシック"/>
                <a:cs typeface="ＭＳ Ｐゴシック"/>
              </a:rPr>
              <a:t>高度経済成長期以降に整備し、	</a:t>
            </a:r>
            <a:r>
              <a:rPr sz="1667" spc="-30" dirty="0">
                <a:latin typeface="ＭＳ Ｐゴシック"/>
                <a:cs typeface="ＭＳ Ｐゴシック"/>
              </a:rPr>
              <a:t>老朽化した社会資本の割合が	</a:t>
            </a:r>
            <a:r>
              <a:rPr sz="1667" spc="-26" dirty="0">
                <a:latin typeface="ＭＳ Ｐゴシック"/>
                <a:cs typeface="ＭＳ Ｐゴシック"/>
              </a:rPr>
              <a:t>加速度的に上昇</a:t>
            </a:r>
            <a:endParaRPr sz="1667">
              <a:latin typeface="ＭＳ Ｐゴシック"/>
              <a:cs typeface="ＭＳ Ｐゴシック"/>
            </a:endParaRPr>
          </a:p>
        </p:txBody>
      </p:sp>
      <p:grpSp>
        <p:nvGrpSpPr>
          <p:cNvPr id="7" name="object 7"/>
          <p:cNvGrpSpPr/>
          <p:nvPr/>
        </p:nvGrpSpPr>
        <p:grpSpPr>
          <a:xfrm>
            <a:off x="366194" y="3531626"/>
            <a:ext cx="3693438" cy="1085986"/>
            <a:chOff x="428244" y="3901440"/>
            <a:chExt cx="4319270" cy="1270000"/>
          </a:xfrm>
        </p:grpSpPr>
        <p:sp>
          <p:nvSpPr>
            <p:cNvPr id="8" name="object 8"/>
            <p:cNvSpPr/>
            <p:nvPr/>
          </p:nvSpPr>
          <p:spPr>
            <a:xfrm>
              <a:off x="431292" y="3904488"/>
              <a:ext cx="4312920" cy="1263650"/>
            </a:xfrm>
            <a:custGeom>
              <a:avLst/>
              <a:gdLst/>
              <a:ahLst/>
              <a:cxnLst/>
              <a:rect l="l" t="t" r="r" b="b"/>
              <a:pathLst>
                <a:path w="4312920" h="1263650">
                  <a:moveTo>
                    <a:pt x="4312920" y="0"/>
                  </a:moveTo>
                  <a:lnTo>
                    <a:pt x="0" y="0"/>
                  </a:lnTo>
                  <a:lnTo>
                    <a:pt x="0" y="1263396"/>
                  </a:lnTo>
                  <a:lnTo>
                    <a:pt x="4312920" y="1263396"/>
                  </a:lnTo>
                  <a:lnTo>
                    <a:pt x="4312920" y="0"/>
                  </a:lnTo>
                  <a:close/>
                </a:path>
              </a:pathLst>
            </a:custGeom>
            <a:solidFill>
              <a:srgbClr val="F2F2F2"/>
            </a:solidFill>
          </p:spPr>
          <p:txBody>
            <a:bodyPr wrap="square" lIns="0" tIns="0" rIns="0" bIns="0" rtlCol="0"/>
            <a:lstStyle/>
            <a:p>
              <a:endParaRPr sz="1539"/>
            </a:p>
          </p:txBody>
        </p:sp>
        <p:sp>
          <p:nvSpPr>
            <p:cNvPr id="9" name="object 9"/>
            <p:cNvSpPr/>
            <p:nvPr/>
          </p:nvSpPr>
          <p:spPr>
            <a:xfrm>
              <a:off x="428244" y="3901440"/>
              <a:ext cx="4319270" cy="1270000"/>
            </a:xfrm>
            <a:custGeom>
              <a:avLst/>
              <a:gdLst/>
              <a:ahLst/>
              <a:cxnLst/>
              <a:rect l="l" t="t" r="r" b="b"/>
              <a:pathLst>
                <a:path w="4319270" h="1270000">
                  <a:moveTo>
                    <a:pt x="4319016" y="0"/>
                  </a:moveTo>
                  <a:lnTo>
                    <a:pt x="0" y="0"/>
                  </a:lnTo>
                  <a:lnTo>
                    <a:pt x="0" y="1269492"/>
                  </a:lnTo>
                  <a:lnTo>
                    <a:pt x="4319016" y="1269492"/>
                  </a:lnTo>
                  <a:lnTo>
                    <a:pt x="4319016" y="1266444"/>
                  </a:lnTo>
                  <a:lnTo>
                    <a:pt x="6096" y="1266444"/>
                  </a:lnTo>
                  <a:lnTo>
                    <a:pt x="3048" y="1263396"/>
                  </a:lnTo>
                  <a:lnTo>
                    <a:pt x="6096" y="1263396"/>
                  </a:lnTo>
                  <a:lnTo>
                    <a:pt x="6096" y="6096"/>
                  </a:lnTo>
                  <a:lnTo>
                    <a:pt x="3048" y="6096"/>
                  </a:lnTo>
                  <a:lnTo>
                    <a:pt x="6096" y="3048"/>
                  </a:lnTo>
                  <a:lnTo>
                    <a:pt x="4319016" y="3048"/>
                  </a:lnTo>
                  <a:lnTo>
                    <a:pt x="4319016" y="0"/>
                  </a:lnTo>
                  <a:close/>
                </a:path>
                <a:path w="4319270" h="1270000">
                  <a:moveTo>
                    <a:pt x="6096" y="1263396"/>
                  </a:moveTo>
                  <a:lnTo>
                    <a:pt x="3048" y="1263396"/>
                  </a:lnTo>
                  <a:lnTo>
                    <a:pt x="6096" y="1266444"/>
                  </a:lnTo>
                  <a:lnTo>
                    <a:pt x="6096" y="1263396"/>
                  </a:lnTo>
                  <a:close/>
                </a:path>
                <a:path w="4319270" h="1270000">
                  <a:moveTo>
                    <a:pt x="4311396" y="1263396"/>
                  </a:moveTo>
                  <a:lnTo>
                    <a:pt x="6096" y="1263396"/>
                  </a:lnTo>
                  <a:lnTo>
                    <a:pt x="6096" y="1266444"/>
                  </a:lnTo>
                  <a:lnTo>
                    <a:pt x="4311396" y="1266444"/>
                  </a:lnTo>
                  <a:lnTo>
                    <a:pt x="4311396" y="1263396"/>
                  </a:lnTo>
                  <a:close/>
                </a:path>
                <a:path w="4319270" h="1270000">
                  <a:moveTo>
                    <a:pt x="4311396" y="3048"/>
                  </a:moveTo>
                  <a:lnTo>
                    <a:pt x="4311396" y="1266444"/>
                  </a:lnTo>
                  <a:lnTo>
                    <a:pt x="4315968" y="1263396"/>
                  </a:lnTo>
                  <a:lnTo>
                    <a:pt x="4319016" y="1263396"/>
                  </a:lnTo>
                  <a:lnTo>
                    <a:pt x="4319016" y="6096"/>
                  </a:lnTo>
                  <a:lnTo>
                    <a:pt x="4315968" y="6096"/>
                  </a:lnTo>
                  <a:lnTo>
                    <a:pt x="4311396" y="3048"/>
                  </a:lnTo>
                  <a:close/>
                </a:path>
                <a:path w="4319270" h="1270000">
                  <a:moveTo>
                    <a:pt x="4319016" y="1263396"/>
                  </a:moveTo>
                  <a:lnTo>
                    <a:pt x="4315968" y="1263396"/>
                  </a:lnTo>
                  <a:lnTo>
                    <a:pt x="4311396" y="1266444"/>
                  </a:lnTo>
                  <a:lnTo>
                    <a:pt x="4319016" y="1266444"/>
                  </a:lnTo>
                  <a:lnTo>
                    <a:pt x="4319016" y="1263396"/>
                  </a:lnTo>
                  <a:close/>
                </a:path>
                <a:path w="4319270" h="1270000">
                  <a:moveTo>
                    <a:pt x="6096" y="3048"/>
                  </a:moveTo>
                  <a:lnTo>
                    <a:pt x="3048" y="6096"/>
                  </a:lnTo>
                  <a:lnTo>
                    <a:pt x="6096" y="6096"/>
                  </a:lnTo>
                  <a:lnTo>
                    <a:pt x="6096" y="3048"/>
                  </a:lnTo>
                  <a:close/>
                </a:path>
                <a:path w="4319270" h="1270000">
                  <a:moveTo>
                    <a:pt x="4311396" y="3048"/>
                  </a:moveTo>
                  <a:lnTo>
                    <a:pt x="6096" y="3048"/>
                  </a:lnTo>
                  <a:lnTo>
                    <a:pt x="6096" y="6096"/>
                  </a:lnTo>
                  <a:lnTo>
                    <a:pt x="4311396" y="6096"/>
                  </a:lnTo>
                  <a:lnTo>
                    <a:pt x="4311396" y="3048"/>
                  </a:lnTo>
                  <a:close/>
                </a:path>
                <a:path w="4319270" h="1270000">
                  <a:moveTo>
                    <a:pt x="4319016" y="3048"/>
                  </a:moveTo>
                  <a:lnTo>
                    <a:pt x="4311396" y="3048"/>
                  </a:lnTo>
                  <a:lnTo>
                    <a:pt x="4315968" y="6096"/>
                  </a:lnTo>
                  <a:lnTo>
                    <a:pt x="4319016" y="6096"/>
                  </a:lnTo>
                  <a:lnTo>
                    <a:pt x="4319016" y="3048"/>
                  </a:lnTo>
                  <a:close/>
                </a:path>
              </a:pathLst>
            </a:custGeom>
            <a:solidFill>
              <a:srgbClr val="000000"/>
            </a:solidFill>
          </p:spPr>
          <p:txBody>
            <a:bodyPr wrap="square" lIns="0" tIns="0" rIns="0" bIns="0" rtlCol="0"/>
            <a:lstStyle/>
            <a:p>
              <a:endParaRPr sz="1539"/>
            </a:p>
          </p:txBody>
        </p:sp>
      </p:grpSp>
      <p:sp>
        <p:nvSpPr>
          <p:cNvPr id="10" name="object 10"/>
          <p:cNvSpPr txBox="1"/>
          <p:nvPr/>
        </p:nvSpPr>
        <p:spPr>
          <a:xfrm>
            <a:off x="425706" y="3944301"/>
            <a:ext cx="2549895" cy="266415"/>
          </a:xfrm>
          <a:prstGeom prst="rect">
            <a:avLst/>
          </a:prstGeom>
        </p:spPr>
        <p:txBody>
          <a:bodyPr vert="horz" wrap="square" lIns="0" tIns="9774" rIns="0" bIns="0" rtlCol="0">
            <a:spAutoFit/>
          </a:bodyPr>
          <a:lstStyle/>
          <a:p>
            <a:pPr marL="287241" indent="-276381">
              <a:spcBef>
                <a:spcPts val="77"/>
              </a:spcBef>
              <a:buChar char="○"/>
              <a:tabLst>
                <a:tab pos="287241" algn="l"/>
              </a:tabLst>
            </a:pPr>
            <a:r>
              <a:rPr sz="1667" spc="-26" dirty="0">
                <a:latin typeface="ＭＳ Ｐゴシック"/>
                <a:cs typeface="ＭＳ Ｐゴシック"/>
              </a:rPr>
              <a:t>技術系職員の減少、不足</a:t>
            </a:r>
            <a:endParaRPr sz="1667">
              <a:latin typeface="ＭＳ Ｐゴシック"/>
              <a:cs typeface="ＭＳ Ｐゴシック"/>
            </a:endParaRPr>
          </a:p>
        </p:txBody>
      </p:sp>
      <p:grpSp>
        <p:nvGrpSpPr>
          <p:cNvPr id="11" name="object 11"/>
          <p:cNvGrpSpPr/>
          <p:nvPr/>
        </p:nvGrpSpPr>
        <p:grpSpPr>
          <a:xfrm>
            <a:off x="366194" y="4853053"/>
            <a:ext cx="3693438" cy="1087072"/>
            <a:chOff x="428244" y="5446776"/>
            <a:chExt cx="4319270" cy="1271270"/>
          </a:xfrm>
        </p:grpSpPr>
        <p:sp>
          <p:nvSpPr>
            <p:cNvPr id="12" name="object 12"/>
            <p:cNvSpPr/>
            <p:nvPr/>
          </p:nvSpPr>
          <p:spPr>
            <a:xfrm>
              <a:off x="431292" y="5449829"/>
              <a:ext cx="4312920" cy="1264920"/>
            </a:xfrm>
            <a:custGeom>
              <a:avLst/>
              <a:gdLst/>
              <a:ahLst/>
              <a:cxnLst/>
              <a:rect l="l" t="t" r="r" b="b"/>
              <a:pathLst>
                <a:path w="4312920" h="1264920">
                  <a:moveTo>
                    <a:pt x="4312920" y="0"/>
                  </a:moveTo>
                  <a:lnTo>
                    <a:pt x="0" y="0"/>
                  </a:lnTo>
                  <a:lnTo>
                    <a:pt x="0" y="1264920"/>
                  </a:lnTo>
                  <a:lnTo>
                    <a:pt x="4312920" y="1264920"/>
                  </a:lnTo>
                  <a:lnTo>
                    <a:pt x="4312920" y="0"/>
                  </a:lnTo>
                  <a:close/>
                </a:path>
              </a:pathLst>
            </a:custGeom>
            <a:solidFill>
              <a:srgbClr val="F2F2F2"/>
            </a:solidFill>
          </p:spPr>
          <p:txBody>
            <a:bodyPr wrap="square" lIns="0" tIns="0" rIns="0" bIns="0" rtlCol="0"/>
            <a:lstStyle/>
            <a:p>
              <a:endParaRPr sz="1539"/>
            </a:p>
          </p:txBody>
        </p:sp>
        <p:sp>
          <p:nvSpPr>
            <p:cNvPr id="13" name="object 13"/>
            <p:cNvSpPr/>
            <p:nvPr/>
          </p:nvSpPr>
          <p:spPr>
            <a:xfrm>
              <a:off x="428244" y="5446776"/>
              <a:ext cx="4319270" cy="1271270"/>
            </a:xfrm>
            <a:custGeom>
              <a:avLst/>
              <a:gdLst/>
              <a:ahLst/>
              <a:cxnLst/>
              <a:rect l="l" t="t" r="r" b="b"/>
              <a:pathLst>
                <a:path w="4319270" h="1271270">
                  <a:moveTo>
                    <a:pt x="4319016" y="0"/>
                  </a:moveTo>
                  <a:lnTo>
                    <a:pt x="0" y="0"/>
                  </a:lnTo>
                  <a:lnTo>
                    <a:pt x="0" y="1271021"/>
                  </a:lnTo>
                  <a:lnTo>
                    <a:pt x="4319016" y="1271021"/>
                  </a:lnTo>
                  <a:lnTo>
                    <a:pt x="4319016" y="1267973"/>
                  </a:lnTo>
                  <a:lnTo>
                    <a:pt x="6096" y="1267973"/>
                  </a:lnTo>
                  <a:lnTo>
                    <a:pt x="3048" y="1263401"/>
                  </a:lnTo>
                  <a:lnTo>
                    <a:pt x="6096" y="1263401"/>
                  </a:lnTo>
                  <a:lnTo>
                    <a:pt x="6096" y="7619"/>
                  </a:lnTo>
                  <a:lnTo>
                    <a:pt x="3048" y="7619"/>
                  </a:lnTo>
                  <a:lnTo>
                    <a:pt x="6096" y="3047"/>
                  </a:lnTo>
                  <a:lnTo>
                    <a:pt x="4319016" y="3047"/>
                  </a:lnTo>
                  <a:lnTo>
                    <a:pt x="4319016" y="0"/>
                  </a:lnTo>
                  <a:close/>
                </a:path>
                <a:path w="4319270" h="1271270">
                  <a:moveTo>
                    <a:pt x="6096" y="1263401"/>
                  </a:moveTo>
                  <a:lnTo>
                    <a:pt x="3048" y="1263401"/>
                  </a:lnTo>
                  <a:lnTo>
                    <a:pt x="6096" y="1267973"/>
                  </a:lnTo>
                  <a:lnTo>
                    <a:pt x="6096" y="1263401"/>
                  </a:lnTo>
                  <a:close/>
                </a:path>
                <a:path w="4319270" h="1271270">
                  <a:moveTo>
                    <a:pt x="4311396" y="1263401"/>
                  </a:moveTo>
                  <a:lnTo>
                    <a:pt x="6096" y="1263401"/>
                  </a:lnTo>
                  <a:lnTo>
                    <a:pt x="6096" y="1267973"/>
                  </a:lnTo>
                  <a:lnTo>
                    <a:pt x="4311396" y="1267973"/>
                  </a:lnTo>
                  <a:lnTo>
                    <a:pt x="4311396" y="1263401"/>
                  </a:lnTo>
                  <a:close/>
                </a:path>
                <a:path w="4319270" h="1271270">
                  <a:moveTo>
                    <a:pt x="4311396" y="3047"/>
                  </a:moveTo>
                  <a:lnTo>
                    <a:pt x="4311396" y="1267973"/>
                  </a:lnTo>
                  <a:lnTo>
                    <a:pt x="4315968" y="1263401"/>
                  </a:lnTo>
                  <a:lnTo>
                    <a:pt x="4319016" y="1263401"/>
                  </a:lnTo>
                  <a:lnTo>
                    <a:pt x="4319016" y="7619"/>
                  </a:lnTo>
                  <a:lnTo>
                    <a:pt x="4315968" y="7619"/>
                  </a:lnTo>
                  <a:lnTo>
                    <a:pt x="4311396" y="3047"/>
                  </a:lnTo>
                  <a:close/>
                </a:path>
                <a:path w="4319270" h="1271270">
                  <a:moveTo>
                    <a:pt x="4319016" y="1263401"/>
                  </a:moveTo>
                  <a:lnTo>
                    <a:pt x="4315968" y="1263401"/>
                  </a:lnTo>
                  <a:lnTo>
                    <a:pt x="4311396" y="1267973"/>
                  </a:lnTo>
                  <a:lnTo>
                    <a:pt x="4319016" y="1267973"/>
                  </a:lnTo>
                  <a:lnTo>
                    <a:pt x="4319016" y="1263401"/>
                  </a:lnTo>
                  <a:close/>
                </a:path>
                <a:path w="4319270" h="1271270">
                  <a:moveTo>
                    <a:pt x="6096" y="3047"/>
                  </a:moveTo>
                  <a:lnTo>
                    <a:pt x="3048" y="7619"/>
                  </a:lnTo>
                  <a:lnTo>
                    <a:pt x="6096" y="7619"/>
                  </a:lnTo>
                  <a:lnTo>
                    <a:pt x="6096" y="3047"/>
                  </a:lnTo>
                  <a:close/>
                </a:path>
                <a:path w="4319270" h="1271270">
                  <a:moveTo>
                    <a:pt x="4311396" y="3047"/>
                  </a:moveTo>
                  <a:lnTo>
                    <a:pt x="6096" y="3047"/>
                  </a:lnTo>
                  <a:lnTo>
                    <a:pt x="6096" y="7619"/>
                  </a:lnTo>
                  <a:lnTo>
                    <a:pt x="4311396" y="7619"/>
                  </a:lnTo>
                  <a:lnTo>
                    <a:pt x="4311396" y="3047"/>
                  </a:lnTo>
                  <a:close/>
                </a:path>
                <a:path w="4319270" h="1271270">
                  <a:moveTo>
                    <a:pt x="4319016" y="3047"/>
                  </a:moveTo>
                  <a:lnTo>
                    <a:pt x="4311396" y="3047"/>
                  </a:lnTo>
                  <a:lnTo>
                    <a:pt x="4315968" y="7619"/>
                  </a:lnTo>
                  <a:lnTo>
                    <a:pt x="4319016" y="7619"/>
                  </a:lnTo>
                  <a:lnTo>
                    <a:pt x="4319016" y="3047"/>
                  </a:lnTo>
                  <a:close/>
                </a:path>
              </a:pathLst>
            </a:custGeom>
            <a:solidFill>
              <a:srgbClr val="000000"/>
            </a:solidFill>
          </p:spPr>
          <p:txBody>
            <a:bodyPr wrap="square" lIns="0" tIns="0" rIns="0" bIns="0" rtlCol="0"/>
            <a:lstStyle/>
            <a:p>
              <a:endParaRPr sz="1539"/>
            </a:p>
          </p:txBody>
        </p:sp>
      </p:grpSp>
      <p:sp>
        <p:nvSpPr>
          <p:cNvPr id="14" name="object 14"/>
          <p:cNvSpPr txBox="1"/>
          <p:nvPr/>
        </p:nvSpPr>
        <p:spPr>
          <a:xfrm>
            <a:off x="425707" y="5265728"/>
            <a:ext cx="1564905" cy="266415"/>
          </a:xfrm>
          <a:prstGeom prst="rect">
            <a:avLst/>
          </a:prstGeom>
        </p:spPr>
        <p:txBody>
          <a:bodyPr vert="horz" wrap="square" lIns="0" tIns="9774" rIns="0" bIns="0" rtlCol="0">
            <a:spAutoFit/>
          </a:bodyPr>
          <a:lstStyle/>
          <a:p>
            <a:pPr marL="287241" indent="-276381">
              <a:spcBef>
                <a:spcPts val="77"/>
              </a:spcBef>
              <a:buChar char="○"/>
              <a:tabLst>
                <a:tab pos="287241" algn="l"/>
              </a:tabLst>
            </a:pPr>
            <a:r>
              <a:rPr sz="1667" spc="-26" dirty="0">
                <a:latin typeface="ＭＳ Ｐゴシック"/>
                <a:cs typeface="ＭＳ Ｐゴシック"/>
              </a:rPr>
              <a:t>土木費の減少</a:t>
            </a:r>
            <a:endParaRPr sz="1667">
              <a:latin typeface="ＭＳ Ｐゴシック"/>
              <a:cs typeface="ＭＳ Ｐゴシック"/>
            </a:endParaRPr>
          </a:p>
        </p:txBody>
      </p:sp>
      <p:grpSp>
        <p:nvGrpSpPr>
          <p:cNvPr id="15" name="object 15"/>
          <p:cNvGrpSpPr/>
          <p:nvPr/>
        </p:nvGrpSpPr>
        <p:grpSpPr>
          <a:xfrm>
            <a:off x="5032892" y="2208894"/>
            <a:ext cx="3694524" cy="371407"/>
            <a:chOff x="5885688" y="2354579"/>
            <a:chExt cx="4320540" cy="434340"/>
          </a:xfrm>
        </p:grpSpPr>
        <p:sp>
          <p:nvSpPr>
            <p:cNvPr id="16" name="object 16"/>
            <p:cNvSpPr/>
            <p:nvPr/>
          </p:nvSpPr>
          <p:spPr>
            <a:xfrm>
              <a:off x="5890260" y="2357627"/>
              <a:ext cx="4311650" cy="428625"/>
            </a:xfrm>
            <a:custGeom>
              <a:avLst/>
              <a:gdLst/>
              <a:ahLst/>
              <a:cxnLst/>
              <a:rect l="l" t="t" r="r" b="b"/>
              <a:pathLst>
                <a:path w="4311650" h="428625">
                  <a:moveTo>
                    <a:pt x="4311395" y="0"/>
                  </a:moveTo>
                  <a:lnTo>
                    <a:pt x="0" y="0"/>
                  </a:lnTo>
                  <a:lnTo>
                    <a:pt x="0" y="428243"/>
                  </a:lnTo>
                  <a:lnTo>
                    <a:pt x="4311395" y="428243"/>
                  </a:lnTo>
                  <a:lnTo>
                    <a:pt x="4311395" y="0"/>
                  </a:lnTo>
                  <a:close/>
                </a:path>
              </a:pathLst>
            </a:custGeom>
            <a:solidFill>
              <a:srgbClr val="B3C6E6"/>
            </a:solidFill>
          </p:spPr>
          <p:txBody>
            <a:bodyPr wrap="square" lIns="0" tIns="0" rIns="0" bIns="0" rtlCol="0"/>
            <a:lstStyle/>
            <a:p>
              <a:endParaRPr sz="1539"/>
            </a:p>
          </p:txBody>
        </p:sp>
        <p:sp>
          <p:nvSpPr>
            <p:cNvPr id="17" name="object 17"/>
            <p:cNvSpPr/>
            <p:nvPr/>
          </p:nvSpPr>
          <p:spPr>
            <a:xfrm>
              <a:off x="5885688" y="2354579"/>
              <a:ext cx="4320540" cy="434340"/>
            </a:xfrm>
            <a:custGeom>
              <a:avLst/>
              <a:gdLst/>
              <a:ahLst/>
              <a:cxnLst/>
              <a:rect l="l" t="t" r="r" b="b"/>
              <a:pathLst>
                <a:path w="4320540" h="434339">
                  <a:moveTo>
                    <a:pt x="4320540" y="0"/>
                  </a:moveTo>
                  <a:lnTo>
                    <a:pt x="0" y="0"/>
                  </a:lnTo>
                  <a:lnTo>
                    <a:pt x="0" y="434339"/>
                  </a:lnTo>
                  <a:lnTo>
                    <a:pt x="4320540" y="434339"/>
                  </a:lnTo>
                  <a:lnTo>
                    <a:pt x="4320540" y="431291"/>
                  </a:lnTo>
                  <a:lnTo>
                    <a:pt x="7620" y="431291"/>
                  </a:lnTo>
                  <a:lnTo>
                    <a:pt x="4572" y="426719"/>
                  </a:lnTo>
                  <a:lnTo>
                    <a:pt x="7620" y="426719"/>
                  </a:lnTo>
                  <a:lnTo>
                    <a:pt x="7620" y="6095"/>
                  </a:lnTo>
                  <a:lnTo>
                    <a:pt x="4572" y="6095"/>
                  </a:lnTo>
                  <a:lnTo>
                    <a:pt x="7620" y="3047"/>
                  </a:lnTo>
                  <a:lnTo>
                    <a:pt x="4320540" y="3047"/>
                  </a:lnTo>
                  <a:lnTo>
                    <a:pt x="4320540" y="0"/>
                  </a:lnTo>
                  <a:close/>
                </a:path>
                <a:path w="4320540" h="434339">
                  <a:moveTo>
                    <a:pt x="7620" y="426719"/>
                  </a:moveTo>
                  <a:lnTo>
                    <a:pt x="4572" y="426719"/>
                  </a:lnTo>
                  <a:lnTo>
                    <a:pt x="7620" y="431291"/>
                  </a:lnTo>
                  <a:lnTo>
                    <a:pt x="7620" y="426719"/>
                  </a:lnTo>
                  <a:close/>
                </a:path>
                <a:path w="4320540" h="434339">
                  <a:moveTo>
                    <a:pt x="4312920" y="426719"/>
                  </a:moveTo>
                  <a:lnTo>
                    <a:pt x="7620" y="426719"/>
                  </a:lnTo>
                  <a:lnTo>
                    <a:pt x="7620" y="431291"/>
                  </a:lnTo>
                  <a:lnTo>
                    <a:pt x="4312920" y="431291"/>
                  </a:lnTo>
                  <a:lnTo>
                    <a:pt x="4312920" y="426719"/>
                  </a:lnTo>
                  <a:close/>
                </a:path>
                <a:path w="4320540" h="434339">
                  <a:moveTo>
                    <a:pt x="4312920" y="3047"/>
                  </a:moveTo>
                  <a:lnTo>
                    <a:pt x="4312920" y="431291"/>
                  </a:lnTo>
                  <a:lnTo>
                    <a:pt x="4315968" y="426719"/>
                  </a:lnTo>
                  <a:lnTo>
                    <a:pt x="4320540" y="426719"/>
                  </a:lnTo>
                  <a:lnTo>
                    <a:pt x="4320540" y="6095"/>
                  </a:lnTo>
                  <a:lnTo>
                    <a:pt x="4315968" y="6095"/>
                  </a:lnTo>
                  <a:lnTo>
                    <a:pt x="4312920" y="3047"/>
                  </a:lnTo>
                  <a:close/>
                </a:path>
                <a:path w="4320540" h="434339">
                  <a:moveTo>
                    <a:pt x="4320540" y="426719"/>
                  </a:moveTo>
                  <a:lnTo>
                    <a:pt x="4315968" y="426719"/>
                  </a:lnTo>
                  <a:lnTo>
                    <a:pt x="4312920" y="431291"/>
                  </a:lnTo>
                  <a:lnTo>
                    <a:pt x="4320540" y="431291"/>
                  </a:lnTo>
                  <a:lnTo>
                    <a:pt x="4320540" y="426719"/>
                  </a:lnTo>
                  <a:close/>
                </a:path>
                <a:path w="4320540" h="434339">
                  <a:moveTo>
                    <a:pt x="7620" y="3047"/>
                  </a:moveTo>
                  <a:lnTo>
                    <a:pt x="4572" y="6095"/>
                  </a:lnTo>
                  <a:lnTo>
                    <a:pt x="7620" y="6095"/>
                  </a:lnTo>
                  <a:lnTo>
                    <a:pt x="7620" y="3047"/>
                  </a:lnTo>
                  <a:close/>
                </a:path>
                <a:path w="4320540" h="434339">
                  <a:moveTo>
                    <a:pt x="4312920" y="3047"/>
                  </a:moveTo>
                  <a:lnTo>
                    <a:pt x="7620" y="3047"/>
                  </a:lnTo>
                  <a:lnTo>
                    <a:pt x="7620" y="6095"/>
                  </a:lnTo>
                  <a:lnTo>
                    <a:pt x="4312920" y="6095"/>
                  </a:lnTo>
                  <a:lnTo>
                    <a:pt x="4312920" y="3047"/>
                  </a:lnTo>
                  <a:close/>
                </a:path>
                <a:path w="4320540" h="434339">
                  <a:moveTo>
                    <a:pt x="4320540" y="3047"/>
                  </a:moveTo>
                  <a:lnTo>
                    <a:pt x="4312920" y="3047"/>
                  </a:lnTo>
                  <a:lnTo>
                    <a:pt x="4315968" y="6095"/>
                  </a:lnTo>
                  <a:lnTo>
                    <a:pt x="4320540" y="6095"/>
                  </a:lnTo>
                  <a:lnTo>
                    <a:pt x="4320540" y="3047"/>
                  </a:lnTo>
                  <a:close/>
                </a:path>
              </a:pathLst>
            </a:custGeom>
            <a:solidFill>
              <a:srgbClr val="4472C3"/>
            </a:solidFill>
          </p:spPr>
          <p:txBody>
            <a:bodyPr wrap="square" lIns="0" tIns="0" rIns="0" bIns="0" rtlCol="0"/>
            <a:lstStyle/>
            <a:p>
              <a:endParaRPr sz="1539"/>
            </a:p>
          </p:txBody>
        </p:sp>
      </p:grpSp>
      <p:sp>
        <p:nvSpPr>
          <p:cNvPr id="18" name="object 18"/>
          <p:cNvSpPr txBox="1"/>
          <p:nvPr/>
        </p:nvSpPr>
        <p:spPr>
          <a:xfrm>
            <a:off x="5092405" y="2264497"/>
            <a:ext cx="2870803" cy="266415"/>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１）</a:t>
            </a:r>
            <a:r>
              <a:rPr sz="1667" spc="-30" dirty="0">
                <a:latin typeface="ＭＳ Ｐゴシック"/>
                <a:cs typeface="ＭＳ Ｐゴシック"/>
              </a:rPr>
              <a:t>メンテナンスサイクルの確立</a:t>
            </a:r>
            <a:endParaRPr sz="1667">
              <a:latin typeface="ＭＳ Ｐゴシック"/>
              <a:cs typeface="ＭＳ Ｐゴシック"/>
            </a:endParaRPr>
          </a:p>
        </p:txBody>
      </p:sp>
      <p:grpSp>
        <p:nvGrpSpPr>
          <p:cNvPr id="19" name="object 19"/>
          <p:cNvGrpSpPr/>
          <p:nvPr/>
        </p:nvGrpSpPr>
        <p:grpSpPr>
          <a:xfrm>
            <a:off x="5032892" y="2765353"/>
            <a:ext cx="3694524" cy="371407"/>
            <a:chOff x="5885688" y="3005327"/>
            <a:chExt cx="4320540" cy="434340"/>
          </a:xfrm>
        </p:grpSpPr>
        <p:sp>
          <p:nvSpPr>
            <p:cNvPr id="20" name="object 20"/>
            <p:cNvSpPr/>
            <p:nvPr/>
          </p:nvSpPr>
          <p:spPr>
            <a:xfrm>
              <a:off x="5890260" y="3009899"/>
              <a:ext cx="4311650" cy="426720"/>
            </a:xfrm>
            <a:custGeom>
              <a:avLst/>
              <a:gdLst/>
              <a:ahLst/>
              <a:cxnLst/>
              <a:rect l="l" t="t" r="r" b="b"/>
              <a:pathLst>
                <a:path w="4311650" h="426720">
                  <a:moveTo>
                    <a:pt x="4311395" y="0"/>
                  </a:moveTo>
                  <a:lnTo>
                    <a:pt x="0" y="0"/>
                  </a:lnTo>
                  <a:lnTo>
                    <a:pt x="0" y="426720"/>
                  </a:lnTo>
                  <a:lnTo>
                    <a:pt x="4311395" y="426720"/>
                  </a:lnTo>
                  <a:lnTo>
                    <a:pt x="4311395" y="0"/>
                  </a:lnTo>
                  <a:close/>
                </a:path>
              </a:pathLst>
            </a:custGeom>
            <a:solidFill>
              <a:srgbClr val="B3C6E6"/>
            </a:solidFill>
          </p:spPr>
          <p:txBody>
            <a:bodyPr wrap="square" lIns="0" tIns="0" rIns="0" bIns="0" rtlCol="0"/>
            <a:lstStyle/>
            <a:p>
              <a:endParaRPr sz="1539"/>
            </a:p>
          </p:txBody>
        </p:sp>
        <p:sp>
          <p:nvSpPr>
            <p:cNvPr id="21" name="object 21"/>
            <p:cNvSpPr/>
            <p:nvPr/>
          </p:nvSpPr>
          <p:spPr>
            <a:xfrm>
              <a:off x="5885688" y="3005327"/>
              <a:ext cx="4320540" cy="434340"/>
            </a:xfrm>
            <a:custGeom>
              <a:avLst/>
              <a:gdLst/>
              <a:ahLst/>
              <a:cxnLst/>
              <a:rect l="l" t="t" r="r" b="b"/>
              <a:pathLst>
                <a:path w="4320540" h="434339">
                  <a:moveTo>
                    <a:pt x="4320540" y="0"/>
                  </a:moveTo>
                  <a:lnTo>
                    <a:pt x="0" y="0"/>
                  </a:lnTo>
                  <a:lnTo>
                    <a:pt x="0" y="434340"/>
                  </a:lnTo>
                  <a:lnTo>
                    <a:pt x="4320540" y="434340"/>
                  </a:lnTo>
                  <a:lnTo>
                    <a:pt x="4320540" y="431292"/>
                  </a:lnTo>
                  <a:lnTo>
                    <a:pt x="7620" y="431292"/>
                  </a:lnTo>
                  <a:lnTo>
                    <a:pt x="4572" y="428244"/>
                  </a:lnTo>
                  <a:lnTo>
                    <a:pt x="7620" y="428244"/>
                  </a:lnTo>
                  <a:lnTo>
                    <a:pt x="7620" y="7620"/>
                  </a:lnTo>
                  <a:lnTo>
                    <a:pt x="4572" y="7620"/>
                  </a:lnTo>
                  <a:lnTo>
                    <a:pt x="7620" y="4572"/>
                  </a:lnTo>
                  <a:lnTo>
                    <a:pt x="4320540" y="4572"/>
                  </a:lnTo>
                  <a:lnTo>
                    <a:pt x="4320540" y="0"/>
                  </a:lnTo>
                  <a:close/>
                </a:path>
                <a:path w="4320540" h="434339">
                  <a:moveTo>
                    <a:pt x="7620" y="428244"/>
                  </a:moveTo>
                  <a:lnTo>
                    <a:pt x="4572" y="428244"/>
                  </a:lnTo>
                  <a:lnTo>
                    <a:pt x="7620" y="431292"/>
                  </a:lnTo>
                  <a:lnTo>
                    <a:pt x="7620" y="428244"/>
                  </a:lnTo>
                  <a:close/>
                </a:path>
                <a:path w="4320540" h="434339">
                  <a:moveTo>
                    <a:pt x="4312920" y="428244"/>
                  </a:moveTo>
                  <a:lnTo>
                    <a:pt x="7620" y="428244"/>
                  </a:lnTo>
                  <a:lnTo>
                    <a:pt x="7620" y="431292"/>
                  </a:lnTo>
                  <a:lnTo>
                    <a:pt x="4312920" y="431292"/>
                  </a:lnTo>
                  <a:lnTo>
                    <a:pt x="4312920" y="428244"/>
                  </a:lnTo>
                  <a:close/>
                </a:path>
                <a:path w="4320540" h="434339">
                  <a:moveTo>
                    <a:pt x="4312920" y="4572"/>
                  </a:moveTo>
                  <a:lnTo>
                    <a:pt x="4312920" y="431292"/>
                  </a:lnTo>
                  <a:lnTo>
                    <a:pt x="4315968" y="428244"/>
                  </a:lnTo>
                  <a:lnTo>
                    <a:pt x="4320540" y="428244"/>
                  </a:lnTo>
                  <a:lnTo>
                    <a:pt x="4320540" y="7620"/>
                  </a:lnTo>
                  <a:lnTo>
                    <a:pt x="4315968" y="7620"/>
                  </a:lnTo>
                  <a:lnTo>
                    <a:pt x="4312920" y="4572"/>
                  </a:lnTo>
                  <a:close/>
                </a:path>
                <a:path w="4320540" h="434339">
                  <a:moveTo>
                    <a:pt x="4320540" y="428244"/>
                  </a:moveTo>
                  <a:lnTo>
                    <a:pt x="4315968" y="428244"/>
                  </a:lnTo>
                  <a:lnTo>
                    <a:pt x="4312920" y="431292"/>
                  </a:lnTo>
                  <a:lnTo>
                    <a:pt x="4320540" y="431292"/>
                  </a:lnTo>
                  <a:lnTo>
                    <a:pt x="4320540" y="428244"/>
                  </a:lnTo>
                  <a:close/>
                </a:path>
                <a:path w="4320540" h="434339">
                  <a:moveTo>
                    <a:pt x="7620" y="4572"/>
                  </a:moveTo>
                  <a:lnTo>
                    <a:pt x="4572" y="7620"/>
                  </a:lnTo>
                  <a:lnTo>
                    <a:pt x="7620" y="7620"/>
                  </a:lnTo>
                  <a:lnTo>
                    <a:pt x="7620" y="4572"/>
                  </a:lnTo>
                  <a:close/>
                </a:path>
                <a:path w="4320540" h="434339">
                  <a:moveTo>
                    <a:pt x="4312920" y="4572"/>
                  </a:moveTo>
                  <a:lnTo>
                    <a:pt x="7620" y="4572"/>
                  </a:lnTo>
                  <a:lnTo>
                    <a:pt x="7620" y="7620"/>
                  </a:lnTo>
                  <a:lnTo>
                    <a:pt x="4312920" y="7620"/>
                  </a:lnTo>
                  <a:lnTo>
                    <a:pt x="4312920" y="4572"/>
                  </a:lnTo>
                  <a:close/>
                </a:path>
                <a:path w="4320540" h="434339">
                  <a:moveTo>
                    <a:pt x="4320540" y="4572"/>
                  </a:moveTo>
                  <a:lnTo>
                    <a:pt x="4312920" y="4572"/>
                  </a:lnTo>
                  <a:lnTo>
                    <a:pt x="4315968" y="7620"/>
                  </a:lnTo>
                  <a:lnTo>
                    <a:pt x="4320540" y="7620"/>
                  </a:lnTo>
                  <a:lnTo>
                    <a:pt x="4320540" y="4572"/>
                  </a:lnTo>
                  <a:close/>
                </a:path>
              </a:pathLst>
            </a:custGeom>
            <a:solidFill>
              <a:srgbClr val="4472C3"/>
            </a:solidFill>
          </p:spPr>
          <p:txBody>
            <a:bodyPr wrap="square" lIns="0" tIns="0" rIns="0" bIns="0" rtlCol="0"/>
            <a:lstStyle/>
            <a:p>
              <a:endParaRPr sz="1539"/>
            </a:p>
          </p:txBody>
        </p:sp>
      </p:grpSp>
      <p:sp>
        <p:nvSpPr>
          <p:cNvPr id="22" name="object 22"/>
          <p:cNvSpPr txBox="1"/>
          <p:nvPr/>
        </p:nvSpPr>
        <p:spPr>
          <a:xfrm>
            <a:off x="5092405" y="2820957"/>
            <a:ext cx="2160569" cy="266415"/>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２）</a:t>
            </a:r>
            <a:r>
              <a:rPr sz="1667" spc="-21" dirty="0">
                <a:latin typeface="ＭＳ Ｐゴシック"/>
                <a:cs typeface="ＭＳ Ｐゴシック"/>
              </a:rPr>
              <a:t>施設の集約</a:t>
            </a:r>
            <a:r>
              <a:rPr sz="1667" spc="-9" dirty="0">
                <a:latin typeface="ＭＳ Ｐゴシック"/>
                <a:cs typeface="ＭＳ Ｐゴシック"/>
              </a:rPr>
              <a:t>･</a:t>
            </a:r>
            <a:r>
              <a:rPr sz="1667" spc="-30" dirty="0">
                <a:latin typeface="ＭＳ Ｐゴシック"/>
                <a:cs typeface="ＭＳ Ｐゴシック"/>
              </a:rPr>
              <a:t>再編等</a:t>
            </a:r>
            <a:endParaRPr sz="1667">
              <a:latin typeface="ＭＳ Ｐゴシック"/>
              <a:cs typeface="ＭＳ Ｐゴシック"/>
            </a:endParaRPr>
          </a:p>
        </p:txBody>
      </p:sp>
      <p:grpSp>
        <p:nvGrpSpPr>
          <p:cNvPr id="23" name="object 23"/>
          <p:cNvGrpSpPr/>
          <p:nvPr/>
        </p:nvGrpSpPr>
        <p:grpSpPr>
          <a:xfrm>
            <a:off x="5032892" y="3323116"/>
            <a:ext cx="3694524" cy="371407"/>
            <a:chOff x="5885688" y="3657600"/>
            <a:chExt cx="4320540" cy="434340"/>
          </a:xfrm>
        </p:grpSpPr>
        <p:sp>
          <p:nvSpPr>
            <p:cNvPr id="24" name="object 24"/>
            <p:cNvSpPr/>
            <p:nvPr/>
          </p:nvSpPr>
          <p:spPr>
            <a:xfrm>
              <a:off x="5890260" y="3660647"/>
              <a:ext cx="4311650" cy="426720"/>
            </a:xfrm>
            <a:custGeom>
              <a:avLst/>
              <a:gdLst/>
              <a:ahLst/>
              <a:cxnLst/>
              <a:rect l="l" t="t" r="r" b="b"/>
              <a:pathLst>
                <a:path w="4311650" h="426720">
                  <a:moveTo>
                    <a:pt x="4311395" y="0"/>
                  </a:moveTo>
                  <a:lnTo>
                    <a:pt x="0" y="0"/>
                  </a:lnTo>
                  <a:lnTo>
                    <a:pt x="0" y="426720"/>
                  </a:lnTo>
                  <a:lnTo>
                    <a:pt x="4311395" y="426720"/>
                  </a:lnTo>
                  <a:lnTo>
                    <a:pt x="4311395" y="0"/>
                  </a:lnTo>
                  <a:close/>
                </a:path>
              </a:pathLst>
            </a:custGeom>
            <a:solidFill>
              <a:srgbClr val="B3C6E6"/>
            </a:solidFill>
          </p:spPr>
          <p:txBody>
            <a:bodyPr wrap="square" lIns="0" tIns="0" rIns="0" bIns="0" rtlCol="0"/>
            <a:lstStyle/>
            <a:p>
              <a:endParaRPr sz="1539"/>
            </a:p>
          </p:txBody>
        </p:sp>
        <p:sp>
          <p:nvSpPr>
            <p:cNvPr id="25" name="object 25"/>
            <p:cNvSpPr/>
            <p:nvPr/>
          </p:nvSpPr>
          <p:spPr>
            <a:xfrm>
              <a:off x="5885688" y="3657600"/>
              <a:ext cx="4320540" cy="434340"/>
            </a:xfrm>
            <a:custGeom>
              <a:avLst/>
              <a:gdLst/>
              <a:ahLst/>
              <a:cxnLst/>
              <a:rect l="l" t="t" r="r" b="b"/>
              <a:pathLst>
                <a:path w="4320540" h="434339">
                  <a:moveTo>
                    <a:pt x="4320540" y="0"/>
                  </a:moveTo>
                  <a:lnTo>
                    <a:pt x="0" y="0"/>
                  </a:lnTo>
                  <a:lnTo>
                    <a:pt x="0" y="434339"/>
                  </a:lnTo>
                  <a:lnTo>
                    <a:pt x="4320540" y="434339"/>
                  </a:lnTo>
                  <a:lnTo>
                    <a:pt x="4320540" y="429768"/>
                  </a:lnTo>
                  <a:lnTo>
                    <a:pt x="7620" y="429768"/>
                  </a:lnTo>
                  <a:lnTo>
                    <a:pt x="4572" y="426720"/>
                  </a:lnTo>
                  <a:lnTo>
                    <a:pt x="7620" y="426720"/>
                  </a:lnTo>
                  <a:lnTo>
                    <a:pt x="7620" y="6096"/>
                  </a:lnTo>
                  <a:lnTo>
                    <a:pt x="4572" y="6096"/>
                  </a:lnTo>
                  <a:lnTo>
                    <a:pt x="7620" y="3048"/>
                  </a:lnTo>
                  <a:lnTo>
                    <a:pt x="4320540" y="3048"/>
                  </a:lnTo>
                  <a:lnTo>
                    <a:pt x="4320540" y="0"/>
                  </a:lnTo>
                  <a:close/>
                </a:path>
                <a:path w="4320540" h="434339">
                  <a:moveTo>
                    <a:pt x="7620" y="426720"/>
                  </a:moveTo>
                  <a:lnTo>
                    <a:pt x="4572" y="426720"/>
                  </a:lnTo>
                  <a:lnTo>
                    <a:pt x="7620" y="429768"/>
                  </a:lnTo>
                  <a:lnTo>
                    <a:pt x="7620" y="426720"/>
                  </a:lnTo>
                  <a:close/>
                </a:path>
                <a:path w="4320540" h="434339">
                  <a:moveTo>
                    <a:pt x="4312920" y="426720"/>
                  </a:moveTo>
                  <a:lnTo>
                    <a:pt x="7620" y="426720"/>
                  </a:lnTo>
                  <a:lnTo>
                    <a:pt x="7620" y="429768"/>
                  </a:lnTo>
                  <a:lnTo>
                    <a:pt x="4312920" y="429768"/>
                  </a:lnTo>
                  <a:lnTo>
                    <a:pt x="4312920" y="426720"/>
                  </a:lnTo>
                  <a:close/>
                </a:path>
                <a:path w="4320540" h="434339">
                  <a:moveTo>
                    <a:pt x="4312920" y="3048"/>
                  </a:moveTo>
                  <a:lnTo>
                    <a:pt x="4312920" y="429768"/>
                  </a:lnTo>
                  <a:lnTo>
                    <a:pt x="4315968" y="426720"/>
                  </a:lnTo>
                  <a:lnTo>
                    <a:pt x="4320540" y="426720"/>
                  </a:lnTo>
                  <a:lnTo>
                    <a:pt x="4320540" y="6096"/>
                  </a:lnTo>
                  <a:lnTo>
                    <a:pt x="4315968" y="6096"/>
                  </a:lnTo>
                  <a:lnTo>
                    <a:pt x="4312920" y="3048"/>
                  </a:lnTo>
                  <a:close/>
                </a:path>
                <a:path w="4320540" h="434339">
                  <a:moveTo>
                    <a:pt x="4320540" y="426720"/>
                  </a:moveTo>
                  <a:lnTo>
                    <a:pt x="4315968" y="426720"/>
                  </a:lnTo>
                  <a:lnTo>
                    <a:pt x="4312920" y="429768"/>
                  </a:lnTo>
                  <a:lnTo>
                    <a:pt x="4320540" y="429768"/>
                  </a:lnTo>
                  <a:lnTo>
                    <a:pt x="4320540" y="426720"/>
                  </a:lnTo>
                  <a:close/>
                </a:path>
                <a:path w="4320540" h="434339">
                  <a:moveTo>
                    <a:pt x="7620" y="3048"/>
                  </a:moveTo>
                  <a:lnTo>
                    <a:pt x="4572" y="6096"/>
                  </a:lnTo>
                  <a:lnTo>
                    <a:pt x="7620" y="6096"/>
                  </a:lnTo>
                  <a:lnTo>
                    <a:pt x="7620" y="3048"/>
                  </a:lnTo>
                  <a:close/>
                </a:path>
                <a:path w="4320540" h="434339">
                  <a:moveTo>
                    <a:pt x="4312920" y="3048"/>
                  </a:moveTo>
                  <a:lnTo>
                    <a:pt x="7620" y="3048"/>
                  </a:lnTo>
                  <a:lnTo>
                    <a:pt x="7620" y="6096"/>
                  </a:lnTo>
                  <a:lnTo>
                    <a:pt x="4312920" y="6096"/>
                  </a:lnTo>
                  <a:lnTo>
                    <a:pt x="4312920" y="3048"/>
                  </a:lnTo>
                  <a:close/>
                </a:path>
                <a:path w="4320540" h="434339">
                  <a:moveTo>
                    <a:pt x="4320540" y="3048"/>
                  </a:moveTo>
                  <a:lnTo>
                    <a:pt x="4312920" y="3048"/>
                  </a:lnTo>
                  <a:lnTo>
                    <a:pt x="4315968" y="6096"/>
                  </a:lnTo>
                  <a:lnTo>
                    <a:pt x="4320540" y="6096"/>
                  </a:lnTo>
                  <a:lnTo>
                    <a:pt x="4320540" y="3048"/>
                  </a:lnTo>
                  <a:close/>
                </a:path>
              </a:pathLst>
            </a:custGeom>
            <a:solidFill>
              <a:srgbClr val="4472C3"/>
            </a:solidFill>
          </p:spPr>
          <p:txBody>
            <a:bodyPr wrap="square" lIns="0" tIns="0" rIns="0" bIns="0" rtlCol="0"/>
            <a:lstStyle/>
            <a:p>
              <a:endParaRPr sz="1539"/>
            </a:p>
          </p:txBody>
        </p:sp>
      </p:grpSp>
      <p:sp>
        <p:nvSpPr>
          <p:cNvPr id="26" name="object 26"/>
          <p:cNvSpPr txBox="1"/>
          <p:nvPr/>
        </p:nvSpPr>
        <p:spPr>
          <a:xfrm>
            <a:off x="5092405" y="3378718"/>
            <a:ext cx="2467903" cy="266415"/>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３）</a:t>
            </a:r>
            <a:r>
              <a:rPr sz="1667" spc="-30" dirty="0">
                <a:latin typeface="ＭＳ Ｐゴシック"/>
                <a:cs typeface="ＭＳ Ｐゴシック"/>
              </a:rPr>
              <a:t>多様な契約方法の導入</a:t>
            </a:r>
            <a:endParaRPr sz="1667">
              <a:latin typeface="ＭＳ Ｐゴシック"/>
              <a:cs typeface="ＭＳ Ｐゴシック"/>
            </a:endParaRPr>
          </a:p>
        </p:txBody>
      </p:sp>
      <p:grpSp>
        <p:nvGrpSpPr>
          <p:cNvPr id="27" name="object 27"/>
          <p:cNvGrpSpPr/>
          <p:nvPr/>
        </p:nvGrpSpPr>
        <p:grpSpPr>
          <a:xfrm>
            <a:off x="5032892" y="3879575"/>
            <a:ext cx="3694524" cy="371407"/>
            <a:chOff x="5885688" y="4308347"/>
            <a:chExt cx="4320540" cy="434340"/>
          </a:xfrm>
        </p:grpSpPr>
        <p:sp>
          <p:nvSpPr>
            <p:cNvPr id="28" name="object 28"/>
            <p:cNvSpPr/>
            <p:nvPr/>
          </p:nvSpPr>
          <p:spPr>
            <a:xfrm>
              <a:off x="5890260" y="4312919"/>
              <a:ext cx="4311650" cy="426720"/>
            </a:xfrm>
            <a:custGeom>
              <a:avLst/>
              <a:gdLst/>
              <a:ahLst/>
              <a:cxnLst/>
              <a:rect l="l" t="t" r="r" b="b"/>
              <a:pathLst>
                <a:path w="4311650" h="426720">
                  <a:moveTo>
                    <a:pt x="4311395" y="0"/>
                  </a:moveTo>
                  <a:lnTo>
                    <a:pt x="0" y="0"/>
                  </a:lnTo>
                  <a:lnTo>
                    <a:pt x="0" y="426719"/>
                  </a:lnTo>
                  <a:lnTo>
                    <a:pt x="4311395" y="426719"/>
                  </a:lnTo>
                  <a:lnTo>
                    <a:pt x="4311395" y="0"/>
                  </a:lnTo>
                  <a:close/>
                </a:path>
              </a:pathLst>
            </a:custGeom>
            <a:solidFill>
              <a:srgbClr val="B3C6E6"/>
            </a:solidFill>
          </p:spPr>
          <p:txBody>
            <a:bodyPr wrap="square" lIns="0" tIns="0" rIns="0" bIns="0" rtlCol="0"/>
            <a:lstStyle/>
            <a:p>
              <a:endParaRPr sz="1539"/>
            </a:p>
          </p:txBody>
        </p:sp>
        <p:sp>
          <p:nvSpPr>
            <p:cNvPr id="29" name="object 29"/>
            <p:cNvSpPr/>
            <p:nvPr/>
          </p:nvSpPr>
          <p:spPr>
            <a:xfrm>
              <a:off x="5885688" y="4308347"/>
              <a:ext cx="4320540" cy="434340"/>
            </a:xfrm>
            <a:custGeom>
              <a:avLst/>
              <a:gdLst/>
              <a:ahLst/>
              <a:cxnLst/>
              <a:rect l="l" t="t" r="r" b="b"/>
              <a:pathLst>
                <a:path w="4320540" h="434339">
                  <a:moveTo>
                    <a:pt x="4320540" y="0"/>
                  </a:moveTo>
                  <a:lnTo>
                    <a:pt x="0" y="0"/>
                  </a:lnTo>
                  <a:lnTo>
                    <a:pt x="0" y="434339"/>
                  </a:lnTo>
                  <a:lnTo>
                    <a:pt x="4320540" y="434339"/>
                  </a:lnTo>
                  <a:lnTo>
                    <a:pt x="4320540" y="431292"/>
                  </a:lnTo>
                  <a:lnTo>
                    <a:pt x="7620" y="431292"/>
                  </a:lnTo>
                  <a:lnTo>
                    <a:pt x="4572" y="428244"/>
                  </a:lnTo>
                  <a:lnTo>
                    <a:pt x="7620" y="428244"/>
                  </a:lnTo>
                  <a:lnTo>
                    <a:pt x="7620" y="7619"/>
                  </a:lnTo>
                  <a:lnTo>
                    <a:pt x="4572" y="7619"/>
                  </a:lnTo>
                  <a:lnTo>
                    <a:pt x="7620" y="4572"/>
                  </a:lnTo>
                  <a:lnTo>
                    <a:pt x="4320540" y="4572"/>
                  </a:lnTo>
                  <a:lnTo>
                    <a:pt x="4320540" y="0"/>
                  </a:lnTo>
                  <a:close/>
                </a:path>
                <a:path w="4320540" h="434339">
                  <a:moveTo>
                    <a:pt x="7620" y="428244"/>
                  </a:moveTo>
                  <a:lnTo>
                    <a:pt x="4572" y="428244"/>
                  </a:lnTo>
                  <a:lnTo>
                    <a:pt x="7620" y="431292"/>
                  </a:lnTo>
                  <a:lnTo>
                    <a:pt x="7620" y="428244"/>
                  </a:lnTo>
                  <a:close/>
                </a:path>
                <a:path w="4320540" h="434339">
                  <a:moveTo>
                    <a:pt x="4312920" y="428244"/>
                  </a:moveTo>
                  <a:lnTo>
                    <a:pt x="7620" y="428244"/>
                  </a:lnTo>
                  <a:lnTo>
                    <a:pt x="7620" y="431292"/>
                  </a:lnTo>
                  <a:lnTo>
                    <a:pt x="4312920" y="431292"/>
                  </a:lnTo>
                  <a:lnTo>
                    <a:pt x="4312920" y="428244"/>
                  </a:lnTo>
                  <a:close/>
                </a:path>
                <a:path w="4320540" h="434339">
                  <a:moveTo>
                    <a:pt x="4312920" y="4572"/>
                  </a:moveTo>
                  <a:lnTo>
                    <a:pt x="4312920" y="431292"/>
                  </a:lnTo>
                  <a:lnTo>
                    <a:pt x="4315968" y="428244"/>
                  </a:lnTo>
                  <a:lnTo>
                    <a:pt x="4320540" y="428244"/>
                  </a:lnTo>
                  <a:lnTo>
                    <a:pt x="4320540" y="7619"/>
                  </a:lnTo>
                  <a:lnTo>
                    <a:pt x="4315968" y="7619"/>
                  </a:lnTo>
                  <a:lnTo>
                    <a:pt x="4312920" y="4572"/>
                  </a:lnTo>
                  <a:close/>
                </a:path>
                <a:path w="4320540" h="434339">
                  <a:moveTo>
                    <a:pt x="4320540" y="428244"/>
                  </a:moveTo>
                  <a:lnTo>
                    <a:pt x="4315968" y="428244"/>
                  </a:lnTo>
                  <a:lnTo>
                    <a:pt x="4312920" y="431292"/>
                  </a:lnTo>
                  <a:lnTo>
                    <a:pt x="4320540" y="431292"/>
                  </a:lnTo>
                  <a:lnTo>
                    <a:pt x="4320540" y="428244"/>
                  </a:lnTo>
                  <a:close/>
                </a:path>
                <a:path w="4320540" h="434339">
                  <a:moveTo>
                    <a:pt x="7620" y="4572"/>
                  </a:moveTo>
                  <a:lnTo>
                    <a:pt x="4572" y="7619"/>
                  </a:lnTo>
                  <a:lnTo>
                    <a:pt x="7620" y="7619"/>
                  </a:lnTo>
                  <a:lnTo>
                    <a:pt x="7620" y="4572"/>
                  </a:lnTo>
                  <a:close/>
                </a:path>
                <a:path w="4320540" h="434339">
                  <a:moveTo>
                    <a:pt x="4312920" y="4572"/>
                  </a:moveTo>
                  <a:lnTo>
                    <a:pt x="7620" y="4572"/>
                  </a:lnTo>
                  <a:lnTo>
                    <a:pt x="7620" y="7619"/>
                  </a:lnTo>
                  <a:lnTo>
                    <a:pt x="4312920" y="7619"/>
                  </a:lnTo>
                  <a:lnTo>
                    <a:pt x="4312920" y="4572"/>
                  </a:lnTo>
                  <a:close/>
                </a:path>
                <a:path w="4320540" h="434339">
                  <a:moveTo>
                    <a:pt x="4320540" y="4572"/>
                  </a:moveTo>
                  <a:lnTo>
                    <a:pt x="4312920" y="4572"/>
                  </a:lnTo>
                  <a:lnTo>
                    <a:pt x="4315968" y="7619"/>
                  </a:lnTo>
                  <a:lnTo>
                    <a:pt x="4320540" y="7619"/>
                  </a:lnTo>
                  <a:lnTo>
                    <a:pt x="4320540" y="4572"/>
                  </a:lnTo>
                  <a:close/>
                </a:path>
              </a:pathLst>
            </a:custGeom>
            <a:solidFill>
              <a:srgbClr val="4472C3"/>
            </a:solidFill>
          </p:spPr>
          <p:txBody>
            <a:bodyPr wrap="square" lIns="0" tIns="0" rIns="0" bIns="0" rtlCol="0"/>
            <a:lstStyle/>
            <a:p>
              <a:endParaRPr sz="1539"/>
            </a:p>
          </p:txBody>
        </p:sp>
      </p:grpSp>
      <p:sp>
        <p:nvSpPr>
          <p:cNvPr id="30" name="object 30"/>
          <p:cNvSpPr txBox="1"/>
          <p:nvPr/>
        </p:nvSpPr>
        <p:spPr>
          <a:xfrm>
            <a:off x="5092405" y="3935178"/>
            <a:ext cx="1949344" cy="266415"/>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４）</a:t>
            </a:r>
            <a:r>
              <a:rPr sz="1667" spc="-21" dirty="0">
                <a:latin typeface="ＭＳ Ｐゴシック"/>
                <a:cs typeface="ＭＳ Ｐゴシック"/>
              </a:rPr>
              <a:t>技術の継承</a:t>
            </a:r>
            <a:r>
              <a:rPr sz="1667" spc="-9" dirty="0">
                <a:latin typeface="ＭＳ Ｐゴシック"/>
                <a:cs typeface="ＭＳ Ｐゴシック"/>
              </a:rPr>
              <a:t>･</a:t>
            </a:r>
            <a:r>
              <a:rPr sz="1667" spc="-34" dirty="0">
                <a:latin typeface="ＭＳ Ｐゴシック"/>
                <a:cs typeface="ＭＳ Ｐゴシック"/>
              </a:rPr>
              <a:t>育成</a:t>
            </a:r>
            <a:endParaRPr sz="1667">
              <a:latin typeface="ＭＳ Ｐゴシック"/>
              <a:cs typeface="ＭＳ Ｐゴシック"/>
            </a:endParaRPr>
          </a:p>
        </p:txBody>
      </p:sp>
      <p:grpSp>
        <p:nvGrpSpPr>
          <p:cNvPr id="31" name="object 31"/>
          <p:cNvGrpSpPr/>
          <p:nvPr/>
        </p:nvGrpSpPr>
        <p:grpSpPr>
          <a:xfrm>
            <a:off x="5032892" y="4437338"/>
            <a:ext cx="3694524" cy="371407"/>
            <a:chOff x="5885688" y="4960620"/>
            <a:chExt cx="4320540" cy="434340"/>
          </a:xfrm>
        </p:grpSpPr>
        <p:sp>
          <p:nvSpPr>
            <p:cNvPr id="32" name="object 32"/>
            <p:cNvSpPr/>
            <p:nvPr/>
          </p:nvSpPr>
          <p:spPr>
            <a:xfrm>
              <a:off x="5890260" y="4963668"/>
              <a:ext cx="4311650" cy="426720"/>
            </a:xfrm>
            <a:custGeom>
              <a:avLst/>
              <a:gdLst/>
              <a:ahLst/>
              <a:cxnLst/>
              <a:rect l="l" t="t" r="r" b="b"/>
              <a:pathLst>
                <a:path w="4311650" h="426720">
                  <a:moveTo>
                    <a:pt x="4311395" y="0"/>
                  </a:moveTo>
                  <a:lnTo>
                    <a:pt x="0" y="0"/>
                  </a:lnTo>
                  <a:lnTo>
                    <a:pt x="0" y="426720"/>
                  </a:lnTo>
                  <a:lnTo>
                    <a:pt x="4311395" y="426720"/>
                  </a:lnTo>
                  <a:lnTo>
                    <a:pt x="4311395" y="0"/>
                  </a:lnTo>
                  <a:close/>
                </a:path>
              </a:pathLst>
            </a:custGeom>
            <a:solidFill>
              <a:srgbClr val="B3C6E6"/>
            </a:solidFill>
          </p:spPr>
          <p:txBody>
            <a:bodyPr wrap="square" lIns="0" tIns="0" rIns="0" bIns="0" rtlCol="0"/>
            <a:lstStyle/>
            <a:p>
              <a:endParaRPr sz="1539"/>
            </a:p>
          </p:txBody>
        </p:sp>
        <p:sp>
          <p:nvSpPr>
            <p:cNvPr id="33" name="object 33"/>
            <p:cNvSpPr/>
            <p:nvPr/>
          </p:nvSpPr>
          <p:spPr>
            <a:xfrm>
              <a:off x="5885688" y="4960620"/>
              <a:ext cx="4320540" cy="434340"/>
            </a:xfrm>
            <a:custGeom>
              <a:avLst/>
              <a:gdLst/>
              <a:ahLst/>
              <a:cxnLst/>
              <a:rect l="l" t="t" r="r" b="b"/>
              <a:pathLst>
                <a:path w="4320540" h="434339">
                  <a:moveTo>
                    <a:pt x="4320540" y="0"/>
                  </a:moveTo>
                  <a:lnTo>
                    <a:pt x="0" y="0"/>
                  </a:lnTo>
                  <a:lnTo>
                    <a:pt x="0" y="434339"/>
                  </a:lnTo>
                  <a:lnTo>
                    <a:pt x="4320540" y="434339"/>
                  </a:lnTo>
                  <a:lnTo>
                    <a:pt x="4320540" y="429767"/>
                  </a:lnTo>
                  <a:lnTo>
                    <a:pt x="7620" y="429767"/>
                  </a:lnTo>
                  <a:lnTo>
                    <a:pt x="4572" y="426719"/>
                  </a:lnTo>
                  <a:lnTo>
                    <a:pt x="7620" y="426719"/>
                  </a:lnTo>
                  <a:lnTo>
                    <a:pt x="7620" y="6095"/>
                  </a:lnTo>
                  <a:lnTo>
                    <a:pt x="4572" y="6095"/>
                  </a:lnTo>
                  <a:lnTo>
                    <a:pt x="7620" y="3047"/>
                  </a:lnTo>
                  <a:lnTo>
                    <a:pt x="4320540" y="3047"/>
                  </a:lnTo>
                  <a:lnTo>
                    <a:pt x="4320540" y="0"/>
                  </a:lnTo>
                  <a:close/>
                </a:path>
                <a:path w="4320540" h="434339">
                  <a:moveTo>
                    <a:pt x="7620" y="426719"/>
                  </a:moveTo>
                  <a:lnTo>
                    <a:pt x="4572" y="426719"/>
                  </a:lnTo>
                  <a:lnTo>
                    <a:pt x="7620" y="429767"/>
                  </a:lnTo>
                  <a:lnTo>
                    <a:pt x="7620" y="426719"/>
                  </a:lnTo>
                  <a:close/>
                </a:path>
                <a:path w="4320540" h="434339">
                  <a:moveTo>
                    <a:pt x="4312920" y="426719"/>
                  </a:moveTo>
                  <a:lnTo>
                    <a:pt x="7620" y="426719"/>
                  </a:lnTo>
                  <a:lnTo>
                    <a:pt x="7620" y="429767"/>
                  </a:lnTo>
                  <a:lnTo>
                    <a:pt x="4312920" y="429767"/>
                  </a:lnTo>
                  <a:lnTo>
                    <a:pt x="4312920" y="426719"/>
                  </a:lnTo>
                  <a:close/>
                </a:path>
                <a:path w="4320540" h="434339">
                  <a:moveTo>
                    <a:pt x="4312920" y="3047"/>
                  </a:moveTo>
                  <a:lnTo>
                    <a:pt x="4312920" y="429767"/>
                  </a:lnTo>
                  <a:lnTo>
                    <a:pt x="4315968" y="426719"/>
                  </a:lnTo>
                  <a:lnTo>
                    <a:pt x="4320540" y="426719"/>
                  </a:lnTo>
                  <a:lnTo>
                    <a:pt x="4320540" y="6095"/>
                  </a:lnTo>
                  <a:lnTo>
                    <a:pt x="4315968" y="6095"/>
                  </a:lnTo>
                  <a:lnTo>
                    <a:pt x="4312920" y="3047"/>
                  </a:lnTo>
                  <a:close/>
                </a:path>
                <a:path w="4320540" h="434339">
                  <a:moveTo>
                    <a:pt x="4320540" y="426719"/>
                  </a:moveTo>
                  <a:lnTo>
                    <a:pt x="4315968" y="426719"/>
                  </a:lnTo>
                  <a:lnTo>
                    <a:pt x="4312920" y="429767"/>
                  </a:lnTo>
                  <a:lnTo>
                    <a:pt x="4320540" y="429767"/>
                  </a:lnTo>
                  <a:lnTo>
                    <a:pt x="4320540" y="426719"/>
                  </a:lnTo>
                  <a:close/>
                </a:path>
                <a:path w="4320540" h="434339">
                  <a:moveTo>
                    <a:pt x="7620" y="3047"/>
                  </a:moveTo>
                  <a:lnTo>
                    <a:pt x="4572" y="6095"/>
                  </a:lnTo>
                  <a:lnTo>
                    <a:pt x="7620" y="6095"/>
                  </a:lnTo>
                  <a:lnTo>
                    <a:pt x="7620" y="3047"/>
                  </a:lnTo>
                  <a:close/>
                </a:path>
                <a:path w="4320540" h="434339">
                  <a:moveTo>
                    <a:pt x="4312920" y="3047"/>
                  </a:moveTo>
                  <a:lnTo>
                    <a:pt x="7620" y="3047"/>
                  </a:lnTo>
                  <a:lnTo>
                    <a:pt x="7620" y="6095"/>
                  </a:lnTo>
                  <a:lnTo>
                    <a:pt x="4312920" y="6095"/>
                  </a:lnTo>
                  <a:lnTo>
                    <a:pt x="4312920" y="3047"/>
                  </a:lnTo>
                  <a:close/>
                </a:path>
                <a:path w="4320540" h="434339">
                  <a:moveTo>
                    <a:pt x="4320540" y="3047"/>
                  </a:moveTo>
                  <a:lnTo>
                    <a:pt x="4312920" y="3047"/>
                  </a:lnTo>
                  <a:lnTo>
                    <a:pt x="4315968" y="6095"/>
                  </a:lnTo>
                  <a:lnTo>
                    <a:pt x="4320540" y="6095"/>
                  </a:lnTo>
                  <a:lnTo>
                    <a:pt x="4320540" y="3047"/>
                  </a:lnTo>
                  <a:close/>
                </a:path>
              </a:pathLst>
            </a:custGeom>
            <a:solidFill>
              <a:srgbClr val="4472C3"/>
            </a:solidFill>
          </p:spPr>
          <p:txBody>
            <a:bodyPr wrap="square" lIns="0" tIns="0" rIns="0" bIns="0" rtlCol="0"/>
            <a:lstStyle/>
            <a:p>
              <a:endParaRPr sz="1539"/>
            </a:p>
          </p:txBody>
        </p:sp>
      </p:grpSp>
      <p:grpSp>
        <p:nvGrpSpPr>
          <p:cNvPr id="34" name="object 34"/>
          <p:cNvGrpSpPr/>
          <p:nvPr/>
        </p:nvGrpSpPr>
        <p:grpSpPr>
          <a:xfrm>
            <a:off x="5032892" y="4993796"/>
            <a:ext cx="3694524" cy="371407"/>
            <a:chOff x="5885688" y="5611367"/>
            <a:chExt cx="4320540" cy="434340"/>
          </a:xfrm>
        </p:grpSpPr>
        <p:sp>
          <p:nvSpPr>
            <p:cNvPr id="35" name="object 35"/>
            <p:cNvSpPr/>
            <p:nvPr/>
          </p:nvSpPr>
          <p:spPr>
            <a:xfrm>
              <a:off x="5890260" y="5614415"/>
              <a:ext cx="4311650" cy="428625"/>
            </a:xfrm>
            <a:custGeom>
              <a:avLst/>
              <a:gdLst/>
              <a:ahLst/>
              <a:cxnLst/>
              <a:rect l="l" t="t" r="r" b="b"/>
              <a:pathLst>
                <a:path w="4311650" h="428625">
                  <a:moveTo>
                    <a:pt x="4311395" y="0"/>
                  </a:moveTo>
                  <a:lnTo>
                    <a:pt x="0" y="0"/>
                  </a:lnTo>
                  <a:lnTo>
                    <a:pt x="0" y="428244"/>
                  </a:lnTo>
                  <a:lnTo>
                    <a:pt x="4311395" y="428244"/>
                  </a:lnTo>
                  <a:lnTo>
                    <a:pt x="4311395" y="0"/>
                  </a:lnTo>
                  <a:close/>
                </a:path>
              </a:pathLst>
            </a:custGeom>
            <a:solidFill>
              <a:srgbClr val="B3C6E6"/>
            </a:solidFill>
          </p:spPr>
          <p:txBody>
            <a:bodyPr wrap="square" lIns="0" tIns="0" rIns="0" bIns="0" rtlCol="0"/>
            <a:lstStyle/>
            <a:p>
              <a:endParaRPr sz="1539"/>
            </a:p>
          </p:txBody>
        </p:sp>
        <p:sp>
          <p:nvSpPr>
            <p:cNvPr id="36" name="object 36"/>
            <p:cNvSpPr/>
            <p:nvPr/>
          </p:nvSpPr>
          <p:spPr>
            <a:xfrm>
              <a:off x="5885688" y="5611367"/>
              <a:ext cx="4320540" cy="434340"/>
            </a:xfrm>
            <a:custGeom>
              <a:avLst/>
              <a:gdLst/>
              <a:ahLst/>
              <a:cxnLst/>
              <a:rect l="l" t="t" r="r" b="b"/>
              <a:pathLst>
                <a:path w="4320540" h="434339">
                  <a:moveTo>
                    <a:pt x="4320540" y="0"/>
                  </a:moveTo>
                  <a:lnTo>
                    <a:pt x="0" y="0"/>
                  </a:lnTo>
                  <a:lnTo>
                    <a:pt x="0" y="434340"/>
                  </a:lnTo>
                  <a:lnTo>
                    <a:pt x="4320540" y="434340"/>
                  </a:lnTo>
                  <a:lnTo>
                    <a:pt x="4320540" y="431292"/>
                  </a:lnTo>
                  <a:lnTo>
                    <a:pt x="7620" y="431292"/>
                  </a:lnTo>
                  <a:lnTo>
                    <a:pt x="4572" y="428244"/>
                  </a:lnTo>
                  <a:lnTo>
                    <a:pt x="7620" y="428244"/>
                  </a:lnTo>
                  <a:lnTo>
                    <a:pt x="7620" y="7620"/>
                  </a:lnTo>
                  <a:lnTo>
                    <a:pt x="4572" y="7620"/>
                  </a:lnTo>
                  <a:lnTo>
                    <a:pt x="7620" y="3048"/>
                  </a:lnTo>
                  <a:lnTo>
                    <a:pt x="4320540" y="3048"/>
                  </a:lnTo>
                  <a:lnTo>
                    <a:pt x="4320540" y="0"/>
                  </a:lnTo>
                  <a:close/>
                </a:path>
                <a:path w="4320540" h="434339">
                  <a:moveTo>
                    <a:pt x="7620" y="428244"/>
                  </a:moveTo>
                  <a:lnTo>
                    <a:pt x="4572" y="428244"/>
                  </a:lnTo>
                  <a:lnTo>
                    <a:pt x="7620" y="431292"/>
                  </a:lnTo>
                  <a:lnTo>
                    <a:pt x="7620" y="428244"/>
                  </a:lnTo>
                  <a:close/>
                </a:path>
                <a:path w="4320540" h="434339">
                  <a:moveTo>
                    <a:pt x="4312920" y="428244"/>
                  </a:moveTo>
                  <a:lnTo>
                    <a:pt x="7620" y="428244"/>
                  </a:lnTo>
                  <a:lnTo>
                    <a:pt x="7620" y="431292"/>
                  </a:lnTo>
                  <a:lnTo>
                    <a:pt x="4312920" y="431292"/>
                  </a:lnTo>
                  <a:lnTo>
                    <a:pt x="4312920" y="428244"/>
                  </a:lnTo>
                  <a:close/>
                </a:path>
                <a:path w="4320540" h="434339">
                  <a:moveTo>
                    <a:pt x="4312920" y="3048"/>
                  </a:moveTo>
                  <a:lnTo>
                    <a:pt x="4312920" y="431292"/>
                  </a:lnTo>
                  <a:lnTo>
                    <a:pt x="4315968" y="428244"/>
                  </a:lnTo>
                  <a:lnTo>
                    <a:pt x="4320540" y="428244"/>
                  </a:lnTo>
                  <a:lnTo>
                    <a:pt x="4320540" y="7620"/>
                  </a:lnTo>
                  <a:lnTo>
                    <a:pt x="4315968" y="7620"/>
                  </a:lnTo>
                  <a:lnTo>
                    <a:pt x="4312920" y="3048"/>
                  </a:lnTo>
                  <a:close/>
                </a:path>
                <a:path w="4320540" h="434339">
                  <a:moveTo>
                    <a:pt x="4320540" y="428244"/>
                  </a:moveTo>
                  <a:lnTo>
                    <a:pt x="4315968" y="428244"/>
                  </a:lnTo>
                  <a:lnTo>
                    <a:pt x="4312920" y="431292"/>
                  </a:lnTo>
                  <a:lnTo>
                    <a:pt x="4320540" y="431292"/>
                  </a:lnTo>
                  <a:lnTo>
                    <a:pt x="4320540" y="428244"/>
                  </a:lnTo>
                  <a:close/>
                </a:path>
                <a:path w="4320540" h="434339">
                  <a:moveTo>
                    <a:pt x="7620" y="3048"/>
                  </a:moveTo>
                  <a:lnTo>
                    <a:pt x="4572" y="7620"/>
                  </a:lnTo>
                  <a:lnTo>
                    <a:pt x="7620" y="7620"/>
                  </a:lnTo>
                  <a:lnTo>
                    <a:pt x="7620" y="3048"/>
                  </a:lnTo>
                  <a:close/>
                </a:path>
                <a:path w="4320540" h="434339">
                  <a:moveTo>
                    <a:pt x="4312920" y="3048"/>
                  </a:moveTo>
                  <a:lnTo>
                    <a:pt x="7620" y="3048"/>
                  </a:lnTo>
                  <a:lnTo>
                    <a:pt x="7620" y="7620"/>
                  </a:lnTo>
                  <a:lnTo>
                    <a:pt x="4312920" y="7620"/>
                  </a:lnTo>
                  <a:lnTo>
                    <a:pt x="4312920" y="3048"/>
                  </a:lnTo>
                  <a:close/>
                </a:path>
                <a:path w="4320540" h="434339">
                  <a:moveTo>
                    <a:pt x="4320540" y="3048"/>
                  </a:moveTo>
                  <a:lnTo>
                    <a:pt x="4312920" y="3048"/>
                  </a:lnTo>
                  <a:lnTo>
                    <a:pt x="4315968" y="7620"/>
                  </a:lnTo>
                  <a:lnTo>
                    <a:pt x="4320540" y="7620"/>
                  </a:lnTo>
                  <a:lnTo>
                    <a:pt x="4320540" y="3048"/>
                  </a:lnTo>
                  <a:close/>
                </a:path>
              </a:pathLst>
            </a:custGeom>
            <a:solidFill>
              <a:srgbClr val="4472C3"/>
            </a:solidFill>
          </p:spPr>
          <p:txBody>
            <a:bodyPr wrap="square" lIns="0" tIns="0" rIns="0" bIns="0" rtlCol="0"/>
            <a:lstStyle/>
            <a:p>
              <a:endParaRPr sz="1539"/>
            </a:p>
          </p:txBody>
        </p:sp>
      </p:grpSp>
      <p:sp>
        <p:nvSpPr>
          <p:cNvPr id="37" name="object 37"/>
          <p:cNvSpPr txBox="1"/>
          <p:nvPr/>
        </p:nvSpPr>
        <p:spPr>
          <a:xfrm>
            <a:off x="5092405" y="4492940"/>
            <a:ext cx="1644182" cy="805152"/>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５）</a:t>
            </a:r>
            <a:r>
              <a:rPr sz="1667" spc="-26" dirty="0">
                <a:latin typeface="ＭＳ Ｐゴシック"/>
                <a:cs typeface="ＭＳ Ｐゴシック"/>
              </a:rPr>
              <a:t>新技術の活用</a:t>
            </a:r>
            <a:endParaRPr sz="1667">
              <a:latin typeface="ＭＳ Ｐゴシック"/>
              <a:cs typeface="ＭＳ Ｐゴシック"/>
            </a:endParaRPr>
          </a:p>
          <a:p>
            <a:pPr>
              <a:spcBef>
                <a:spcPts val="214"/>
              </a:spcBef>
            </a:pPr>
            <a:endParaRPr sz="1667">
              <a:latin typeface="ＭＳ Ｐゴシック"/>
              <a:cs typeface="ＭＳ Ｐゴシック"/>
            </a:endParaRPr>
          </a:p>
          <a:p>
            <a:pPr marL="10860"/>
            <a:r>
              <a:rPr sz="1667" spc="-17" dirty="0">
                <a:latin typeface="ＭＳ Ｐゴシック"/>
                <a:cs typeface="ＭＳ Ｐゴシック"/>
              </a:rPr>
              <a:t>（６）</a:t>
            </a:r>
            <a:r>
              <a:rPr sz="1667" spc="-26" dirty="0">
                <a:latin typeface="ＭＳ Ｐゴシック"/>
                <a:cs typeface="ＭＳ Ｐゴシック"/>
              </a:rPr>
              <a:t>データの活用</a:t>
            </a:r>
            <a:endParaRPr sz="1667">
              <a:latin typeface="ＭＳ Ｐゴシック"/>
              <a:cs typeface="ＭＳ Ｐゴシック"/>
            </a:endParaRPr>
          </a:p>
        </p:txBody>
      </p:sp>
      <p:grpSp>
        <p:nvGrpSpPr>
          <p:cNvPr id="38" name="object 38"/>
          <p:cNvGrpSpPr/>
          <p:nvPr/>
        </p:nvGrpSpPr>
        <p:grpSpPr>
          <a:xfrm>
            <a:off x="5032892" y="5551559"/>
            <a:ext cx="3694524" cy="371407"/>
            <a:chOff x="5885688" y="6263640"/>
            <a:chExt cx="4320540" cy="434340"/>
          </a:xfrm>
        </p:grpSpPr>
        <p:sp>
          <p:nvSpPr>
            <p:cNvPr id="39" name="object 39"/>
            <p:cNvSpPr/>
            <p:nvPr/>
          </p:nvSpPr>
          <p:spPr>
            <a:xfrm>
              <a:off x="5890260" y="6266693"/>
              <a:ext cx="4311650" cy="426720"/>
            </a:xfrm>
            <a:custGeom>
              <a:avLst/>
              <a:gdLst/>
              <a:ahLst/>
              <a:cxnLst/>
              <a:rect l="l" t="t" r="r" b="b"/>
              <a:pathLst>
                <a:path w="4311650" h="426720">
                  <a:moveTo>
                    <a:pt x="4311395" y="0"/>
                  </a:moveTo>
                  <a:lnTo>
                    <a:pt x="0" y="0"/>
                  </a:lnTo>
                  <a:lnTo>
                    <a:pt x="0" y="426719"/>
                  </a:lnTo>
                  <a:lnTo>
                    <a:pt x="4311395" y="426719"/>
                  </a:lnTo>
                  <a:lnTo>
                    <a:pt x="4311395" y="0"/>
                  </a:lnTo>
                  <a:close/>
                </a:path>
              </a:pathLst>
            </a:custGeom>
            <a:solidFill>
              <a:srgbClr val="B3C6E6"/>
            </a:solidFill>
          </p:spPr>
          <p:txBody>
            <a:bodyPr wrap="square" lIns="0" tIns="0" rIns="0" bIns="0" rtlCol="0"/>
            <a:lstStyle/>
            <a:p>
              <a:endParaRPr sz="1539"/>
            </a:p>
          </p:txBody>
        </p:sp>
        <p:sp>
          <p:nvSpPr>
            <p:cNvPr id="40" name="object 40"/>
            <p:cNvSpPr/>
            <p:nvPr/>
          </p:nvSpPr>
          <p:spPr>
            <a:xfrm>
              <a:off x="5885688" y="6263640"/>
              <a:ext cx="4320540" cy="434340"/>
            </a:xfrm>
            <a:custGeom>
              <a:avLst/>
              <a:gdLst/>
              <a:ahLst/>
              <a:cxnLst/>
              <a:rect l="l" t="t" r="r" b="b"/>
              <a:pathLst>
                <a:path w="4320540" h="434340">
                  <a:moveTo>
                    <a:pt x="4320540" y="0"/>
                  </a:moveTo>
                  <a:lnTo>
                    <a:pt x="0" y="0"/>
                  </a:lnTo>
                  <a:lnTo>
                    <a:pt x="0" y="434345"/>
                  </a:lnTo>
                  <a:lnTo>
                    <a:pt x="4320540" y="434345"/>
                  </a:lnTo>
                  <a:lnTo>
                    <a:pt x="4320540" y="429773"/>
                  </a:lnTo>
                  <a:lnTo>
                    <a:pt x="7620" y="429773"/>
                  </a:lnTo>
                  <a:lnTo>
                    <a:pt x="4572" y="426725"/>
                  </a:lnTo>
                  <a:lnTo>
                    <a:pt x="7620" y="426725"/>
                  </a:lnTo>
                  <a:lnTo>
                    <a:pt x="7620" y="6096"/>
                  </a:lnTo>
                  <a:lnTo>
                    <a:pt x="4572" y="6096"/>
                  </a:lnTo>
                  <a:lnTo>
                    <a:pt x="7620" y="3048"/>
                  </a:lnTo>
                  <a:lnTo>
                    <a:pt x="4320540" y="3048"/>
                  </a:lnTo>
                  <a:lnTo>
                    <a:pt x="4320540" y="0"/>
                  </a:lnTo>
                  <a:close/>
                </a:path>
                <a:path w="4320540" h="434340">
                  <a:moveTo>
                    <a:pt x="7620" y="426725"/>
                  </a:moveTo>
                  <a:lnTo>
                    <a:pt x="4572" y="426725"/>
                  </a:lnTo>
                  <a:lnTo>
                    <a:pt x="7620" y="429773"/>
                  </a:lnTo>
                  <a:lnTo>
                    <a:pt x="7620" y="426725"/>
                  </a:lnTo>
                  <a:close/>
                </a:path>
                <a:path w="4320540" h="434340">
                  <a:moveTo>
                    <a:pt x="4312920" y="426725"/>
                  </a:moveTo>
                  <a:lnTo>
                    <a:pt x="7620" y="426725"/>
                  </a:lnTo>
                  <a:lnTo>
                    <a:pt x="7620" y="429773"/>
                  </a:lnTo>
                  <a:lnTo>
                    <a:pt x="4312920" y="429773"/>
                  </a:lnTo>
                  <a:lnTo>
                    <a:pt x="4312920" y="426725"/>
                  </a:lnTo>
                  <a:close/>
                </a:path>
                <a:path w="4320540" h="434340">
                  <a:moveTo>
                    <a:pt x="4312920" y="3048"/>
                  </a:moveTo>
                  <a:lnTo>
                    <a:pt x="4312920" y="429773"/>
                  </a:lnTo>
                  <a:lnTo>
                    <a:pt x="4315968" y="426725"/>
                  </a:lnTo>
                  <a:lnTo>
                    <a:pt x="4320540" y="426725"/>
                  </a:lnTo>
                  <a:lnTo>
                    <a:pt x="4320540" y="6096"/>
                  </a:lnTo>
                  <a:lnTo>
                    <a:pt x="4315968" y="6096"/>
                  </a:lnTo>
                  <a:lnTo>
                    <a:pt x="4312920" y="3048"/>
                  </a:lnTo>
                  <a:close/>
                </a:path>
                <a:path w="4320540" h="434340">
                  <a:moveTo>
                    <a:pt x="4320540" y="426725"/>
                  </a:moveTo>
                  <a:lnTo>
                    <a:pt x="4315968" y="426725"/>
                  </a:lnTo>
                  <a:lnTo>
                    <a:pt x="4312920" y="429773"/>
                  </a:lnTo>
                  <a:lnTo>
                    <a:pt x="4320540" y="429773"/>
                  </a:lnTo>
                  <a:lnTo>
                    <a:pt x="4320540" y="426725"/>
                  </a:lnTo>
                  <a:close/>
                </a:path>
                <a:path w="4320540" h="434340">
                  <a:moveTo>
                    <a:pt x="7620" y="3048"/>
                  </a:moveTo>
                  <a:lnTo>
                    <a:pt x="4572" y="6096"/>
                  </a:lnTo>
                  <a:lnTo>
                    <a:pt x="7620" y="6096"/>
                  </a:lnTo>
                  <a:lnTo>
                    <a:pt x="7620" y="3048"/>
                  </a:lnTo>
                  <a:close/>
                </a:path>
                <a:path w="4320540" h="434340">
                  <a:moveTo>
                    <a:pt x="4312920" y="3048"/>
                  </a:moveTo>
                  <a:lnTo>
                    <a:pt x="7620" y="3048"/>
                  </a:lnTo>
                  <a:lnTo>
                    <a:pt x="7620" y="6096"/>
                  </a:lnTo>
                  <a:lnTo>
                    <a:pt x="4312920" y="6096"/>
                  </a:lnTo>
                  <a:lnTo>
                    <a:pt x="4312920" y="3048"/>
                  </a:lnTo>
                  <a:close/>
                </a:path>
                <a:path w="4320540" h="434340">
                  <a:moveTo>
                    <a:pt x="4320540" y="3048"/>
                  </a:moveTo>
                  <a:lnTo>
                    <a:pt x="4312920" y="3048"/>
                  </a:lnTo>
                  <a:lnTo>
                    <a:pt x="4315968" y="6096"/>
                  </a:lnTo>
                  <a:lnTo>
                    <a:pt x="4320540" y="6096"/>
                  </a:lnTo>
                  <a:lnTo>
                    <a:pt x="4320540" y="3048"/>
                  </a:lnTo>
                  <a:close/>
                </a:path>
              </a:pathLst>
            </a:custGeom>
            <a:solidFill>
              <a:srgbClr val="4472C3"/>
            </a:solidFill>
          </p:spPr>
          <p:txBody>
            <a:bodyPr wrap="square" lIns="0" tIns="0" rIns="0" bIns="0" rtlCol="0"/>
            <a:lstStyle/>
            <a:p>
              <a:endParaRPr sz="1539"/>
            </a:p>
          </p:txBody>
        </p:sp>
      </p:grpSp>
      <p:sp>
        <p:nvSpPr>
          <p:cNvPr id="41" name="object 41"/>
          <p:cNvSpPr txBox="1"/>
          <p:nvPr/>
        </p:nvSpPr>
        <p:spPr>
          <a:xfrm>
            <a:off x="5092405" y="5605863"/>
            <a:ext cx="2017219" cy="266415"/>
          </a:xfrm>
          <a:prstGeom prst="rect">
            <a:avLst/>
          </a:prstGeom>
        </p:spPr>
        <p:txBody>
          <a:bodyPr vert="horz" wrap="square" lIns="0" tIns="9774" rIns="0" bIns="0" rtlCol="0">
            <a:spAutoFit/>
          </a:bodyPr>
          <a:lstStyle/>
          <a:p>
            <a:pPr marL="10860">
              <a:spcBef>
                <a:spcPts val="77"/>
              </a:spcBef>
            </a:pPr>
            <a:r>
              <a:rPr sz="1667" spc="-17" dirty="0">
                <a:latin typeface="ＭＳ Ｐゴシック"/>
                <a:cs typeface="ＭＳ Ｐゴシック"/>
              </a:rPr>
              <a:t>（７）</a:t>
            </a:r>
            <a:r>
              <a:rPr sz="1667" spc="-26" dirty="0">
                <a:latin typeface="ＭＳ Ｐゴシック"/>
                <a:cs typeface="ＭＳ Ｐゴシック"/>
              </a:rPr>
              <a:t>国民の理解と協力</a:t>
            </a:r>
            <a:endParaRPr sz="1667">
              <a:latin typeface="ＭＳ Ｐゴシック"/>
              <a:cs typeface="ＭＳ Ｐゴシック"/>
            </a:endParaRPr>
          </a:p>
        </p:txBody>
      </p:sp>
      <p:sp>
        <p:nvSpPr>
          <p:cNvPr id="42" name="object 42"/>
          <p:cNvSpPr/>
          <p:nvPr/>
        </p:nvSpPr>
        <p:spPr>
          <a:xfrm>
            <a:off x="359678" y="1648526"/>
            <a:ext cx="3735248" cy="403987"/>
          </a:xfrm>
          <a:custGeom>
            <a:avLst/>
            <a:gdLst/>
            <a:ahLst/>
            <a:cxnLst/>
            <a:rect l="l" t="t" r="r" b="b"/>
            <a:pathLst>
              <a:path w="4368165" h="472439">
                <a:moveTo>
                  <a:pt x="4290060" y="0"/>
                </a:moveTo>
                <a:lnTo>
                  <a:pt x="77724" y="0"/>
                </a:lnTo>
                <a:lnTo>
                  <a:pt x="68580" y="1524"/>
                </a:lnTo>
                <a:lnTo>
                  <a:pt x="60960" y="3048"/>
                </a:lnTo>
                <a:lnTo>
                  <a:pt x="53340" y="6096"/>
                </a:lnTo>
                <a:lnTo>
                  <a:pt x="45720" y="10667"/>
                </a:lnTo>
                <a:lnTo>
                  <a:pt x="38100" y="13715"/>
                </a:lnTo>
                <a:lnTo>
                  <a:pt x="10668" y="44196"/>
                </a:lnTo>
                <a:lnTo>
                  <a:pt x="1524" y="68579"/>
                </a:lnTo>
                <a:lnTo>
                  <a:pt x="1524" y="76200"/>
                </a:lnTo>
                <a:lnTo>
                  <a:pt x="0" y="85344"/>
                </a:lnTo>
                <a:lnTo>
                  <a:pt x="0" y="387096"/>
                </a:lnTo>
                <a:lnTo>
                  <a:pt x="1524" y="396239"/>
                </a:lnTo>
                <a:lnTo>
                  <a:pt x="1524" y="403860"/>
                </a:lnTo>
                <a:lnTo>
                  <a:pt x="25907" y="448055"/>
                </a:lnTo>
                <a:lnTo>
                  <a:pt x="60960" y="469391"/>
                </a:lnTo>
                <a:lnTo>
                  <a:pt x="77724" y="472439"/>
                </a:lnTo>
                <a:lnTo>
                  <a:pt x="4290060" y="472439"/>
                </a:lnTo>
                <a:lnTo>
                  <a:pt x="4329684" y="458724"/>
                </a:lnTo>
                <a:lnTo>
                  <a:pt x="4337521" y="452627"/>
                </a:lnTo>
                <a:lnTo>
                  <a:pt x="80772" y="452627"/>
                </a:lnTo>
                <a:lnTo>
                  <a:pt x="73152" y="451103"/>
                </a:lnTo>
                <a:lnTo>
                  <a:pt x="67056" y="449579"/>
                </a:lnTo>
                <a:lnTo>
                  <a:pt x="64007" y="448055"/>
                </a:lnTo>
                <a:lnTo>
                  <a:pt x="60960" y="448055"/>
                </a:lnTo>
                <a:lnTo>
                  <a:pt x="54864" y="445008"/>
                </a:lnTo>
                <a:lnTo>
                  <a:pt x="56388" y="445008"/>
                </a:lnTo>
                <a:lnTo>
                  <a:pt x="51308" y="441960"/>
                </a:lnTo>
                <a:lnTo>
                  <a:pt x="50292" y="441960"/>
                </a:lnTo>
                <a:lnTo>
                  <a:pt x="41402" y="434339"/>
                </a:lnTo>
                <a:lnTo>
                  <a:pt x="41148" y="434339"/>
                </a:lnTo>
                <a:lnTo>
                  <a:pt x="39624" y="432815"/>
                </a:lnTo>
                <a:lnTo>
                  <a:pt x="39841" y="432815"/>
                </a:lnTo>
                <a:lnTo>
                  <a:pt x="32004" y="423672"/>
                </a:lnTo>
                <a:lnTo>
                  <a:pt x="29718" y="419100"/>
                </a:lnTo>
                <a:lnTo>
                  <a:pt x="28956" y="419100"/>
                </a:lnTo>
                <a:lnTo>
                  <a:pt x="26517" y="413003"/>
                </a:lnTo>
                <a:lnTo>
                  <a:pt x="25907" y="413003"/>
                </a:lnTo>
                <a:lnTo>
                  <a:pt x="24384" y="406908"/>
                </a:lnTo>
                <a:lnTo>
                  <a:pt x="23164" y="400812"/>
                </a:lnTo>
                <a:lnTo>
                  <a:pt x="22860" y="400812"/>
                </a:lnTo>
                <a:lnTo>
                  <a:pt x="21640" y="394715"/>
                </a:lnTo>
                <a:lnTo>
                  <a:pt x="21335" y="394715"/>
                </a:lnTo>
                <a:lnTo>
                  <a:pt x="21335" y="77724"/>
                </a:lnTo>
                <a:lnTo>
                  <a:pt x="21640" y="77724"/>
                </a:lnTo>
                <a:lnTo>
                  <a:pt x="22860" y="71627"/>
                </a:lnTo>
                <a:lnTo>
                  <a:pt x="23164" y="71627"/>
                </a:lnTo>
                <a:lnTo>
                  <a:pt x="24384" y="65532"/>
                </a:lnTo>
                <a:lnTo>
                  <a:pt x="24688" y="65532"/>
                </a:lnTo>
                <a:lnTo>
                  <a:pt x="25907" y="59436"/>
                </a:lnTo>
                <a:lnTo>
                  <a:pt x="26517" y="59436"/>
                </a:lnTo>
                <a:lnTo>
                  <a:pt x="28956" y="53339"/>
                </a:lnTo>
                <a:lnTo>
                  <a:pt x="29718" y="53339"/>
                </a:lnTo>
                <a:lnTo>
                  <a:pt x="32004" y="48767"/>
                </a:lnTo>
                <a:lnTo>
                  <a:pt x="33147" y="48767"/>
                </a:lnTo>
                <a:lnTo>
                  <a:pt x="40004" y="39624"/>
                </a:lnTo>
                <a:lnTo>
                  <a:pt x="39624" y="39624"/>
                </a:lnTo>
                <a:lnTo>
                  <a:pt x="41148" y="38100"/>
                </a:lnTo>
                <a:lnTo>
                  <a:pt x="41401" y="38100"/>
                </a:lnTo>
                <a:lnTo>
                  <a:pt x="50292" y="30479"/>
                </a:lnTo>
                <a:lnTo>
                  <a:pt x="50800" y="30479"/>
                </a:lnTo>
                <a:lnTo>
                  <a:pt x="54864" y="27432"/>
                </a:lnTo>
                <a:lnTo>
                  <a:pt x="56895" y="27432"/>
                </a:lnTo>
                <a:lnTo>
                  <a:pt x="60960" y="24384"/>
                </a:lnTo>
                <a:lnTo>
                  <a:pt x="64007" y="24384"/>
                </a:lnTo>
                <a:lnTo>
                  <a:pt x="67056" y="22860"/>
                </a:lnTo>
                <a:lnTo>
                  <a:pt x="73152" y="21336"/>
                </a:lnTo>
                <a:lnTo>
                  <a:pt x="80772" y="19812"/>
                </a:lnTo>
                <a:lnTo>
                  <a:pt x="4337521" y="19812"/>
                </a:lnTo>
                <a:lnTo>
                  <a:pt x="4329684" y="13715"/>
                </a:lnTo>
                <a:lnTo>
                  <a:pt x="4323588" y="10667"/>
                </a:lnTo>
                <a:lnTo>
                  <a:pt x="4315968" y="6096"/>
                </a:lnTo>
                <a:lnTo>
                  <a:pt x="4306824" y="3048"/>
                </a:lnTo>
                <a:lnTo>
                  <a:pt x="4299204" y="1524"/>
                </a:lnTo>
                <a:lnTo>
                  <a:pt x="4290060" y="0"/>
                </a:lnTo>
                <a:close/>
              </a:path>
              <a:path w="4368165" h="472439">
                <a:moveTo>
                  <a:pt x="4308348" y="446532"/>
                </a:moveTo>
                <a:lnTo>
                  <a:pt x="4300728" y="449579"/>
                </a:lnTo>
                <a:lnTo>
                  <a:pt x="4302252" y="449579"/>
                </a:lnTo>
                <a:lnTo>
                  <a:pt x="4294632" y="451103"/>
                </a:lnTo>
                <a:lnTo>
                  <a:pt x="4296156" y="451103"/>
                </a:lnTo>
                <a:lnTo>
                  <a:pt x="4288536" y="452627"/>
                </a:lnTo>
                <a:lnTo>
                  <a:pt x="4337521" y="452627"/>
                </a:lnTo>
                <a:lnTo>
                  <a:pt x="4343400" y="448055"/>
                </a:lnTo>
                <a:lnTo>
                  <a:pt x="4306824" y="448055"/>
                </a:lnTo>
                <a:lnTo>
                  <a:pt x="4308348" y="446532"/>
                </a:lnTo>
                <a:close/>
              </a:path>
              <a:path w="4368165" h="472439">
                <a:moveTo>
                  <a:pt x="60960" y="446532"/>
                </a:moveTo>
                <a:lnTo>
                  <a:pt x="60960" y="448055"/>
                </a:lnTo>
                <a:lnTo>
                  <a:pt x="64007" y="448055"/>
                </a:lnTo>
                <a:lnTo>
                  <a:pt x="60960" y="446532"/>
                </a:lnTo>
                <a:close/>
              </a:path>
              <a:path w="4368165" h="472439">
                <a:moveTo>
                  <a:pt x="4319016" y="440436"/>
                </a:moveTo>
                <a:lnTo>
                  <a:pt x="4312920" y="445008"/>
                </a:lnTo>
                <a:lnTo>
                  <a:pt x="4306824" y="448055"/>
                </a:lnTo>
                <a:lnTo>
                  <a:pt x="4343400" y="448055"/>
                </a:lnTo>
                <a:lnTo>
                  <a:pt x="4347971" y="441960"/>
                </a:lnTo>
                <a:lnTo>
                  <a:pt x="4317492" y="441960"/>
                </a:lnTo>
                <a:lnTo>
                  <a:pt x="4319016" y="440436"/>
                </a:lnTo>
                <a:close/>
              </a:path>
              <a:path w="4368165" h="472439">
                <a:moveTo>
                  <a:pt x="48768" y="440436"/>
                </a:moveTo>
                <a:lnTo>
                  <a:pt x="50292" y="441960"/>
                </a:lnTo>
                <a:lnTo>
                  <a:pt x="51308" y="441960"/>
                </a:lnTo>
                <a:lnTo>
                  <a:pt x="48768" y="440436"/>
                </a:lnTo>
                <a:close/>
              </a:path>
              <a:path w="4368165" h="472439">
                <a:moveTo>
                  <a:pt x="4328160" y="432815"/>
                </a:moveTo>
                <a:lnTo>
                  <a:pt x="4317492" y="441960"/>
                </a:lnTo>
                <a:lnTo>
                  <a:pt x="4347971" y="441960"/>
                </a:lnTo>
                <a:lnTo>
                  <a:pt x="4352544" y="435863"/>
                </a:lnTo>
                <a:lnTo>
                  <a:pt x="4353458" y="434339"/>
                </a:lnTo>
                <a:lnTo>
                  <a:pt x="4328160" y="434339"/>
                </a:lnTo>
                <a:lnTo>
                  <a:pt x="4328160" y="432815"/>
                </a:lnTo>
                <a:close/>
              </a:path>
              <a:path w="4368165" h="472439">
                <a:moveTo>
                  <a:pt x="39624" y="432815"/>
                </a:moveTo>
                <a:lnTo>
                  <a:pt x="41148" y="434339"/>
                </a:lnTo>
                <a:lnTo>
                  <a:pt x="40444" y="433519"/>
                </a:lnTo>
                <a:lnTo>
                  <a:pt x="39624" y="432815"/>
                </a:lnTo>
                <a:close/>
              </a:path>
              <a:path w="4368165" h="472439">
                <a:moveTo>
                  <a:pt x="40444" y="433519"/>
                </a:moveTo>
                <a:lnTo>
                  <a:pt x="41148" y="434339"/>
                </a:lnTo>
                <a:lnTo>
                  <a:pt x="41402" y="434339"/>
                </a:lnTo>
                <a:lnTo>
                  <a:pt x="40444" y="433519"/>
                </a:lnTo>
                <a:close/>
              </a:path>
              <a:path w="4368165" h="472439">
                <a:moveTo>
                  <a:pt x="4362297" y="417575"/>
                </a:moveTo>
                <a:lnTo>
                  <a:pt x="4340352" y="417575"/>
                </a:lnTo>
                <a:lnTo>
                  <a:pt x="4335780" y="423672"/>
                </a:lnTo>
                <a:lnTo>
                  <a:pt x="4337304" y="423672"/>
                </a:lnTo>
                <a:lnTo>
                  <a:pt x="4328160" y="434339"/>
                </a:lnTo>
                <a:lnTo>
                  <a:pt x="4353458" y="434339"/>
                </a:lnTo>
                <a:lnTo>
                  <a:pt x="4361688" y="420624"/>
                </a:lnTo>
                <a:lnTo>
                  <a:pt x="4362297" y="417575"/>
                </a:lnTo>
                <a:close/>
              </a:path>
              <a:path w="4368165" h="472439">
                <a:moveTo>
                  <a:pt x="39841" y="432815"/>
                </a:moveTo>
                <a:lnTo>
                  <a:pt x="39624" y="432815"/>
                </a:lnTo>
                <a:lnTo>
                  <a:pt x="40444" y="433519"/>
                </a:lnTo>
                <a:lnTo>
                  <a:pt x="39841" y="432815"/>
                </a:lnTo>
                <a:close/>
              </a:path>
              <a:path w="4368165" h="472439">
                <a:moveTo>
                  <a:pt x="28956" y="417575"/>
                </a:moveTo>
                <a:lnTo>
                  <a:pt x="28956" y="419100"/>
                </a:lnTo>
                <a:lnTo>
                  <a:pt x="29718" y="419100"/>
                </a:lnTo>
                <a:lnTo>
                  <a:pt x="28956" y="417575"/>
                </a:lnTo>
                <a:close/>
              </a:path>
              <a:path w="4368165" h="472439">
                <a:moveTo>
                  <a:pt x="4346448" y="399288"/>
                </a:moveTo>
                <a:lnTo>
                  <a:pt x="4343400" y="406908"/>
                </a:lnTo>
                <a:lnTo>
                  <a:pt x="4344924" y="406908"/>
                </a:lnTo>
                <a:lnTo>
                  <a:pt x="4338828" y="419100"/>
                </a:lnTo>
                <a:lnTo>
                  <a:pt x="4340352" y="417575"/>
                </a:lnTo>
                <a:lnTo>
                  <a:pt x="4362297" y="417575"/>
                </a:lnTo>
                <a:lnTo>
                  <a:pt x="4363212" y="413003"/>
                </a:lnTo>
                <a:lnTo>
                  <a:pt x="4366260" y="403860"/>
                </a:lnTo>
                <a:lnTo>
                  <a:pt x="4366869" y="400812"/>
                </a:lnTo>
                <a:lnTo>
                  <a:pt x="4346448" y="400812"/>
                </a:lnTo>
                <a:lnTo>
                  <a:pt x="4346448" y="399288"/>
                </a:lnTo>
                <a:close/>
              </a:path>
              <a:path w="4368165" h="472439">
                <a:moveTo>
                  <a:pt x="25907" y="411479"/>
                </a:moveTo>
                <a:lnTo>
                  <a:pt x="25907" y="413003"/>
                </a:lnTo>
                <a:lnTo>
                  <a:pt x="26517" y="413003"/>
                </a:lnTo>
                <a:lnTo>
                  <a:pt x="25907" y="411479"/>
                </a:lnTo>
                <a:close/>
              </a:path>
              <a:path w="4368165" h="472439">
                <a:moveTo>
                  <a:pt x="22860" y="399288"/>
                </a:moveTo>
                <a:lnTo>
                  <a:pt x="22860" y="400812"/>
                </a:lnTo>
                <a:lnTo>
                  <a:pt x="23164" y="400812"/>
                </a:lnTo>
                <a:lnTo>
                  <a:pt x="22860" y="399288"/>
                </a:lnTo>
                <a:close/>
              </a:path>
              <a:path w="4368165" h="472439">
                <a:moveTo>
                  <a:pt x="4366869" y="71627"/>
                </a:moveTo>
                <a:lnTo>
                  <a:pt x="4346448" y="71627"/>
                </a:lnTo>
                <a:lnTo>
                  <a:pt x="4346448" y="77724"/>
                </a:lnTo>
                <a:lnTo>
                  <a:pt x="4347972" y="85344"/>
                </a:lnTo>
                <a:lnTo>
                  <a:pt x="4346448" y="85344"/>
                </a:lnTo>
                <a:lnTo>
                  <a:pt x="4346448" y="387096"/>
                </a:lnTo>
                <a:lnTo>
                  <a:pt x="4347972" y="387096"/>
                </a:lnTo>
                <a:lnTo>
                  <a:pt x="4346448" y="394715"/>
                </a:lnTo>
                <a:lnTo>
                  <a:pt x="4346448" y="400812"/>
                </a:lnTo>
                <a:lnTo>
                  <a:pt x="4366869" y="400812"/>
                </a:lnTo>
                <a:lnTo>
                  <a:pt x="4367784" y="396239"/>
                </a:lnTo>
                <a:lnTo>
                  <a:pt x="4367784" y="76200"/>
                </a:lnTo>
                <a:lnTo>
                  <a:pt x="4366869" y="71627"/>
                </a:lnTo>
                <a:close/>
              </a:path>
              <a:path w="4368165" h="472439">
                <a:moveTo>
                  <a:pt x="21335" y="393191"/>
                </a:moveTo>
                <a:lnTo>
                  <a:pt x="21335" y="394715"/>
                </a:lnTo>
                <a:lnTo>
                  <a:pt x="21640" y="394715"/>
                </a:lnTo>
                <a:lnTo>
                  <a:pt x="21335" y="393191"/>
                </a:lnTo>
                <a:close/>
              </a:path>
              <a:path w="4368165" h="472439">
                <a:moveTo>
                  <a:pt x="21640" y="77724"/>
                </a:moveTo>
                <a:lnTo>
                  <a:pt x="21335" y="77724"/>
                </a:lnTo>
                <a:lnTo>
                  <a:pt x="21335" y="79248"/>
                </a:lnTo>
                <a:lnTo>
                  <a:pt x="21640" y="77724"/>
                </a:lnTo>
                <a:close/>
              </a:path>
              <a:path w="4368165" h="472439">
                <a:moveTo>
                  <a:pt x="23164" y="71627"/>
                </a:moveTo>
                <a:lnTo>
                  <a:pt x="22860" y="71627"/>
                </a:lnTo>
                <a:lnTo>
                  <a:pt x="22860" y="73151"/>
                </a:lnTo>
                <a:lnTo>
                  <a:pt x="23164" y="71627"/>
                </a:lnTo>
                <a:close/>
              </a:path>
              <a:path w="4368165" h="472439">
                <a:moveTo>
                  <a:pt x="4343400" y="65532"/>
                </a:moveTo>
                <a:lnTo>
                  <a:pt x="4346448" y="73151"/>
                </a:lnTo>
                <a:lnTo>
                  <a:pt x="4346448" y="71627"/>
                </a:lnTo>
                <a:lnTo>
                  <a:pt x="4366869" y="71627"/>
                </a:lnTo>
                <a:lnTo>
                  <a:pt x="4366260" y="68579"/>
                </a:lnTo>
                <a:lnTo>
                  <a:pt x="4365752" y="67055"/>
                </a:lnTo>
                <a:lnTo>
                  <a:pt x="4344924" y="67055"/>
                </a:lnTo>
                <a:lnTo>
                  <a:pt x="4343400" y="65532"/>
                </a:lnTo>
                <a:close/>
              </a:path>
              <a:path w="4368165" h="472439">
                <a:moveTo>
                  <a:pt x="24688" y="65532"/>
                </a:moveTo>
                <a:lnTo>
                  <a:pt x="24384" y="65532"/>
                </a:lnTo>
                <a:lnTo>
                  <a:pt x="24384" y="67055"/>
                </a:lnTo>
                <a:lnTo>
                  <a:pt x="24688" y="65532"/>
                </a:lnTo>
                <a:close/>
              </a:path>
              <a:path w="4368165" h="472439">
                <a:moveTo>
                  <a:pt x="4363212" y="59436"/>
                </a:moveTo>
                <a:lnTo>
                  <a:pt x="4341876" y="59436"/>
                </a:lnTo>
                <a:lnTo>
                  <a:pt x="4344924" y="67055"/>
                </a:lnTo>
                <a:lnTo>
                  <a:pt x="4365752" y="67055"/>
                </a:lnTo>
                <a:lnTo>
                  <a:pt x="4363212" y="59436"/>
                </a:lnTo>
                <a:close/>
              </a:path>
              <a:path w="4368165" h="472439">
                <a:moveTo>
                  <a:pt x="26517" y="59436"/>
                </a:moveTo>
                <a:lnTo>
                  <a:pt x="25907" y="59436"/>
                </a:lnTo>
                <a:lnTo>
                  <a:pt x="25907" y="60960"/>
                </a:lnTo>
                <a:lnTo>
                  <a:pt x="26517" y="59436"/>
                </a:lnTo>
                <a:close/>
              </a:path>
              <a:path w="4368165" h="472439">
                <a:moveTo>
                  <a:pt x="4338828" y="53339"/>
                </a:moveTo>
                <a:lnTo>
                  <a:pt x="4341876" y="60960"/>
                </a:lnTo>
                <a:lnTo>
                  <a:pt x="4341876" y="59436"/>
                </a:lnTo>
                <a:lnTo>
                  <a:pt x="4363212" y="59436"/>
                </a:lnTo>
                <a:lnTo>
                  <a:pt x="4362297" y="54863"/>
                </a:lnTo>
                <a:lnTo>
                  <a:pt x="4340352" y="54863"/>
                </a:lnTo>
                <a:lnTo>
                  <a:pt x="4338828" y="53339"/>
                </a:lnTo>
                <a:close/>
              </a:path>
              <a:path w="4368165" h="472439">
                <a:moveTo>
                  <a:pt x="29718" y="53339"/>
                </a:moveTo>
                <a:lnTo>
                  <a:pt x="28956" y="53339"/>
                </a:lnTo>
                <a:lnTo>
                  <a:pt x="28956" y="54863"/>
                </a:lnTo>
                <a:lnTo>
                  <a:pt x="29718" y="53339"/>
                </a:lnTo>
                <a:close/>
              </a:path>
              <a:path w="4368165" h="472439">
                <a:moveTo>
                  <a:pt x="4335780" y="48767"/>
                </a:moveTo>
                <a:lnTo>
                  <a:pt x="4340352" y="54863"/>
                </a:lnTo>
                <a:lnTo>
                  <a:pt x="4362297" y="54863"/>
                </a:lnTo>
                <a:lnTo>
                  <a:pt x="4361688" y="51815"/>
                </a:lnTo>
                <a:lnTo>
                  <a:pt x="4360773" y="50291"/>
                </a:lnTo>
                <a:lnTo>
                  <a:pt x="4337304" y="50291"/>
                </a:lnTo>
                <a:lnTo>
                  <a:pt x="4335780" y="48767"/>
                </a:lnTo>
                <a:close/>
              </a:path>
              <a:path w="4368165" h="472439">
                <a:moveTo>
                  <a:pt x="33147" y="48767"/>
                </a:moveTo>
                <a:lnTo>
                  <a:pt x="32004" y="48767"/>
                </a:lnTo>
                <a:lnTo>
                  <a:pt x="32004" y="50291"/>
                </a:lnTo>
                <a:lnTo>
                  <a:pt x="33147" y="48767"/>
                </a:lnTo>
                <a:close/>
              </a:path>
              <a:path w="4368165" h="472439">
                <a:moveTo>
                  <a:pt x="4352544" y="38100"/>
                </a:moveTo>
                <a:lnTo>
                  <a:pt x="4328160" y="38100"/>
                </a:lnTo>
                <a:lnTo>
                  <a:pt x="4337304" y="50291"/>
                </a:lnTo>
                <a:lnTo>
                  <a:pt x="4360773" y="50291"/>
                </a:lnTo>
                <a:lnTo>
                  <a:pt x="4357116" y="44196"/>
                </a:lnTo>
                <a:lnTo>
                  <a:pt x="4352544" y="38100"/>
                </a:lnTo>
                <a:close/>
              </a:path>
              <a:path w="4368165" h="472439">
                <a:moveTo>
                  <a:pt x="41148" y="38100"/>
                </a:moveTo>
                <a:lnTo>
                  <a:pt x="39624" y="39624"/>
                </a:lnTo>
                <a:lnTo>
                  <a:pt x="40690" y="38709"/>
                </a:lnTo>
                <a:lnTo>
                  <a:pt x="41148" y="38100"/>
                </a:lnTo>
                <a:close/>
              </a:path>
              <a:path w="4368165" h="472439">
                <a:moveTo>
                  <a:pt x="40690" y="38709"/>
                </a:moveTo>
                <a:lnTo>
                  <a:pt x="39624" y="39624"/>
                </a:lnTo>
                <a:lnTo>
                  <a:pt x="40004" y="39624"/>
                </a:lnTo>
                <a:lnTo>
                  <a:pt x="40690" y="38709"/>
                </a:lnTo>
                <a:close/>
              </a:path>
              <a:path w="4368165" h="472439">
                <a:moveTo>
                  <a:pt x="4347464" y="30479"/>
                </a:moveTo>
                <a:lnTo>
                  <a:pt x="4317492" y="30479"/>
                </a:lnTo>
                <a:lnTo>
                  <a:pt x="4328160" y="39624"/>
                </a:lnTo>
                <a:lnTo>
                  <a:pt x="4328160" y="38100"/>
                </a:lnTo>
                <a:lnTo>
                  <a:pt x="4352544" y="38100"/>
                </a:lnTo>
                <a:lnTo>
                  <a:pt x="4347464" y="30479"/>
                </a:lnTo>
                <a:close/>
              </a:path>
              <a:path w="4368165" h="472439">
                <a:moveTo>
                  <a:pt x="41401" y="38100"/>
                </a:moveTo>
                <a:lnTo>
                  <a:pt x="41148" y="38100"/>
                </a:lnTo>
                <a:lnTo>
                  <a:pt x="40690" y="38709"/>
                </a:lnTo>
                <a:lnTo>
                  <a:pt x="41401" y="38100"/>
                </a:lnTo>
                <a:close/>
              </a:path>
              <a:path w="4368165" h="472439">
                <a:moveTo>
                  <a:pt x="50800" y="30479"/>
                </a:moveTo>
                <a:lnTo>
                  <a:pt x="50292" y="30479"/>
                </a:lnTo>
                <a:lnTo>
                  <a:pt x="48768" y="32003"/>
                </a:lnTo>
                <a:lnTo>
                  <a:pt x="50800" y="30479"/>
                </a:lnTo>
                <a:close/>
              </a:path>
              <a:path w="4368165" h="472439">
                <a:moveTo>
                  <a:pt x="4345432" y="27432"/>
                </a:moveTo>
                <a:lnTo>
                  <a:pt x="4312920" y="27432"/>
                </a:lnTo>
                <a:lnTo>
                  <a:pt x="4319016" y="32003"/>
                </a:lnTo>
                <a:lnTo>
                  <a:pt x="4317492" y="30479"/>
                </a:lnTo>
                <a:lnTo>
                  <a:pt x="4347464" y="30479"/>
                </a:lnTo>
                <a:lnTo>
                  <a:pt x="4345432" y="27432"/>
                </a:lnTo>
                <a:close/>
              </a:path>
              <a:path w="4368165" h="472439">
                <a:moveTo>
                  <a:pt x="56895" y="27432"/>
                </a:moveTo>
                <a:lnTo>
                  <a:pt x="54864" y="27432"/>
                </a:lnTo>
                <a:lnTo>
                  <a:pt x="54864" y="28955"/>
                </a:lnTo>
                <a:lnTo>
                  <a:pt x="56895" y="27432"/>
                </a:lnTo>
                <a:close/>
              </a:path>
              <a:path w="4368165" h="472439">
                <a:moveTo>
                  <a:pt x="4343400" y="24384"/>
                </a:moveTo>
                <a:lnTo>
                  <a:pt x="4306824" y="24384"/>
                </a:lnTo>
                <a:lnTo>
                  <a:pt x="4312920" y="28955"/>
                </a:lnTo>
                <a:lnTo>
                  <a:pt x="4312920" y="27432"/>
                </a:lnTo>
                <a:lnTo>
                  <a:pt x="4345432" y="27432"/>
                </a:lnTo>
                <a:lnTo>
                  <a:pt x="4343400" y="24384"/>
                </a:lnTo>
                <a:close/>
              </a:path>
              <a:path w="4368165" h="472439">
                <a:moveTo>
                  <a:pt x="64007" y="24384"/>
                </a:moveTo>
                <a:lnTo>
                  <a:pt x="60960" y="24384"/>
                </a:lnTo>
                <a:lnTo>
                  <a:pt x="60960" y="25908"/>
                </a:lnTo>
                <a:lnTo>
                  <a:pt x="64007" y="24384"/>
                </a:lnTo>
                <a:close/>
              </a:path>
              <a:path w="4368165" h="472439">
                <a:moveTo>
                  <a:pt x="4337521" y="19812"/>
                </a:moveTo>
                <a:lnTo>
                  <a:pt x="4288536" y="19812"/>
                </a:lnTo>
                <a:lnTo>
                  <a:pt x="4296156" y="21336"/>
                </a:lnTo>
                <a:lnTo>
                  <a:pt x="4294632" y="21336"/>
                </a:lnTo>
                <a:lnTo>
                  <a:pt x="4302252" y="22860"/>
                </a:lnTo>
                <a:lnTo>
                  <a:pt x="4300728" y="22860"/>
                </a:lnTo>
                <a:lnTo>
                  <a:pt x="4308348" y="25908"/>
                </a:lnTo>
                <a:lnTo>
                  <a:pt x="4306824" y="24384"/>
                </a:lnTo>
                <a:lnTo>
                  <a:pt x="4343400" y="24384"/>
                </a:lnTo>
                <a:lnTo>
                  <a:pt x="4337521" y="19812"/>
                </a:lnTo>
                <a:close/>
              </a:path>
              <a:path w="4368165" h="472439">
                <a:moveTo>
                  <a:pt x="86868" y="19812"/>
                </a:moveTo>
                <a:lnTo>
                  <a:pt x="80772" y="19812"/>
                </a:lnTo>
                <a:lnTo>
                  <a:pt x="79248" y="21336"/>
                </a:lnTo>
                <a:lnTo>
                  <a:pt x="86868" y="19812"/>
                </a:lnTo>
                <a:close/>
              </a:path>
              <a:path w="4368165" h="472439">
                <a:moveTo>
                  <a:pt x="4288536" y="19812"/>
                </a:moveTo>
                <a:lnTo>
                  <a:pt x="4280916" y="19812"/>
                </a:lnTo>
                <a:lnTo>
                  <a:pt x="4288536" y="21336"/>
                </a:lnTo>
                <a:lnTo>
                  <a:pt x="4288536" y="19812"/>
                </a:lnTo>
                <a:close/>
              </a:path>
            </a:pathLst>
          </a:custGeom>
          <a:solidFill>
            <a:srgbClr val="000000"/>
          </a:solidFill>
        </p:spPr>
        <p:txBody>
          <a:bodyPr wrap="square" lIns="0" tIns="0" rIns="0" bIns="0" rtlCol="0"/>
          <a:lstStyle/>
          <a:p>
            <a:endParaRPr sz="1539"/>
          </a:p>
        </p:txBody>
      </p:sp>
      <p:sp>
        <p:nvSpPr>
          <p:cNvPr id="43" name="object 43"/>
          <p:cNvSpPr txBox="1"/>
          <p:nvPr/>
        </p:nvSpPr>
        <p:spPr>
          <a:xfrm>
            <a:off x="1597268" y="1719767"/>
            <a:ext cx="1264087" cy="266415"/>
          </a:xfrm>
          <a:prstGeom prst="rect">
            <a:avLst/>
          </a:prstGeom>
        </p:spPr>
        <p:txBody>
          <a:bodyPr vert="horz" wrap="square" lIns="0" tIns="9774" rIns="0" bIns="0" rtlCol="0">
            <a:spAutoFit/>
          </a:bodyPr>
          <a:lstStyle/>
          <a:p>
            <a:pPr marL="10860">
              <a:spcBef>
                <a:spcPts val="77"/>
              </a:spcBef>
            </a:pPr>
            <a:r>
              <a:rPr sz="1667" spc="-30" dirty="0">
                <a:latin typeface="HGP創英角ｺﾞｼｯｸUB"/>
                <a:cs typeface="HGP創英角ｺﾞｼｯｸUB"/>
              </a:rPr>
              <a:t>全般的な課題</a:t>
            </a:r>
            <a:endParaRPr sz="1667">
              <a:latin typeface="HGP創英角ｺﾞｼｯｸUB"/>
              <a:cs typeface="HGP創英角ｺﾞｼｯｸUB"/>
            </a:endParaRPr>
          </a:p>
        </p:txBody>
      </p:sp>
      <p:sp>
        <p:nvSpPr>
          <p:cNvPr id="44" name="object 44"/>
          <p:cNvSpPr/>
          <p:nvPr/>
        </p:nvSpPr>
        <p:spPr>
          <a:xfrm>
            <a:off x="5027679" y="1643314"/>
            <a:ext cx="3705383" cy="405616"/>
          </a:xfrm>
          <a:custGeom>
            <a:avLst/>
            <a:gdLst/>
            <a:ahLst/>
            <a:cxnLst/>
            <a:rect l="l" t="t" r="r" b="b"/>
            <a:pathLst>
              <a:path w="4333240" h="474344">
                <a:moveTo>
                  <a:pt x="4256532" y="472440"/>
                </a:moveTo>
                <a:lnTo>
                  <a:pt x="77724" y="472440"/>
                </a:lnTo>
                <a:lnTo>
                  <a:pt x="85344" y="473963"/>
                </a:lnTo>
                <a:lnTo>
                  <a:pt x="4247388" y="473963"/>
                </a:lnTo>
                <a:lnTo>
                  <a:pt x="4256532" y="472440"/>
                </a:lnTo>
                <a:close/>
              </a:path>
              <a:path w="4333240" h="474344">
                <a:moveTo>
                  <a:pt x="4256532" y="0"/>
                </a:moveTo>
                <a:lnTo>
                  <a:pt x="77724" y="0"/>
                </a:lnTo>
                <a:lnTo>
                  <a:pt x="68580" y="1524"/>
                </a:lnTo>
                <a:lnTo>
                  <a:pt x="60960" y="4572"/>
                </a:lnTo>
                <a:lnTo>
                  <a:pt x="51816" y="7620"/>
                </a:lnTo>
                <a:lnTo>
                  <a:pt x="15240" y="38100"/>
                </a:lnTo>
                <a:lnTo>
                  <a:pt x="0" y="77724"/>
                </a:lnTo>
                <a:lnTo>
                  <a:pt x="0" y="396240"/>
                </a:lnTo>
                <a:lnTo>
                  <a:pt x="15240" y="435863"/>
                </a:lnTo>
                <a:lnTo>
                  <a:pt x="44196" y="463296"/>
                </a:lnTo>
                <a:lnTo>
                  <a:pt x="60960" y="469392"/>
                </a:lnTo>
                <a:lnTo>
                  <a:pt x="68580" y="472440"/>
                </a:lnTo>
                <a:lnTo>
                  <a:pt x="4264152" y="472440"/>
                </a:lnTo>
                <a:lnTo>
                  <a:pt x="4273296" y="469392"/>
                </a:lnTo>
                <a:lnTo>
                  <a:pt x="4288536" y="463296"/>
                </a:lnTo>
                <a:lnTo>
                  <a:pt x="4294632" y="458724"/>
                </a:lnTo>
                <a:lnTo>
                  <a:pt x="4302469" y="452628"/>
                </a:lnTo>
                <a:lnTo>
                  <a:pt x="79248" y="452628"/>
                </a:lnTo>
                <a:lnTo>
                  <a:pt x="71628" y="451104"/>
                </a:lnTo>
                <a:lnTo>
                  <a:pt x="73152" y="451104"/>
                </a:lnTo>
                <a:lnTo>
                  <a:pt x="65532" y="449580"/>
                </a:lnTo>
                <a:lnTo>
                  <a:pt x="67056" y="449580"/>
                </a:lnTo>
                <a:lnTo>
                  <a:pt x="59436" y="448056"/>
                </a:lnTo>
                <a:lnTo>
                  <a:pt x="60960" y="448056"/>
                </a:lnTo>
                <a:lnTo>
                  <a:pt x="48768" y="441960"/>
                </a:lnTo>
                <a:lnTo>
                  <a:pt x="50292" y="441960"/>
                </a:lnTo>
                <a:lnTo>
                  <a:pt x="40132" y="434340"/>
                </a:lnTo>
                <a:lnTo>
                  <a:pt x="39624" y="434340"/>
                </a:lnTo>
                <a:lnTo>
                  <a:pt x="38100" y="432816"/>
                </a:lnTo>
                <a:lnTo>
                  <a:pt x="38317" y="432816"/>
                </a:lnTo>
                <a:lnTo>
                  <a:pt x="30480" y="423672"/>
                </a:lnTo>
                <a:lnTo>
                  <a:pt x="30861" y="423672"/>
                </a:lnTo>
                <a:lnTo>
                  <a:pt x="27432" y="419100"/>
                </a:lnTo>
                <a:lnTo>
                  <a:pt x="28956" y="419100"/>
                </a:lnTo>
                <a:lnTo>
                  <a:pt x="22860" y="406908"/>
                </a:lnTo>
                <a:lnTo>
                  <a:pt x="21336" y="400812"/>
                </a:lnTo>
                <a:lnTo>
                  <a:pt x="21336" y="394716"/>
                </a:lnTo>
                <a:lnTo>
                  <a:pt x="19812" y="387096"/>
                </a:lnTo>
                <a:lnTo>
                  <a:pt x="19812" y="85344"/>
                </a:lnTo>
                <a:lnTo>
                  <a:pt x="20116" y="85344"/>
                </a:lnTo>
                <a:lnTo>
                  <a:pt x="21336" y="79248"/>
                </a:lnTo>
                <a:lnTo>
                  <a:pt x="21336" y="71628"/>
                </a:lnTo>
                <a:lnTo>
                  <a:pt x="21640" y="71628"/>
                </a:lnTo>
                <a:lnTo>
                  <a:pt x="22860" y="65532"/>
                </a:lnTo>
                <a:lnTo>
                  <a:pt x="23469" y="65532"/>
                </a:lnTo>
                <a:lnTo>
                  <a:pt x="25908" y="59436"/>
                </a:lnTo>
                <a:lnTo>
                  <a:pt x="26670" y="59436"/>
                </a:lnTo>
                <a:lnTo>
                  <a:pt x="28956" y="54863"/>
                </a:lnTo>
                <a:lnTo>
                  <a:pt x="27432" y="54863"/>
                </a:lnTo>
                <a:lnTo>
                  <a:pt x="30861" y="50292"/>
                </a:lnTo>
                <a:lnTo>
                  <a:pt x="30480" y="50292"/>
                </a:lnTo>
                <a:lnTo>
                  <a:pt x="38317" y="41148"/>
                </a:lnTo>
                <a:lnTo>
                  <a:pt x="38100" y="41148"/>
                </a:lnTo>
                <a:lnTo>
                  <a:pt x="39624" y="39624"/>
                </a:lnTo>
                <a:lnTo>
                  <a:pt x="40132" y="39624"/>
                </a:lnTo>
                <a:lnTo>
                  <a:pt x="50292" y="32004"/>
                </a:lnTo>
                <a:lnTo>
                  <a:pt x="48768" y="32004"/>
                </a:lnTo>
                <a:lnTo>
                  <a:pt x="60960" y="25908"/>
                </a:lnTo>
                <a:lnTo>
                  <a:pt x="59436" y="25908"/>
                </a:lnTo>
                <a:lnTo>
                  <a:pt x="67056" y="22860"/>
                </a:lnTo>
                <a:lnTo>
                  <a:pt x="69342" y="22860"/>
                </a:lnTo>
                <a:lnTo>
                  <a:pt x="73152" y="21336"/>
                </a:lnTo>
                <a:lnTo>
                  <a:pt x="4302469" y="21336"/>
                </a:lnTo>
                <a:lnTo>
                  <a:pt x="4294632" y="15240"/>
                </a:lnTo>
                <a:lnTo>
                  <a:pt x="4288536" y="10668"/>
                </a:lnTo>
                <a:lnTo>
                  <a:pt x="4273296" y="4572"/>
                </a:lnTo>
                <a:lnTo>
                  <a:pt x="4264152" y="1524"/>
                </a:lnTo>
                <a:lnTo>
                  <a:pt x="4256532" y="0"/>
                </a:lnTo>
                <a:close/>
              </a:path>
              <a:path w="4333240" h="474344">
                <a:moveTo>
                  <a:pt x="4294022" y="433273"/>
                </a:moveTo>
                <a:lnTo>
                  <a:pt x="4282440" y="441960"/>
                </a:lnTo>
                <a:lnTo>
                  <a:pt x="4283964" y="441960"/>
                </a:lnTo>
                <a:lnTo>
                  <a:pt x="4277868" y="445008"/>
                </a:lnTo>
                <a:lnTo>
                  <a:pt x="4279392" y="445008"/>
                </a:lnTo>
                <a:lnTo>
                  <a:pt x="4271772" y="448056"/>
                </a:lnTo>
                <a:lnTo>
                  <a:pt x="4273296" y="448056"/>
                </a:lnTo>
                <a:lnTo>
                  <a:pt x="4265676" y="449580"/>
                </a:lnTo>
                <a:lnTo>
                  <a:pt x="4267200" y="449580"/>
                </a:lnTo>
                <a:lnTo>
                  <a:pt x="4259580" y="451104"/>
                </a:lnTo>
                <a:lnTo>
                  <a:pt x="4261104" y="451104"/>
                </a:lnTo>
                <a:lnTo>
                  <a:pt x="4253484" y="452628"/>
                </a:lnTo>
                <a:lnTo>
                  <a:pt x="4302469" y="452628"/>
                </a:lnTo>
                <a:lnTo>
                  <a:pt x="4308348" y="448056"/>
                </a:lnTo>
                <a:lnTo>
                  <a:pt x="4317492" y="435863"/>
                </a:lnTo>
                <a:lnTo>
                  <a:pt x="4318406" y="434340"/>
                </a:lnTo>
                <a:lnTo>
                  <a:pt x="4293108" y="434340"/>
                </a:lnTo>
                <a:lnTo>
                  <a:pt x="4294022" y="433273"/>
                </a:lnTo>
                <a:close/>
              </a:path>
              <a:path w="4333240" h="474344">
                <a:moveTo>
                  <a:pt x="38100" y="432816"/>
                </a:moveTo>
                <a:lnTo>
                  <a:pt x="39624" y="434340"/>
                </a:lnTo>
                <a:lnTo>
                  <a:pt x="38709" y="433273"/>
                </a:lnTo>
                <a:lnTo>
                  <a:pt x="38100" y="432816"/>
                </a:lnTo>
                <a:close/>
              </a:path>
              <a:path w="4333240" h="474344">
                <a:moveTo>
                  <a:pt x="38709" y="433273"/>
                </a:moveTo>
                <a:lnTo>
                  <a:pt x="39624" y="434340"/>
                </a:lnTo>
                <a:lnTo>
                  <a:pt x="40132" y="434340"/>
                </a:lnTo>
                <a:lnTo>
                  <a:pt x="38709" y="433273"/>
                </a:lnTo>
                <a:close/>
              </a:path>
              <a:path w="4333240" h="474344">
                <a:moveTo>
                  <a:pt x="4294632" y="432816"/>
                </a:moveTo>
                <a:lnTo>
                  <a:pt x="4294022" y="433273"/>
                </a:lnTo>
                <a:lnTo>
                  <a:pt x="4293108" y="434340"/>
                </a:lnTo>
                <a:lnTo>
                  <a:pt x="4294632" y="432816"/>
                </a:lnTo>
                <a:close/>
              </a:path>
              <a:path w="4333240" h="474344">
                <a:moveTo>
                  <a:pt x="4319320" y="432816"/>
                </a:moveTo>
                <a:lnTo>
                  <a:pt x="4294632" y="432816"/>
                </a:lnTo>
                <a:lnTo>
                  <a:pt x="4293108" y="434340"/>
                </a:lnTo>
                <a:lnTo>
                  <a:pt x="4318406" y="434340"/>
                </a:lnTo>
                <a:lnTo>
                  <a:pt x="4319320" y="432816"/>
                </a:lnTo>
                <a:close/>
              </a:path>
              <a:path w="4333240" h="474344">
                <a:moveTo>
                  <a:pt x="38317" y="432816"/>
                </a:moveTo>
                <a:lnTo>
                  <a:pt x="38100" y="432816"/>
                </a:lnTo>
                <a:lnTo>
                  <a:pt x="38709" y="433273"/>
                </a:lnTo>
                <a:lnTo>
                  <a:pt x="38317" y="432816"/>
                </a:lnTo>
                <a:close/>
              </a:path>
              <a:path w="4333240" h="474344">
                <a:moveTo>
                  <a:pt x="4324807" y="423672"/>
                </a:moveTo>
                <a:lnTo>
                  <a:pt x="4302252" y="423672"/>
                </a:lnTo>
                <a:lnTo>
                  <a:pt x="4294022" y="433273"/>
                </a:lnTo>
                <a:lnTo>
                  <a:pt x="4294632" y="432816"/>
                </a:lnTo>
                <a:lnTo>
                  <a:pt x="4319320" y="432816"/>
                </a:lnTo>
                <a:lnTo>
                  <a:pt x="4324807" y="423672"/>
                </a:lnTo>
                <a:close/>
              </a:path>
              <a:path w="4333240" h="474344">
                <a:moveTo>
                  <a:pt x="30861" y="423672"/>
                </a:moveTo>
                <a:lnTo>
                  <a:pt x="30480" y="423672"/>
                </a:lnTo>
                <a:lnTo>
                  <a:pt x="32004" y="425196"/>
                </a:lnTo>
                <a:lnTo>
                  <a:pt x="30861" y="423672"/>
                </a:lnTo>
                <a:close/>
              </a:path>
              <a:path w="4333240" h="474344">
                <a:moveTo>
                  <a:pt x="4332732" y="85344"/>
                </a:moveTo>
                <a:lnTo>
                  <a:pt x="4312920" y="85344"/>
                </a:lnTo>
                <a:lnTo>
                  <a:pt x="4312920" y="387096"/>
                </a:lnTo>
                <a:lnTo>
                  <a:pt x="4311396" y="394716"/>
                </a:lnTo>
                <a:lnTo>
                  <a:pt x="4311396" y="400812"/>
                </a:lnTo>
                <a:lnTo>
                  <a:pt x="4309872" y="406908"/>
                </a:lnTo>
                <a:lnTo>
                  <a:pt x="4303776" y="419100"/>
                </a:lnTo>
                <a:lnTo>
                  <a:pt x="4305300" y="419100"/>
                </a:lnTo>
                <a:lnTo>
                  <a:pt x="4300728" y="425196"/>
                </a:lnTo>
                <a:lnTo>
                  <a:pt x="4302252" y="423672"/>
                </a:lnTo>
                <a:lnTo>
                  <a:pt x="4324807" y="423672"/>
                </a:lnTo>
                <a:lnTo>
                  <a:pt x="4326636" y="420624"/>
                </a:lnTo>
                <a:lnTo>
                  <a:pt x="4329684" y="413004"/>
                </a:lnTo>
                <a:lnTo>
                  <a:pt x="4331208" y="405384"/>
                </a:lnTo>
                <a:lnTo>
                  <a:pt x="4332732" y="396240"/>
                </a:lnTo>
                <a:lnTo>
                  <a:pt x="4332732" y="85344"/>
                </a:lnTo>
                <a:close/>
              </a:path>
              <a:path w="4333240" h="474344">
                <a:moveTo>
                  <a:pt x="20116" y="85344"/>
                </a:moveTo>
                <a:lnTo>
                  <a:pt x="19812" y="85344"/>
                </a:lnTo>
                <a:lnTo>
                  <a:pt x="19812" y="86868"/>
                </a:lnTo>
                <a:lnTo>
                  <a:pt x="20116" y="85344"/>
                </a:lnTo>
                <a:close/>
              </a:path>
              <a:path w="4333240" h="474344">
                <a:moveTo>
                  <a:pt x="4331716" y="71628"/>
                </a:moveTo>
                <a:lnTo>
                  <a:pt x="4311396" y="71628"/>
                </a:lnTo>
                <a:lnTo>
                  <a:pt x="4311396" y="79248"/>
                </a:lnTo>
                <a:lnTo>
                  <a:pt x="4312920" y="86868"/>
                </a:lnTo>
                <a:lnTo>
                  <a:pt x="4312920" y="85344"/>
                </a:lnTo>
                <a:lnTo>
                  <a:pt x="4332732" y="85344"/>
                </a:lnTo>
                <a:lnTo>
                  <a:pt x="4332732" y="77724"/>
                </a:lnTo>
                <a:lnTo>
                  <a:pt x="4331716" y="71628"/>
                </a:lnTo>
                <a:close/>
              </a:path>
              <a:path w="4333240" h="474344">
                <a:moveTo>
                  <a:pt x="21640" y="71628"/>
                </a:moveTo>
                <a:lnTo>
                  <a:pt x="21336" y="71628"/>
                </a:lnTo>
                <a:lnTo>
                  <a:pt x="21336" y="73151"/>
                </a:lnTo>
                <a:lnTo>
                  <a:pt x="21640" y="71628"/>
                </a:lnTo>
                <a:close/>
              </a:path>
              <a:path w="4333240" h="474344">
                <a:moveTo>
                  <a:pt x="4330598" y="65532"/>
                </a:moveTo>
                <a:lnTo>
                  <a:pt x="4309872" y="65532"/>
                </a:lnTo>
                <a:lnTo>
                  <a:pt x="4311396" y="73151"/>
                </a:lnTo>
                <a:lnTo>
                  <a:pt x="4311396" y="71628"/>
                </a:lnTo>
                <a:lnTo>
                  <a:pt x="4331716" y="71628"/>
                </a:lnTo>
                <a:lnTo>
                  <a:pt x="4331208" y="68580"/>
                </a:lnTo>
                <a:lnTo>
                  <a:pt x="4330598" y="65532"/>
                </a:lnTo>
                <a:close/>
              </a:path>
              <a:path w="4333240" h="474344">
                <a:moveTo>
                  <a:pt x="23469" y="65532"/>
                </a:moveTo>
                <a:lnTo>
                  <a:pt x="22860" y="65532"/>
                </a:lnTo>
                <a:lnTo>
                  <a:pt x="22860" y="67056"/>
                </a:lnTo>
                <a:lnTo>
                  <a:pt x="23469" y="65532"/>
                </a:lnTo>
                <a:close/>
              </a:path>
              <a:path w="4333240" h="474344">
                <a:moveTo>
                  <a:pt x="4329074" y="59436"/>
                </a:moveTo>
                <a:lnTo>
                  <a:pt x="4306824" y="59436"/>
                </a:lnTo>
                <a:lnTo>
                  <a:pt x="4309872" y="67056"/>
                </a:lnTo>
                <a:lnTo>
                  <a:pt x="4309872" y="65532"/>
                </a:lnTo>
                <a:lnTo>
                  <a:pt x="4330598" y="65532"/>
                </a:lnTo>
                <a:lnTo>
                  <a:pt x="4329684" y="60960"/>
                </a:lnTo>
                <a:lnTo>
                  <a:pt x="4329074" y="59436"/>
                </a:lnTo>
                <a:close/>
              </a:path>
              <a:path w="4333240" h="474344">
                <a:moveTo>
                  <a:pt x="26670" y="59436"/>
                </a:moveTo>
                <a:lnTo>
                  <a:pt x="25908" y="59436"/>
                </a:lnTo>
                <a:lnTo>
                  <a:pt x="25908" y="60960"/>
                </a:lnTo>
                <a:lnTo>
                  <a:pt x="26670" y="59436"/>
                </a:lnTo>
                <a:close/>
              </a:path>
              <a:path w="4333240" h="474344">
                <a:moveTo>
                  <a:pt x="4300728" y="48768"/>
                </a:moveTo>
                <a:lnTo>
                  <a:pt x="4305300" y="54863"/>
                </a:lnTo>
                <a:lnTo>
                  <a:pt x="4303776" y="54863"/>
                </a:lnTo>
                <a:lnTo>
                  <a:pt x="4306824" y="60960"/>
                </a:lnTo>
                <a:lnTo>
                  <a:pt x="4306824" y="59436"/>
                </a:lnTo>
                <a:lnTo>
                  <a:pt x="4329074" y="59436"/>
                </a:lnTo>
                <a:lnTo>
                  <a:pt x="4326636" y="53340"/>
                </a:lnTo>
                <a:lnTo>
                  <a:pt x="4324807" y="50292"/>
                </a:lnTo>
                <a:lnTo>
                  <a:pt x="4302252" y="50292"/>
                </a:lnTo>
                <a:lnTo>
                  <a:pt x="4300728" y="48768"/>
                </a:lnTo>
                <a:close/>
              </a:path>
              <a:path w="4333240" h="474344">
                <a:moveTo>
                  <a:pt x="32004" y="48768"/>
                </a:moveTo>
                <a:lnTo>
                  <a:pt x="30480" y="50292"/>
                </a:lnTo>
                <a:lnTo>
                  <a:pt x="30861" y="50292"/>
                </a:lnTo>
                <a:lnTo>
                  <a:pt x="32004" y="48768"/>
                </a:lnTo>
                <a:close/>
              </a:path>
              <a:path w="4333240" h="474344">
                <a:moveTo>
                  <a:pt x="4294022" y="40690"/>
                </a:moveTo>
                <a:lnTo>
                  <a:pt x="4302252" y="50292"/>
                </a:lnTo>
                <a:lnTo>
                  <a:pt x="4324807" y="50292"/>
                </a:lnTo>
                <a:lnTo>
                  <a:pt x="4319320" y="41148"/>
                </a:lnTo>
                <a:lnTo>
                  <a:pt x="4294632" y="41148"/>
                </a:lnTo>
                <a:lnTo>
                  <a:pt x="4294022" y="40690"/>
                </a:lnTo>
                <a:close/>
              </a:path>
              <a:path w="4333240" h="474344">
                <a:moveTo>
                  <a:pt x="39624" y="39624"/>
                </a:moveTo>
                <a:lnTo>
                  <a:pt x="38100" y="41148"/>
                </a:lnTo>
                <a:lnTo>
                  <a:pt x="38709" y="40690"/>
                </a:lnTo>
                <a:lnTo>
                  <a:pt x="39624" y="39624"/>
                </a:lnTo>
                <a:close/>
              </a:path>
              <a:path w="4333240" h="474344">
                <a:moveTo>
                  <a:pt x="38709" y="40690"/>
                </a:moveTo>
                <a:lnTo>
                  <a:pt x="38100" y="41148"/>
                </a:lnTo>
                <a:lnTo>
                  <a:pt x="38317" y="41148"/>
                </a:lnTo>
                <a:lnTo>
                  <a:pt x="38709" y="40690"/>
                </a:lnTo>
                <a:close/>
              </a:path>
              <a:path w="4333240" h="474344">
                <a:moveTo>
                  <a:pt x="4293108" y="39624"/>
                </a:moveTo>
                <a:lnTo>
                  <a:pt x="4294022" y="40690"/>
                </a:lnTo>
                <a:lnTo>
                  <a:pt x="4294632" y="41148"/>
                </a:lnTo>
                <a:lnTo>
                  <a:pt x="4293108" y="39624"/>
                </a:lnTo>
                <a:close/>
              </a:path>
              <a:path w="4333240" h="474344">
                <a:moveTo>
                  <a:pt x="4318406" y="39624"/>
                </a:moveTo>
                <a:lnTo>
                  <a:pt x="4293108" y="39624"/>
                </a:lnTo>
                <a:lnTo>
                  <a:pt x="4294632" y="41148"/>
                </a:lnTo>
                <a:lnTo>
                  <a:pt x="4319320" y="41148"/>
                </a:lnTo>
                <a:lnTo>
                  <a:pt x="4318406" y="39624"/>
                </a:lnTo>
                <a:close/>
              </a:path>
              <a:path w="4333240" h="474344">
                <a:moveTo>
                  <a:pt x="40132" y="39624"/>
                </a:moveTo>
                <a:lnTo>
                  <a:pt x="39624" y="39624"/>
                </a:lnTo>
                <a:lnTo>
                  <a:pt x="38709" y="40690"/>
                </a:lnTo>
                <a:lnTo>
                  <a:pt x="40132" y="39624"/>
                </a:lnTo>
                <a:close/>
              </a:path>
              <a:path w="4333240" h="474344">
                <a:moveTo>
                  <a:pt x="4304429" y="22860"/>
                </a:moveTo>
                <a:lnTo>
                  <a:pt x="4265676" y="22860"/>
                </a:lnTo>
                <a:lnTo>
                  <a:pt x="4273296" y="25908"/>
                </a:lnTo>
                <a:lnTo>
                  <a:pt x="4271772" y="25908"/>
                </a:lnTo>
                <a:lnTo>
                  <a:pt x="4283964" y="32004"/>
                </a:lnTo>
                <a:lnTo>
                  <a:pt x="4282440" y="32004"/>
                </a:lnTo>
                <a:lnTo>
                  <a:pt x="4294022" y="40690"/>
                </a:lnTo>
                <a:lnTo>
                  <a:pt x="4293108" y="39624"/>
                </a:lnTo>
                <a:lnTo>
                  <a:pt x="4318406" y="39624"/>
                </a:lnTo>
                <a:lnTo>
                  <a:pt x="4317492" y="38100"/>
                </a:lnTo>
                <a:lnTo>
                  <a:pt x="4308348" y="25908"/>
                </a:lnTo>
                <a:lnTo>
                  <a:pt x="4304429" y="22860"/>
                </a:lnTo>
                <a:close/>
              </a:path>
              <a:path w="4333240" h="474344">
                <a:moveTo>
                  <a:pt x="69342" y="22860"/>
                </a:moveTo>
                <a:lnTo>
                  <a:pt x="67056" y="22860"/>
                </a:lnTo>
                <a:lnTo>
                  <a:pt x="65532" y="24384"/>
                </a:lnTo>
                <a:lnTo>
                  <a:pt x="69342" y="22860"/>
                </a:lnTo>
                <a:close/>
              </a:path>
              <a:path w="4333240" h="474344">
                <a:moveTo>
                  <a:pt x="4302469" y="21336"/>
                </a:moveTo>
                <a:lnTo>
                  <a:pt x="4259580" y="21336"/>
                </a:lnTo>
                <a:lnTo>
                  <a:pt x="4267200" y="24384"/>
                </a:lnTo>
                <a:lnTo>
                  <a:pt x="4265676" y="22860"/>
                </a:lnTo>
                <a:lnTo>
                  <a:pt x="4304429" y="22860"/>
                </a:lnTo>
                <a:lnTo>
                  <a:pt x="4302469" y="21336"/>
                </a:lnTo>
                <a:close/>
              </a:path>
              <a:path w="4333240" h="474344">
                <a:moveTo>
                  <a:pt x="79248" y="21336"/>
                </a:moveTo>
                <a:lnTo>
                  <a:pt x="73152" y="21336"/>
                </a:lnTo>
                <a:lnTo>
                  <a:pt x="71628" y="22860"/>
                </a:lnTo>
                <a:lnTo>
                  <a:pt x="79248" y="21336"/>
                </a:lnTo>
                <a:close/>
              </a:path>
              <a:path w="4333240" h="474344">
                <a:moveTo>
                  <a:pt x="4259580" y="21336"/>
                </a:moveTo>
                <a:lnTo>
                  <a:pt x="4253484" y="21336"/>
                </a:lnTo>
                <a:lnTo>
                  <a:pt x="4261104" y="22860"/>
                </a:lnTo>
                <a:lnTo>
                  <a:pt x="4259580" y="21336"/>
                </a:lnTo>
                <a:close/>
              </a:path>
            </a:pathLst>
          </a:custGeom>
          <a:solidFill>
            <a:srgbClr val="4472C3"/>
          </a:solidFill>
        </p:spPr>
        <p:txBody>
          <a:bodyPr wrap="square" lIns="0" tIns="0" rIns="0" bIns="0" rtlCol="0"/>
          <a:lstStyle/>
          <a:p>
            <a:endParaRPr sz="1539"/>
          </a:p>
        </p:txBody>
      </p:sp>
      <p:sp>
        <p:nvSpPr>
          <p:cNvPr id="45" name="object 45"/>
          <p:cNvSpPr txBox="1"/>
          <p:nvPr/>
        </p:nvSpPr>
        <p:spPr>
          <a:xfrm>
            <a:off x="6095855" y="1715858"/>
            <a:ext cx="1574135" cy="266415"/>
          </a:xfrm>
          <a:prstGeom prst="rect">
            <a:avLst/>
          </a:prstGeom>
        </p:spPr>
        <p:txBody>
          <a:bodyPr vert="horz" wrap="square" lIns="0" tIns="9774" rIns="0" bIns="0" rtlCol="0">
            <a:spAutoFit/>
          </a:bodyPr>
          <a:lstStyle/>
          <a:p>
            <a:pPr marL="10860">
              <a:spcBef>
                <a:spcPts val="77"/>
              </a:spcBef>
            </a:pPr>
            <a:r>
              <a:rPr sz="1667" spc="-30" dirty="0">
                <a:solidFill>
                  <a:srgbClr val="4472C3"/>
                </a:solidFill>
                <a:latin typeface="HGP創英角ｺﾞｼｯｸUB"/>
                <a:cs typeface="HGP創英角ｺﾞｼｯｸUB"/>
              </a:rPr>
              <a:t>取り組むべき項目</a:t>
            </a:r>
            <a:endParaRPr sz="1667">
              <a:latin typeface="HGP創英角ｺﾞｼｯｸUB"/>
              <a:cs typeface="HGP創英角ｺﾞｼｯｸUB"/>
            </a:endParaRPr>
          </a:p>
        </p:txBody>
      </p:sp>
      <p:grpSp>
        <p:nvGrpSpPr>
          <p:cNvPr id="46" name="object 46"/>
          <p:cNvGrpSpPr/>
          <p:nvPr/>
        </p:nvGrpSpPr>
        <p:grpSpPr>
          <a:xfrm>
            <a:off x="4350024" y="3402611"/>
            <a:ext cx="421362" cy="1343907"/>
            <a:chOff x="5087111" y="3750564"/>
            <a:chExt cx="492759" cy="1571625"/>
          </a:xfrm>
        </p:grpSpPr>
        <p:sp>
          <p:nvSpPr>
            <p:cNvPr id="47" name="object 47"/>
            <p:cNvSpPr/>
            <p:nvPr/>
          </p:nvSpPr>
          <p:spPr>
            <a:xfrm>
              <a:off x="5093207" y="3794760"/>
              <a:ext cx="478790" cy="1483360"/>
            </a:xfrm>
            <a:custGeom>
              <a:avLst/>
              <a:gdLst/>
              <a:ahLst/>
              <a:cxnLst/>
              <a:rect l="l" t="t" r="r" b="b"/>
              <a:pathLst>
                <a:path w="478789" h="1483360">
                  <a:moveTo>
                    <a:pt x="239267" y="0"/>
                  </a:moveTo>
                  <a:lnTo>
                    <a:pt x="239267" y="370332"/>
                  </a:lnTo>
                  <a:lnTo>
                    <a:pt x="0" y="370332"/>
                  </a:lnTo>
                  <a:lnTo>
                    <a:pt x="0" y="1112520"/>
                  </a:lnTo>
                  <a:lnTo>
                    <a:pt x="239267" y="1112520"/>
                  </a:lnTo>
                  <a:lnTo>
                    <a:pt x="239267" y="1482852"/>
                  </a:lnTo>
                  <a:lnTo>
                    <a:pt x="478536" y="740663"/>
                  </a:lnTo>
                  <a:lnTo>
                    <a:pt x="239267" y="0"/>
                  </a:lnTo>
                  <a:close/>
                </a:path>
              </a:pathLst>
            </a:custGeom>
            <a:solidFill>
              <a:srgbClr val="A5A5A5"/>
            </a:solidFill>
          </p:spPr>
          <p:txBody>
            <a:bodyPr wrap="square" lIns="0" tIns="0" rIns="0" bIns="0" rtlCol="0"/>
            <a:lstStyle/>
            <a:p>
              <a:endParaRPr sz="1539"/>
            </a:p>
          </p:txBody>
        </p:sp>
        <p:sp>
          <p:nvSpPr>
            <p:cNvPr id="48" name="object 48"/>
            <p:cNvSpPr/>
            <p:nvPr/>
          </p:nvSpPr>
          <p:spPr>
            <a:xfrm>
              <a:off x="5087111" y="3750564"/>
              <a:ext cx="492759" cy="1571625"/>
            </a:xfrm>
            <a:custGeom>
              <a:avLst/>
              <a:gdLst/>
              <a:ahLst/>
              <a:cxnLst/>
              <a:rect l="l" t="t" r="r" b="b"/>
              <a:pathLst>
                <a:path w="492760" h="1571625">
                  <a:moveTo>
                    <a:pt x="239267" y="1525524"/>
                  </a:moveTo>
                  <a:lnTo>
                    <a:pt x="239267" y="1571244"/>
                  </a:lnTo>
                  <a:lnTo>
                    <a:pt x="253486" y="1527048"/>
                  </a:lnTo>
                  <a:lnTo>
                    <a:pt x="252984" y="1527048"/>
                  </a:lnTo>
                  <a:lnTo>
                    <a:pt x="239267" y="1525524"/>
                  </a:lnTo>
                  <a:close/>
                </a:path>
                <a:path w="492760" h="1571625">
                  <a:moveTo>
                    <a:pt x="252984" y="1482978"/>
                  </a:moveTo>
                  <a:lnTo>
                    <a:pt x="239267" y="1525524"/>
                  </a:lnTo>
                  <a:lnTo>
                    <a:pt x="252984" y="1527048"/>
                  </a:lnTo>
                  <a:lnTo>
                    <a:pt x="252984" y="1482978"/>
                  </a:lnTo>
                  <a:close/>
                </a:path>
                <a:path w="492760" h="1571625">
                  <a:moveTo>
                    <a:pt x="477799" y="785622"/>
                  </a:moveTo>
                  <a:lnTo>
                    <a:pt x="252984" y="1482978"/>
                  </a:lnTo>
                  <a:lnTo>
                    <a:pt x="252984" y="1527048"/>
                  </a:lnTo>
                  <a:lnTo>
                    <a:pt x="253486" y="1527048"/>
                  </a:lnTo>
                  <a:lnTo>
                    <a:pt x="491271" y="787908"/>
                  </a:lnTo>
                  <a:lnTo>
                    <a:pt x="478536" y="787908"/>
                  </a:lnTo>
                  <a:lnTo>
                    <a:pt x="477799" y="785622"/>
                  </a:lnTo>
                  <a:close/>
                </a:path>
                <a:path w="492760" h="1571625">
                  <a:moveTo>
                    <a:pt x="239267" y="1156716"/>
                  </a:moveTo>
                  <a:lnTo>
                    <a:pt x="239267" y="1525524"/>
                  </a:lnTo>
                  <a:lnTo>
                    <a:pt x="252984" y="1482978"/>
                  </a:lnTo>
                  <a:lnTo>
                    <a:pt x="252984" y="1162812"/>
                  </a:lnTo>
                  <a:lnTo>
                    <a:pt x="245363" y="1162812"/>
                  </a:lnTo>
                  <a:lnTo>
                    <a:pt x="239267" y="1156716"/>
                  </a:lnTo>
                  <a:close/>
                </a:path>
                <a:path w="492760" h="1571625">
                  <a:moveTo>
                    <a:pt x="239267" y="408432"/>
                  </a:moveTo>
                  <a:lnTo>
                    <a:pt x="0" y="408432"/>
                  </a:lnTo>
                  <a:lnTo>
                    <a:pt x="0" y="1162812"/>
                  </a:lnTo>
                  <a:lnTo>
                    <a:pt x="239267" y="1162812"/>
                  </a:lnTo>
                  <a:lnTo>
                    <a:pt x="239267" y="1156716"/>
                  </a:lnTo>
                  <a:lnTo>
                    <a:pt x="13715" y="1156716"/>
                  </a:lnTo>
                  <a:lnTo>
                    <a:pt x="6096" y="1149096"/>
                  </a:lnTo>
                  <a:lnTo>
                    <a:pt x="13715" y="1149096"/>
                  </a:lnTo>
                  <a:lnTo>
                    <a:pt x="13715" y="422148"/>
                  </a:lnTo>
                  <a:lnTo>
                    <a:pt x="6096" y="422148"/>
                  </a:lnTo>
                  <a:lnTo>
                    <a:pt x="13715" y="414528"/>
                  </a:lnTo>
                  <a:lnTo>
                    <a:pt x="239267" y="414528"/>
                  </a:lnTo>
                  <a:lnTo>
                    <a:pt x="239267" y="408432"/>
                  </a:lnTo>
                  <a:close/>
                </a:path>
                <a:path w="492760" h="1571625">
                  <a:moveTo>
                    <a:pt x="252984" y="1149096"/>
                  </a:moveTo>
                  <a:lnTo>
                    <a:pt x="13715" y="1149096"/>
                  </a:lnTo>
                  <a:lnTo>
                    <a:pt x="13715" y="1156716"/>
                  </a:lnTo>
                  <a:lnTo>
                    <a:pt x="239267" y="1156716"/>
                  </a:lnTo>
                  <a:lnTo>
                    <a:pt x="245363" y="1162812"/>
                  </a:lnTo>
                  <a:lnTo>
                    <a:pt x="252984" y="1162812"/>
                  </a:lnTo>
                  <a:lnTo>
                    <a:pt x="252984" y="1149096"/>
                  </a:lnTo>
                  <a:close/>
                </a:path>
                <a:path w="492760" h="1571625">
                  <a:moveTo>
                    <a:pt x="13715" y="1149096"/>
                  </a:moveTo>
                  <a:lnTo>
                    <a:pt x="6096" y="1149096"/>
                  </a:lnTo>
                  <a:lnTo>
                    <a:pt x="13715" y="1156716"/>
                  </a:lnTo>
                  <a:lnTo>
                    <a:pt x="13715" y="1149096"/>
                  </a:lnTo>
                  <a:close/>
                </a:path>
                <a:path w="492760" h="1571625">
                  <a:moveTo>
                    <a:pt x="478536" y="783336"/>
                  </a:moveTo>
                  <a:lnTo>
                    <a:pt x="477799" y="785622"/>
                  </a:lnTo>
                  <a:lnTo>
                    <a:pt x="478536" y="787908"/>
                  </a:lnTo>
                  <a:lnTo>
                    <a:pt x="478536" y="783336"/>
                  </a:lnTo>
                  <a:close/>
                </a:path>
                <a:path w="492760" h="1571625">
                  <a:moveTo>
                    <a:pt x="491760" y="783336"/>
                  </a:moveTo>
                  <a:lnTo>
                    <a:pt x="478536" y="783336"/>
                  </a:lnTo>
                  <a:lnTo>
                    <a:pt x="478536" y="787908"/>
                  </a:lnTo>
                  <a:lnTo>
                    <a:pt x="491271" y="787908"/>
                  </a:lnTo>
                  <a:lnTo>
                    <a:pt x="492251" y="784860"/>
                  </a:lnTo>
                  <a:lnTo>
                    <a:pt x="491760" y="783336"/>
                  </a:lnTo>
                  <a:close/>
                </a:path>
                <a:path w="492760" h="1571625">
                  <a:moveTo>
                    <a:pt x="253513" y="44196"/>
                  </a:moveTo>
                  <a:lnTo>
                    <a:pt x="252984" y="44196"/>
                  </a:lnTo>
                  <a:lnTo>
                    <a:pt x="252984" y="88265"/>
                  </a:lnTo>
                  <a:lnTo>
                    <a:pt x="477799" y="785622"/>
                  </a:lnTo>
                  <a:lnTo>
                    <a:pt x="478536" y="783336"/>
                  </a:lnTo>
                  <a:lnTo>
                    <a:pt x="491760" y="783336"/>
                  </a:lnTo>
                  <a:lnTo>
                    <a:pt x="253513" y="44196"/>
                  </a:lnTo>
                  <a:close/>
                </a:path>
                <a:path w="492760" h="1571625">
                  <a:moveTo>
                    <a:pt x="13715" y="414528"/>
                  </a:moveTo>
                  <a:lnTo>
                    <a:pt x="6096" y="422148"/>
                  </a:lnTo>
                  <a:lnTo>
                    <a:pt x="13715" y="422148"/>
                  </a:lnTo>
                  <a:lnTo>
                    <a:pt x="13715" y="414528"/>
                  </a:lnTo>
                  <a:close/>
                </a:path>
                <a:path w="492760" h="1571625">
                  <a:moveTo>
                    <a:pt x="252984" y="408432"/>
                  </a:moveTo>
                  <a:lnTo>
                    <a:pt x="245363" y="408432"/>
                  </a:lnTo>
                  <a:lnTo>
                    <a:pt x="239267" y="414528"/>
                  </a:lnTo>
                  <a:lnTo>
                    <a:pt x="13715" y="414528"/>
                  </a:lnTo>
                  <a:lnTo>
                    <a:pt x="13715" y="422148"/>
                  </a:lnTo>
                  <a:lnTo>
                    <a:pt x="252984" y="422148"/>
                  </a:lnTo>
                  <a:lnTo>
                    <a:pt x="252984" y="408432"/>
                  </a:lnTo>
                  <a:close/>
                </a:path>
                <a:path w="492760" h="1571625">
                  <a:moveTo>
                    <a:pt x="239267" y="45720"/>
                  </a:moveTo>
                  <a:lnTo>
                    <a:pt x="239267" y="414528"/>
                  </a:lnTo>
                  <a:lnTo>
                    <a:pt x="245363" y="408432"/>
                  </a:lnTo>
                  <a:lnTo>
                    <a:pt x="252984" y="408432"/>
                  </a:lnTo>
                  <a:lnTo>
                    <a:pt x="252984" y="88265"/>
                  </a:lnTo>
                  <a:lnTo>
                    <a:pt x="239267" y="45720"/>
                  </a:lnTo>
                  <a:close/>
                </a:path>
                <a:path w="492760" h="1571625">
                  <a:moveTo>
                    <a:pt x="252984" y="44196"/>
                  </a:moveTo>
                  <a:lnTo>
                    <a:pt x="239267" y="45720"/>
                  </a:lnTo>
                  <a:lnTo>
                    <a:pt x="252984" y="88265"/>
                  </a:lnTo>
                  <a:lnTo>
                    <a:pt x="252984" y="44196"/>
                  </a:lnTo>
                  <a:close/>
                </a:path>
                <a:path w="492760" h="1571625">
                  <a:moveTo>
                    <a:pt x="239267" y="0"/>
                  </a:moveTo>
                  <a:lnTo>
                    <a:pt x="239267" y="45720"/>
                  </a:lnTo>
                  <a:lnTo>
                    <a:pt x="252984" y="44196"/>
                  </a:lnTo>
                  <a:lnTo>
                    <a:pt x="253513" y="44196"/>
                  </a:lnTo>
                  <a:lnTo>
                    <a:pt x="239267" y="0"/>
                  </a:lnTo>
                  <a:close/>
                </a:path>
              </a:pathLst>
            </a:custGeom>
            <a:solidFill>
              <a:srgbClr val="000000"/>
            </a:solidFill>
          </p:spPr>
          <p:txBody>
            <a:bodyPr wrap="square" lIns="0" tIns="0" rIns="0" bIns="0" rtlCol="0"/>
            <a:lstStyle/>
            <a:p>
              <a:endParaRPr sz="1539"/>
            </a:p>
          </p:txBody>
        </p:sp>
      </p:grpSp>
      <p:sp>
        <p:nvSpPr>
          <p:cNvPr id="49" name="object 49"/>
          <p:cNvSpPr/>
          <p:nvPr/>
        </p:nvSpPr>
        <p:spPr>
          <a:xfrm>
            <a:off x="243696" y="755847"/>
            <a:ext cx="8589604" cy="457743"/>
          </a:xfrm>
          <a:custGeom>
            <a:avLst/>
            <a:gdLst/>
            <a:ahLst/>
            <a:cxnLst/>
            <a:rect l="l" t="t" r="r" b="b"/>
            <a:pathLst>
              <a:path w="10045065" h="535305">
                <a:moveTo>
                  <a:pt x="10044684" y="0"/>
                </a:moveTo>
                <a:lnTo>
                  <a:pt x="0" y="0"/>
                </a:lnTo>
                <a:lnTo>
                  <a:pt x="0" y="534924"/>
                </a:lnTo>
                <a:lnTo>
                  <a:pt x="10044684" y="534924"/>
                </a:lnTo>
                <a:lnTo>
                  <a:pt x="10044684" y="524256"/>
                </a:lnTo>
                <a:lnTo>
                  <a:pt x="19811" y="524256"/>
                </a:lnTo>
                <a:lnTo>
                  <a:pt x="9143" y="513588"/>
                </a:lnTo>
                <a:lnTo>
                  <a:pt x="19811" y="513588"/>
                </a:lnTo>
                <a:lnTo>
                  <a:pt x="19811" y="19812"/>
                </a:lnTo>
                <a:lnTo>
                  <a:pt x="9143" y="19812"/>
                </a:lnTo>
                <a:lnTo>
                  <a:pt x="19811" y="10668"/>
                </a:lnTo>
                <a:lnTo>
                  <a:pt x="10044684" y="10668"/>
                </a:lnTo>
                <a:lnTo>
                  <a:pt x="10044684" y="0"/>
                </a:lnTo>
                <a:close/>
              </a:path>
              <a:path w="10045065" h="535305">
                <a:moveTo>
                  <a:pt x="19811" y="513588"/>
                </a:moveTo>
                <a:lnTo>
                  <a:pt x="9143" y="513588"/>
                </a:lnTo>
                <a:lnTo>
                  <a:pt x="19811" y="524256"/>
                </a:lnTo>
                <a:lnTo>
                  <a:pt x="19811" y="513588"/>
                </a:lnTo>
                <a:close/>
              </a:path>
              <a:path w="10045065" h="535305">
                <a:moveTo>
                  <a:pt x="10023347" y="513588"/>
                </a:moveTo>
                <a:lnTo>
                  <a:pt x="19811" y="513588"/>
                </a:lnTo>
                <a:lnTo>
                  <a:pt x="19811" y="524256"/>
                </a:lnTo>
                <a:lnTo>
                  <a:pt x="10023347" y="524256"/>
                </a:lnTo>
                <a:lnTo>
                  <a:pt x="10023347" y="513588"/>
                </a:lnTo>
                <a:close/>
              </a:path>
              <a:path w="10045065" h="535305">
                <a:moveTo>
                  <a:pt x="10023347" y="10668"/>
                </a:moveTo>
                <a:lnTo>
                  <a:pt x="10023347" y="524256"/>
                </a:lnTo>
                <a:lnTo>
                  <a:pt x="10034016" y="513588"/>
                </a:lnTo>
                <a:lnTo>
                  <a:pt x="10044684" y="513588"/>
                </a:lnTo>
                <a:lnTo>
                  <a:pt x="10044684" y="19812"/>
                </a:lnTo>
                <a:lnTo>
                  <a:pt x="10034016" y="19812"/>
                </a:lnTo>
                <a:lnTo>
                  <a:pt x="10023347" y="10668"/>
                </a:lnTo>
                <a:close/>
              </a:path>
              <a:path w="10045065" h="535305">
                <a:moveTo>
                  <a:pt x="10044684" y="513588"/>
                </a:moveTo>
                <a:lnTo>
                  <a:pt x="10034016" y="513588"/>
                </a:lnTo>
                <a:lnTo>
                  <a:pt x="10023347" y="524256"/>
                </a:lnTo>
                <a:lnTo>
                  <a:pt x="10044684" y="524256"/>
                </a:lnTo>
                <a:lnTo>
                  <a:pt x="10044684" y="513588"/>
                </a:lnTo>
                <a:close/>
              </a:path>
              <a:path w="10045065" h="535305">
                <a:moveTo>
                  <a:pt x="19811" y="10668"/>
                </a:moveTo>
                <a:lnTo>
                  <a:pt x="9143" y="19812"/>
                </a:lnTo>
                <a:lnTo>
                  <a:pt x="19811" y="19812"/>
                </a:lnTo>
                <a:lnTo>
                  <a:pt x="19811" y="10668"/>
                </a:lnTo>
                <a:close/>
              </a:path>
              <a:path w="10045065" h="535305">
                <a:moveTo>
                  <a:pt x="10023347" y="10668"/>
                </a:moveTo>
                <a:lnTo>
                  <a:pt x="19811" y="10668"/>
                </a:lnTo>
                <a:lnTo>
                  <a:pt x="19811" y="19812"/>
                </a:lnTo>
                <a:lnTo>
                  <a:pt x="10023347" y="19812"/>
                </a:lnTo>
                <a:lnTo>
                  <a:pt x="10023347" y="10668"/>
                </a:lnTo>
                <a:close/>
              </a:path>
              <a:path w="10045065" h="535305">
                <a:moveTo>
                  <a:pt x="10044684" y="10668"/>
                </a:moveTo>
                <a:lnTo>
                  <a:pt x="10023347" y="10668"/>
                </a:lnTo>
                <a:lnTo>
                  <a:pt x="10034016" y="19812"/>
                </a:lnTo>
                <a:lnTo>
                  <a:pt x="10044684" y="19812"/>
                </a:lnTo>
                <a:lnTo>
                  <a:pt x="10044684" y="10668"/>
                </a:lnTo>
                <a:close/>
              </a:path>
            </a:pathLst>
          </a:custGeom>
          <a:solidFill>
            <a:srgbClr val="000000"/>
          </a:solidFill>
        </p:spPr>
        <p:txBody>
          <a:bodyPr wrap="square" lIns="0" tIns="0" rIns="0" bIns="0" rtlCol="0"/>
          <a:lstStyle/>
          <a:p>
            <a:endParaRPr sz="1539"/>
          </a:p>
        </p:txBody>
      </p:sp>
      <p:sp>
        <p:nvSpPr>
          <p:cNvPr id="50" name="object 50"/>
          <p:cNvSpPr txBox="1"/>
          <p:nvPr/>
        </p:nvSpPr>
        <p:spPr>
          <a:xfrm>
            <a:off x="299297" y="854453"/>
            <a:ext cx="8021634" cy="266963"/>
          </a:xfrm>
          <a:prstGeom prst="rect">
            <a:avLst/>
          </a:prstGeom>
        </p:spPr>
        <p:txBody>
          <a:bodyPr vert="horz" wrap="square" lIns="0" tIns="10317" rIns="0" bIns="0" rtlCol="0">
            <a:spAutoFit/>
          </a:bodyPr>
          <a:lstStyle/>
          <a:p>
            <a:pPr marL="327965" indent="-317105">
              <a:spcBef>
                <a:spcPts val="81"/>
              </a:spcBef>
              <a:buChar char="○"/>
              <a:tabLst>
                <a:tab pos="327965" algn="l"/>
              </a:tabLst>
            </a:pPr>
            <a:r>
              <a:rPr sz="1667" spc="-171" dirty="0">
                <a:latin typeface="ＭＳ Ｐゴシック"/>
                <a:cs typeface="ＭＳ Ｐゴシック"/>
              </a:rPr>
              <a:t>インフラメンテナンスに関する全般的な課題と、それらの課題に対して取り組むべき項目を整理。</a:t>
            </a:r>
            <a:endParaRPr sz="1667">
              <a:latin typeface="ＭＳ Ｐゴシック"/>
              <a:cs typeface="ＭＳ Ｐゴシック"/>
            </a:endParaRPr>
          </a:p>
        </p:txBody>
      </p:sp>
      <p:sp>
        <p:nvSpPr>
          <p:cNvPr id="51" name="object 51"/>
          <p:cNvSpPr txBox="1">
            <a:spLocks noGrp="1"/>
          </p:cNvSpPr>
          <p:nvPr>
            <p:ph type="sldNum" sz="quarter" idx="7"/>
          </p:nvPr>
        </p:nvSpPr>
        <p:spPr>
          <a:xfrm>
            <a:off x="10347452" y="7147033"/>
            <a:ext cx="279653" cy="249554"/>
          </a:xfrm>
          <a:prstGeom prst="rect">
            <a:avLst/>
          </a:prstGeom>
        </p:spPr>
        <p:txBody>
          <a:bodyPr vert="horz" wrap="square" lIns="0" tIns="0" rIns="0" bIns="0" rtlCol="0">
            <a:spAutoFit/>
          </a:bodyPr>
          <a:lstStyle>
            <a:defPPr>
              <a:defRPr kern="0"/>
            </a:defPPr>
            <a:lvl1pPr>
              <a:defRPr sz="1600" b="0" i="0">
                <a:solidFill>
                  <a:schemeClr val="tx1"/>
                </a:solidFill>
                <a:latin typeface="ＭＳ Ｐゴシック"/>
                <a:cs typeface="ＭＳ Ｐゴシック"/>
              </a:defRPr>
            </a:lvl1pPr>
          </a:lstStyle>
          <a:p>
            <a:pPr marL="116205">
              <a:lnSpc>
                <a:spcPts val="1810"/>
              </a:lnSpc>
            </a:pPr>
            <a:fld id="{81D60167-4931-47E6-BA6A-407CBD079E47}" type="slidenum">
              <a:rPr lang="en-US" altLang="ja-JP" spc="-50" smtClean="0"/>
              <a:pPr marL="116205">
                <a:lnSpc>
                  <a:spcPts val="1810"/>
                </a:lnSpc>
              </a:pPr>
              <a:t>47</a:t>
            </a:fld>
            <a:endParaRPr spc="-43" dirty="0"/>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81143" y="956536"/>
            <a:ext cx="8779652" cy="5438617"/>
            <a:chOff x="211836" y="890016"/>
            <a:chExt cx="10267315" cy="6360160"/>
          </a:xfrm>
        </p:grpSpPr>
        <p:sp>
          <p:nvSpPr>
            <p:cNvPr id="3" name="object 3"/>
            <p:cNvSpPr/>
            <p:nvPr/>
          </p:nvSpPr>
          <p:spPr>
            <a:xfrm>
              <a:off x="211836" y="890016"/>
              <a:ext cx="10267315" cy="6360160"/>
            </a:xfrm>
            <a:custGeom>
              <a:avLst/>
              <a:gdLst/>
              <a:ahLst/>
              <a:cxnLst/>
              <a:rect l="l" t="t" r="r" b="b"/>
              <a:pathLst>
                <a:path w="10267315" h="6360159">
                  <a:moveTo>
                    <a:pt x="10265664" y="0"/>
                  </a:moveTo>
                  <a:lnTo>
                    <a:pt x="3048" y="0"/>
                  </a:lnTo>
                  <a:lnTo>
                    <a:pt x="0" y="3048"/>
                  </a:lnTo>
                  <a:lnTo>
                    <a:pt x="0" y="6358133"/>
                  </a:lnTo>
                  <a:lnTo>
                    <a:pt x="3048" y="6359657"/>
                  </a:lnTo>
                  <a:lnTo>
                    <a:pt x="10265664" y="6359657"/>
                  </a:lnTo>
                  <a:lnTo>
                    <a:pt x="10267188" y="6358133"/>
                  </a:lnTo>
                  <a:lnTo>
                    <a:pt x="10267188" y="6355085"/>
                  </a:lnTo>
                  <a:lnTo>
                    <a:pt x="10667" y="6355085"/>
                  </a:lnTo>
                  <a:lnTo>
                    <a:pt x="4571" y="6348989"/>
                  </a:lnTo>
                  <a:lnTo>
                    <a:pt x="10667" y="6348989"/>
                  </a:lnTo>
                  <a:lnTo>
                    <a:pt x="10667" y="10668"/>
                  </a:lnTo>
                  <a:lnTo>
                    <a:pt x="4571" y="10668"/>
                  </a:lnTo>
                  <a:lnTo>
                    <a:pt x="10667" y="4572"/>
                  </a:lnTo>
                  <a:lnTo>
                    <a:pt x="10267188" y="4572"/>
                  </a:lnTo>
                  <a:lnTo>
                    <a:pt x="10267188" y="3048"/>
                  </a:lnTo>
                  <a:lnTo>
                    <a:pt x="10265664" y="0"/>
                  </a:lnTo>
                  <a:close/>
                </a:path>
                <a:path w="10267315" h="6360159">
                  <a:moveTo>
                    <a:pt x="10667" y="6348989"/>
                  </a:moveTo>
                  <a:lnTo>
                    <a:pt x="4571" y="6348989"/>
                  </a:lnTo>
                  <a:lnTo>
                    <a:pt x="10667" y="6355085"/>
                  </a:lnTo>
                  <a:lnTo>
                    <a:pt x="10667" y="6348989"/>
                  </a:lnTo>
                  <a:close/>
                </a:path>
                <a:path w="10267315" h="6360159">
                  <a:moveTo>
                    <a:pt x="10258044" y="6348989"/>
                  </a:moveTo>
                  <a:lnTo>
                    <a:pt x="10667" y="6348989"/>
                  </a:lnTo>
                  <a:lnTo>
                    <a:pt x="10667" y="6355085"/>
                  </a:lnTo>
                  <a:lnTo>
                    <a:pt x="10258044" y="6355085"/>
                  </a:lnTo>
                  <a:lnTo>
                    <a:pt x="10258044" y="6348989"/>
                  </a:lnTo>
                  <a:close/>
                </a:path>
                <a:path w="10267315" h="6360159">
                  <a:moveTo>
                    <a:pt x="10258044" y="4572"/>
                  </a:moveTo>
                  <a:lnTo>
                    <a:pt x="10258044" y="6355085"/>
                  </a:lnTo>
                  <a:lnTo>
                    <a:pt x="10262616" y="6348989"/>
                  </a:lnTo>
                  <a:lnTo>
                    <a:pt x="10267188" y="6348989"/>
                  </a:lnTo>
                  <a:lnTo>
                    <a:pt x="10267188" y="10668"/>
                  </a:lnTo>
                  <a:lnTo>
                    <a:pt x="10262616" y="10668"/>
                  </a:lnTo>
                  <a:lnTo>
                    <a:pt x="10258044" y="4572"/>
                  </a:lnTo>
                  <a:close/>
                </a:path>
                <a:path w="10267315" h="6360159">
                  <a:moveTo>
                    <a:pt x="10267188" y="6348989"/>
                  </a:moveTo>
                  <a:lnTo>
                    <a:pt x="10262616" y="6348989"/>
                  </a:lnTo>
                  <a:lnTo>
                    <a:pt x="10258044" y="6355085"/>
                  </a:lnTo>
                  <a:lnTo>
                    <a:pt x="10267188" y="6355085"/>
                  </a:lnTo>
                  <a:lnTo>
                    <a:pt x="10267188" y="6348989"/>
                  </a:lnTo>
                  <a:close/>
                </a:path>
                <a:path w="10267315" h="6360159">
                  <a:moveTo>
                    <a:pt x="10667" y="4572"/>
                  </a:moveTo>
                  <a:lnTo>
                    <a:pt x="4571" y="10668"/>
                  </a:lnTo>
                  <a:lnTo>
                    <a:pt x="10667" y="10668"/>
                  </a:lnTo>
                  <a:lnTo>
                    <a:pt x="10667" y="4572"/>
                  </a:lnTo>
                  <a:close/>
                </a:path>
                <a:path w="10267315" h="6360159">
                  <a:moveTo>
                    <a:pt x="10258044" y="4572"/>
                  </a:moveTo>
                  <a:lnTo>
                    <a:pt x="10667" y="4572"/>
                  </a:lnTo>
                  <a:lnTo>
                    <a:pt x="10667" y="10668"/>
                  </a:lnTo>
                  <a:lnTo>
                    <a:pt x="10258044" y="10668"/>
                  </a:lnTo>
                  <a:lnTo>
                    <a:pt x="10258044" y="4572"/>
                  </a:lnTo>
                  <a:close/>
                </a:path>
                <a:path w="10267315" h="6360159">
                  <a:moveTo>
                    <a:pt x="10267188" y="4572"/>
                  </a:moveTo>
                  <a:lnTo>
                    <a:pt x="10258044" y="4572"/>
                  </a:lnTo>
                  <a:lnTo>
                    <a:pt x="10262616" y="10668"/>
                  </a:lnTo>
                  <a:lnTo>
                    <a:pt x="10267188" y="10668"/>
                  </a:lnTo>
                  <a:lnTo>
                    <a:pt x="10267188" y="4572"/>
                  </a:lnTo>
                  <a:close/>
                </a:path>
              </a:pathLst>
            </a:custGeom>
            <a:solidFill>
              <a:srgbClr val="4472C3"/>
            </a:solidFill>
          </p:spPr>
          <p:txBody>
            <a:bodyPr wrap="square" lIns="0" tIns="0" rIns="0" bIns="0" rtlCol="0"/>
            <a:lstStyle/>
            <a:p>
              <a:endParaRPr sz="1539"/>
            </a:p>
          </p:txBody>
        </p:sp>
        <p:sp>
          <p:nvSpPr>
            <p:cNvPr id="4" name="object 4"/>
            <p:cNvSpPr/>
            <p:nvPr/>
          </p:nvSpPr>
          <p:spPr>
            <a:xfrm>
              <a:off x="5027676" y="5049012"/>
              <a:ext cx="528955" cy="9525"/>
            </a:xfrm>
            <a:custGeom>
              <a:avLst/>
              <a:gdLst/>
              <a:ahLst/>
              <a:cxnLst/>
              <a:rect l="l" t="t" r="r" b="b"/>
              <a:pathLst>
                <a:path w="528954" h="9525">
                  <a:moveTo>
                    <a:pt x="0" y="0"/>
                  </a:moveTo>
                  <a:lnTo>
                    <a:pt x="0" y="7619"/>
                  </a:lnTo>
                  <a:lnTo>
                    <a:pt x="528827" y="9143"/>
                  </a:lnTo>
                  <a:lnTo>
                    <a:pt x="528827" y="1524"/>
                  </a:lnTo>
                  <a:lnTo>
                    <a:pt x="0" y="0"/>
                  </a:lnTo>
                  <a:close/>
                </a:path>
              </a:pathLst>
            </a:custGeom>
            <a:solidFill>
              <a:srgbClr val="000000"/>
            </a:solidFill>
          </p:spPr>
          <p:txBody>
            <a:bodyPr wrap="square" lIns="0" tIns="0" rIns="0" bIns="0" rtlCol="0"/>
            <a:lstStyle/>
            <a:p>
              <a:endParaRPr sz="1539"/>
            </a:p>
          </p:txBody>
        </p:sp>
        <p:pic>
          <p:nvPicPr>
            <p:cNvPr id="5" name="object 5"/>
            <p:cNvPicPr/>
            <p:nvPr/>
          </p:nvPicPr>
          <p:blipFill>
            <a:blip r:embed="rId2" cstate="print"/>
            <a:stretch>
              <a:fillRect/>
            </a:stretch>
          </p:blipFill>
          <p:spPr>
            <a:xfrm>
              <a:off x="327660" y="1940052"/>
              <a:ext cx="4700016" cy="1661160"/>
            </a:xfrm>
            <a:prstGeom prst="rect">
              <a:avLst/>
            </a:prstGeom>
          </p:spPr>
        </p:pic>
        <p:sp>
          <p:nvSpPr>
            <p:cNvPr id="6" name="object 6"/>
            <p:cNvSpPr/>
            <p:nvPr/>
          </p:nvSpPr>
          <p:spPr>
            <a:xfrm>
              <a:off x="323088" y="923543"/>
              <a:ext cx="4759960" cy="2680970"/>
            </a:xfrm>
            <a:custGeom>
              <a:avLst/>
              <a:gdLst/>
              <a:ahLst/>
              <a:cxnLst/>
              <a:rect l="l" t="t" r="r" b="b"/>
              <a:pathLst>
                <a:path w="4759960" h="2680970">
                  <a:moveTo>
                    <a:pt x="4707636" y="1011936"/>
                  </a:moveTo>
                  <a:lnTo>
                    <a:pt x="4701540" y="1011936"/>
                  </a:lnTo>
                  <a:lnTo>
                    <a:pt x="4701540" y="1019556"/>
                  </a:lnTo>
                  <a:lnTo>
                    <a:pt x="4701540" y="2673096"/>
                  </a:lnTo>
                  <a:lnTo>
                    <a:pt x="7620" y="2673096"/>
                  </a:lnTo>
                  <a:lnTo>
                    <a:pt x="7620" y="1019556"/>
                  </a:lnTo>
                  <a:lnTo>
                    <a:pt x="4701540" y="1019556"/>
                  </a:lnTo>
                  <a:lnTo>
                    <a:pt x="4701540" y="1011936"/>
                  </a:lnTo>
                  <a:lnTo>
                    <a:pt x="0" y="1011936"/>
                  </a:lnTo>
                  <a:lnTo>
                    <a:pt x="0" y="2680716"/>
                  </a:lnTo>
                  <a:lnTo>
                    <a:pt x="4707636" y="2680716"/>
                  </a:lnTo>
                  <a:lnTo>
                    <a:pt x="4707636" y="2677668"/>
                  </a:lnTo>
                  <a:lnTo>
                    <a:pt x="4707636" y="2673096"/>
                  </a:lnTo>
                  <a:lnTo>
                    <a:pt x="4707636" y="1019556"/>
                  </a:lnTo>
                  <a:lnTo>
                    <a:pt x="4707636" y="1016508"/>
                  </a:lnTo>
                  <a:lnTo>
                    <a:pt x="4707636" y="1011936"/>
                  </a:lnTo>
                  <a:close/>
                </a:path>
                <a:path w="4759960" h="2680970">
                  <a:moveTo>
                    <a:pt x="4759452" y="60960"/>
                  </a:moveTo>
                  <a:lnTo>
                    <a:pt x="4758309" y="51816"/>
                  </a:lnTo>
                  <a:lnTo>
                    <a:pt x="4757928" y="48768"/>
                  </a:lnTo>
                  <a:lnTo>
                    <a:pt x="4756620" y="44196"/>
                  </a:lnTo>
                  <a:lnTo>
                    <a:pt x="4755312" y="39624"/>
                  </a:lnTo>
                  <a:lnTo>
                    <a:pt x="4754880" y="38100"/>
                  </a:lnTo>
                  <a:lnTo>
                    <a:pt x="4752264" y="33528"/>
                  </a:lnTo>
                  <a:lnTo>
                    <a:pt x="4751387" y="32016"/>
                  </a:lnTo>
                  <a:lnTo>
                    <a:pt x="4748784" y="27444"/>
                  </a:lnTo>
                  <a:lnTo>
                    <a:pt x="4744974" y="22860"/>
                  </a:lnTo>
                  <a:lnTo>
                    <a:pt x="4742434" y="19812"/>
                  </a:lnTo>
                  <a:lnTo>
                    <a:pt x="4741164" y="18288"/>
                  </a:lnTo>
                  <a:lnTo>
                    <a:pt x="4738116" y="15748"/>
                  </a:lnTo>
                  <a:lnTo>
                    <a:pt x="4738116" y="54864"/>
                  </a:lnTo>
                  <a:lnTo>
                    <a:pt x="4738116" y="275844"/>
                  </a:lnTo>
                  <a:lnTo>
                    <a:pt x="4735068" y="286512"/>
                  </a:lnTo>
                  <a:lnTo>
                    <a:pt x="4735068" y="284988"/>
                  </a:lnTo>
                  <a:lnTo>
                    <a:pt x="4730496" y="292608"/>
                  </a:lnTo>
                  <a:lnTo>
                    <a:pt x="4732020" y="291084"/>
                  </a:lnTo>
                  <a:lnTo>
                    <a:pt x="4726597" y="297865"/>
                  </a:lnTo>
                  <a:lnTo>
                    <a:pt x="4719828" y="303276"/>
                  </a:lnTo>
                  <a:lnTo>
                    <a:pt x="4721352" y="303276"/>
                  </a:lnTo>
                  <a:lnTo>
                    <a:pt x="4712208" y="307848"/>
                  </a:lnTo>
                  <a:lnTo>
                    <a:pt x="4713732" y="306324"/>
                  </a:lnTo>
                  <a:lnTo>
                    <a:pt x="4704588" y="309372"/>
                  </a:lnTo>
                  <a:lnTo>
                    <a:pt x="4706112" y="309372"/>
                  </a:lnTo>
                  <a:lnTo>
                    <a:pt x="4695444" y="310896"/>
                  </a:lnTo>
                  <a:lnTo>
                    <a:pt x="100584" y="310896"/>
                  </a:lnTo>
                  <a:lnTo>
                    <a:pt x="89916" y="309372"/>
                  </a:lnTo>
                  <a:lnTo>
                    <a:pt x="92951" y="309372"/>
                  </a:lnTo>
                  <a:lnTo>
                    <a:pt x="87630" y="307848"/>
                  </a:lnTo>
                  <a:lnTo>
                    <a:pt x="82296" y="306324"/>
                  </a:lnTo>
                  <a:lnTo>
                    <a:pt x="83820" y="307848"/>
                  </a:lnTo>
                  <a:lnTo>
                    <a:pt x="76200" y="303276"/>
                  </a:lnTo>
                  <a:lnTo>
                    <a:pt x="77724" y="303276"/>
                  </a:lnTo>
                  <a:lnTo>
                    <a:pt x="72009" y="298704"/>
                  </a:lnTo>
                  <a:lnTo>
                    <a:pt x="70104" y="297180"/>
                  </a:lnTo>
                  <a:lnTo>
                    <a:pt x="65532" y="292608"/>
                  </a:lnTo>
                  <a:lnTo>
                    <a:pt x="64604" y="291084"/>
                  </a:lnTo>
                  <a:lnTo>
                    <a:pt x="60960" y="284988"/>
                  </a:lnTo>
                  <a:lnTo>
                    <a:pt x="62484" y="286512"/>
                  </a:lnTo>
                  <a:lnTo>
                    <a:pt x="62039" y="284988"/>
                  </a:lnTo>
                  <a:lnTo>
                    <a:pt x="60299" y="278892"/>
                  </a:lnTo>
                  <a:lnTo>
                    <a:pt x="59436" y="275844"/>
                  </a:lnTo>
                  <a:lnTo>
                    <a:pt x="59436" y="278892"/>
                  </a:lnTo>
                  <a:lnTo>
                    <a:pt x="58127" y="269748"/>
                  </a:lnTo>
                  <a:lnTo>
                    <a:pt x="57912" y="268224"/>
                  </a:lnTo>
                  <a:lnTo>
                    <a:pt x="57912" y="62496"/>
                  </a:lnTo>
                  <a:lnTo>
                    <a:pt x="59436" y="51816"/>
                  </a:lnTo>
                  <a:lnTo>
                    <a:pt x="59436" y="54864"/>
                  </a:lnTo>
                  <a:lnTo>
                    <a:pt x="60299" y="51816"/>
                  </a:lnTo>
                  <a:lnTo>
                    <a:pt x="61607" y="47244"/>
                  </a:lnTo>
                  <a:lnTo>
                    <a:pt x="62484" y="44196"/>
                  </a:lnTo>
                  <a:lnTo>
                    <a:pt x="64770" y="39624"/>
                  </a:lnTo>
                  <a:lnTo>
                    <a:pt x="65519" y="38112"/>
                  </a:lnTo>
                  <a:lnTo>
                    <a:pt x="70104" y="33528"/>
                  </a:lnTo>
                  <a:lnTo>
                    <a:pt x="71996" y="32016"/>
                  </a:lnTo>
                  <a:lnTo>
                    <a:pt x="77724" y="27444"/>
                  </a:lnTo>
                  <a:lnTo>
                    <a:pt x="76200" y="27444"/>
                  </a:lnTo>
                  <a:lnTo>
                    <a:pt x="83820" y="22860"/>
                  </a:lnTo>
                  <a:lnTo>
                    <a:pt x="82296" y="24396"/>
                  </a:lnTo>
                  <a:lnTo>
                    <a:pt x="87630" y="22860"/>
                  </a:lnTo>
                  <a:lnTo>
                    <a:pt x="92951" y="21336"/>
                  </a:lnTo>
                  <a:lnTo>
                    <a:pt x="89916" y="21336"/>
                  </a:lnTo>
                  <a:lnTo>
                    <a:pt x="100584" y="19812"/>
                  </a:lnTo>
                  <a:lnTo>
                    <a:pt x="4695444" y="19812"/>
                  </a:lnTo>
                  <a:lnTo>
                    <a:pt x="4706112" y="21336"/>
                  </a:lnTo>
                  <a:lnTo>
                    <a:pt x="4704588" y="21336"/>
                  </a:lnTo>
                  <a:lnTo>
                    <a:pt x="4713732" y="24396"/>
                  </a:lnTo>
                  <a:lnTo>
                    <a:pt x="4712208" y="22860"/>
                  </a:lnTo>
                  <a:lnTo>
                    <a:pt x="4721352" y="27444"/>
                  </a:lnTo>
                  <a:lnTo>
                    <a:pt x="4719828" y="27444"/>
                  </a:lnTo>
                  <a:lnTo>
                    <a:pt x="4726597" y="32854"/>
                  </a:lnTo>
                  <a:lnTo>
                    <a:pt x="4732020" y="39624"/>
                  </a:lnTo>
                  <a:lnTo>
                    <a:pt x="4730496" y="38100"/>
                  </a:lnTo>
                  <a:lnTo>
                    <a:pt x="4735068" y="47244"/>
                  </a:lnTo>
                  <a:lnTo>
                    <a:pt x="4735068" y="44196"/>
                  </a:lnTo>
                  <a:lnTo>
                    <a:pt x="4738116" y="54864"/>
                  </a:lnTo>
                  <a:lnTo>
                    <a:pt x="4738116" y="15748"/>
                  </a:lnTo>
                  <a:lnTo>
                    <a:pt x="4732020" y="10668"/>
                  </a:lnTo>
                  <a:lnTo>
                    <a:pt x="4721352" y="4572"/>
                  </a:lnTo>
                  <a:lnTo>
                    <a:pt x="4709160" y="1524"/>
                  </a:lnTo>
                  <a:lnTo>
                    <a:pt x="4696968" y="0"/>
                  </a:lnTo>
                  <a:lnTo>
                    <a:pt x="99060" y="0"/>
                  </a:lnTo>
                  <a:lnTo>
                    <a:pt x="56388" y="18288"/>
                  </a:lnTo>
                  <a:lnTo>
                    <a:pt x="38100" y="60960"/>
                  </a:lnTo>
                  <a:lnTo>
                    <a:pt x="38100" y="269748"/>
                  </a:lnTo>
                  <a:lnTo>
                    <a:pt x="56388" y="312420"/>
                  </a:lnTo>
                  <a:lnTo>
                    <a:pt x="99060" y="330708"/>
                  </a:lnTo>
                  <a:lnTo>
                    <a:pt x="4696968" y="330708"/>
                  </a:lnTo>
                  <a:lnTo>
                    <a:pt x="4741164" y="312420"/>
                  </a:lnTo>
                  <a:lnTo>
                    <a:pt x="4742434" y="310896"/>
                  </a:lnTo>
                  <a:lnTo>
                    <a:pt x="4744974" y="307848"/>
                  </a:lnTo>
                  <a:lnTo>
                    <a:pt x="4748784" y="303276"/>
                  </a:lnTo>
                  <a:lnTo>
                    <a:pt x="4751387" y="298704"/>
                  </a:lnTo>
                  <a:lnTo>
                    <a:pt x="4752264" y="297180"/>
                  </a:lnTo>
                  <a:lnTo>
                    <a:pt x="4754880" y="292608"/>
                  </a:lnTo>
                  <a:lnTo>
                    <a:pt x="4755312" y="291084"/>
                  </a:lnTo>
                  <a:lnTo>
                    <a:pt x="4756620" y="286512"/>
                  </a:lnTo>
                  <a:lnTo>
                    <a:pt x="4757928" y="281940"/>
                  </a:lnTo>
                  <a:lnTo>
                    <a:pt x="4758309" y="278892"/>
                  </a:lnTo>
                  <a:lnTo>
                    <a:pt x="4759452" y="269748"/>
                  </a:lnTo>
                  <a:lnTo>
                    <a:pt x="4759452" y="60960"/>
                  </a:lnTo>
                  <a:close/>
                </a:path>
              </a:pathLst>
            </a:custGeom>
            <a:solidFill>
              <a:srgbClr val="ED7C31"/>
            </a:solidFill>
          </p:spPr>
          <p:txBody>
            <a:bodyPr wrap="square" lIns="0" tIns="0" rIns="0" bIns="0" rtlCol="0"/>
            <a:lstStyle/>
            <a:p>
              <a:endParaRPr sz="1539"/>
            </a:p>
          </p:txBody>
        </p:sp>
      </p:grpSp>
      <p:sp>
        <p:nvSpPr>
          <p:cNvPr id="7" name="object 7"/>
          <p:cNvSpPr txBox="1"/>
          <p:nvPr/>
        </p:nvSpPr>
        <p:spPr>
          <a:xfrm>
            <a:off x="240654" y="1010835"/>
            <a:ext cx="3893802" cy="2159423"/>
          </a:xfrm>
          <a:prstGeom prst="rect">
            <a:avLst/>
          </a:prstGeom>
        </p:spPr>
        <p:txBody>
          <a:bodyPr vert="horz" wrap="square" lIns="0" tIns="13575" rIns="0" bIns="0" rtlCol="0">
            <a:spAutoFit/>
          </a:bodyPr>
          <a:lstStyle/>
          <a:p>
            <a:pPr marL="283983" algn="ctr">
              <a:spcBef>
                <a:spcPts val="107"/>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a:p>
            <a:pPr marL="10860">
              <a:spcBef>
                <a:spcPts val="1800"/>
              </a:spcBef>
            </a:pPr>
            <a:r>
              <a:rPr sz="1667" b="1" spc="-9" dirty="0">
                <a:solidFill>
                  <a:srgbClr val="0070BF"/>
                </a:solidFill>
                <a:latin typeface="ＭＳ Ｐゴシック"/>
                <a:cs typeface="ＭＳ Ｐゴシック"/>
              </a:rPr>
              <a:t>（１）</a:t>
            </a:r>
            <a:r>
              <a:rPr sz="1667" b="1" spc="-21" dirty="0">
                <a:solidFill>
                  <a:srgbClr val="0070BF"/>
                </a:solidFill>
                <a:latin typeface="ＭＳ Ｐゴシック"/>
                <a:cs typeface="ＭＳ Ｐゴシック"/>
              </a:rPr>
              <a:t>メンテナンスサイクルの確立</a:t>
            </a:r>
            <a:endParaRPr sz="1667">
              <a:latin typeface="ＭＳ Ｐゴシック"/>
              <a:cs typeface="ＭＳ Ｐゴシック"/>
            </a:endParaRPr>
          </a:p>
          <a:p>
            <a:pPr marL="105883">
              <a:spcBef>
                <a:spcPts val="2048"/>
              </a:spcBef>
            </a:pPr>
            <a:r>
              <a:rPr sz="1454" spc="-9" dirty="0">
                <a:latin typeface="HGSｺﾞｼｯｸM"/>
                <a:cs typeface="HGSｺﾞｼｯｸM"/>
              </a:rPr>
              <a:t>①予防保全</a:t>
            </a:r>
            <a:endParaRPr sz="1454">
              <a:latin typeface="HGSｺﾞｼｯｸM"/>
              <a:cs typeface="HGSｺﾞｼｯｸM"/>
            </a:endParaRPr>
          </a:p>
          <a:p>
            <a:pPr marL="269865" marR="4344" indent="-164526">
              <a:lnSpc>
                <a:spcPts val="1856"/>
              </a:lnSpc>
              <a:spcBef>
                <a:spcPts val="115"/>
              </a:spcBef>
            </a:pPr>
            <a:r>
              <a:rPr sz="1283" spc="-4" dirty="0">
                <a:latin typeface="HGSｺﾞｼｯｸM"/>
                <a:cs typeface="HGSｺﾞｼｯｸM"/>
              </a:rPr>
              <a:t>・予防保全型のメンテナンスサイクルの確立のために、早期に対策が必要な施設が多数存在</a:t>
            </a:r>
            <a:endParaRPr sz="1283">
              <a:latin typeface="HGSｺﾞｼｯｸM"/>
              <a:cs typeface="HGSｺﾞｼｯｸM"/>
            </a:endParaRPr>
          </a:p>
          <a:p>
            <a:pPr marL="269865" marR="4344" indent="-164526">
              <a:lnSpc>
                <a:spcPts val="1856"/>
              </a:lnSpc>
            </a:pPr>
            <a:r>
              <a:rPr sz="1283" spc="-4" dirty="0">
                <a:latin typeface="HGSｺﾞｼｯｸM"/>
                <a:cs typeface="HGSｺﾞｼｯｸM"/>
              </a:rPr>
              <a:t>・予防保全に取り組むために、維持管理・更新費用の把握とその精緻化が必要</a:t>
            </a:r>
            <a:endParaRPr sz="1283">
              <a:latin typeface="HGSｺﾞｼｯｸM"/>
              <a:cs typeface="HGSｺﾞｼｯｸM"/>
            </a:endParaRPr>
          </a:p>
        </p:txBody>
      </p:sp>
      <p:sp>
        <p:nvSpPr>
          <p:cNvPr id="8" name="object 8"/>
          <p:cNvSpPr/>
          <p:nvPr/>
        </p:nvSpPr>
        <p:spPr>
          <a:xfrm>
            <a:off x="4729251" y="979993"/>
            <a:ext cx="4136520" cy="284528"/>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sp>
        <p:nvSpPr>
          <p:cNvPr id="9" name="object 9"/>
          <p:cNvSpPr txBox="1"/>
          <p:nvPr/>
        </p:nvSpPr>
        <p:spPr>
          <a:xfrm>
            <a:off x="6052850" y="1005623"/>
            <a:ext cx="1493230" cy="237487"/>
          </a:xfrm>
          <a:prstGeom prst="rect">
            <a:avLst/>
          </a:prstGeom>
        </p:spPr>
        <p:txBody>
          <a:bodyPr vert="horz" wrap="square" lIns="0" tIns="13575" rIns="0" bIns="0" rtlCol="0">
            <a:spAutoFit/>
          </a:bodyPr>
          <a:lstStyle/>
          <a:p>
            <a:pPr marL="10860">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p:txBody>
      </p:sp>
      <p:grpSp>
        <p:nvGrpSpPr>
          <p:cNvPr id="10" name="object 10"/>
          <p:cNvGrpSpPr/>
          <p:nvPr/>
        </p:nvGrpSpPr>
        <p:grpSpPr>
          <a:xfrm>
            <a:off x="276275" y="4041169"/>
            <a:ext cx="4025749" cy="949152"/>
            <a:chOff x="323088" y="4497323"/>
            <a:chExt cx="4707890" cy="1109980"/>
          </a:xfrm>
        </p:grpSpPr>
        <p:pic>
          <p:nvPicPr>
            <p:cNvPr id="11" name="object 11"/>
            <p:cNvPicPr/>
            <p:nvPr/>
          </p:nvPicPr>
          <p:blipFill>
            <a:blip r:embed="rId3" cstate="print"/>
            <a:stretch>
              <a:fillRect/>
            </a:stretch>
          </p:blipFill>
          <p:spPr>
            <a:xfrm>
              <a:off x="327660" y="4500371"/>
              <a:ext cx="4700016" cy="1103376"/>
            </a:xfrm>
            <a:prstGeom prst="rect">
              <a:avLst/>
            </a:prstGeom>
          </p:spPr>
        </p:pic>
        <p:sp>
          <p:nvSpPr>
            <p:cNvPr id="12" name="object 12"/>
            <p:cNvSpPr/>
            <p:nvPr/>
          </p:nvSpPr>
          <p:spPr>
            <a:xfrm>
              <a:off x="323088" y="4497323"/>
              <a:ext cx="4707890" cy="1109980"/>
            </a:xfrm>
            <a:custGeom>
              <a:avLst/>
              <a:gdLst/>
              <a:ahLst/>
              <a:cxnLst/>
              <a:rect l="l" t="t" r="r" b="b"/>
              <a:pathLst>
                <a:path w="4707890" h="1109979">
                  <a:moveTo>
                    <a:pt x="4707636" y="0"/>
                  </a:moveTo>
                  <a:lnTo>
                    <a:pt x="0" y="0"/>
                  </a:lnTo>
                  <a:lnTo>
                    <a:pt x="0" y="1109472"/>
                  </a:lnTo>
                  <a:lnTo>
                    <a:pt x="4707636" y="1109472"/>
                  </a:lnTo>
                  <a:lnTo>
                    <a:pt x="4707636" y="1106424"/>
                  </a:lnTo>
                  <a:lnTo>
                    <a:pt x="7619" y="1106424"/>
                  </a:lnTo>
                  <a:lnTo>
                    <a:pt x="4571" y="1103376"/>
                  </a:lnTo>
                  <a:lnTo>
                    <a:pt x="7619" y="1103376"/>
                  </a:lnTo>
                  <a:lnTo>
                    <a:pt x="7619" y="7619"/>
                  </a:lnTo>
                  <a:lnTo>
                    <a:pt x="4571" y="7619"/>
                  </a:lnTo>
                  <a:lnTo>
                    <a:pt x="7619" y="3048"/>
                  </a:lnTo>
                  <a:lnTo>
                    <a:pt x="4707636" y="3048"/>
                  </a:lnTo>
                  <a:lnTo>
                    <a:pt x="4707636" y="0"/>
                  </a:lnTo>
                  <a:close/>
                </a:path>
                <a:path w="4707890" h="1109979">
                  <a:moveTo>
                    <a:pt x="7619" y="1103376"/>
                  </a:moveTo>
                  <a:lnTo>
                    <a:pt x="4571" y="1103376"/>
                  </a:lnTo>
                  <a:lnTo>
                    <a:pt x="7619" y="1106424"/>
                  </a:lnTo>
                  <a:lnTo>
                    <a:pt x="7619" y="1103376"/>
                  </a:lnTo>
                  <a:close/>
                </a:path>
                <a:path w="4707890" h="1109979">
                  <a:moveTo>
                    <a:pt x="4701540" y="1103376"/>
                  </a:moveTo>
                  <a:lnTo>
                    <a:pt x="7619" y="1103376"/>
                  </a:lnTo>
                  <a:lnTo>
                    <a:pt x="7619" y="1106424"/>
                  </a:lnTo>
                  <a:lnTo>
                    <a:pt x="4701540" y="1106424"/>
                  </a:lnTo>
                  <a:lnTo>
                    <a:pt x="4701540" y="1103376"/>
                  </a:lnTo>
                  <a:close/>
                </a:path>
                <a:path w="4707890" h="1109979">
                  <a:moveTo>
                    <a:pt x="4701540" y="3048"/>
                  </a:moveTo>
                  <a:lnTo>
                    <a:pt x="4701540" y="1106424"/>
                  </a:lnTo>
                  <a:lnTo>
                    <a:pt x="4704588" y="1103376"/>
                  </a:lnTo>
                  <a:lnTo>
                    <a:pt x="4707636" y="1103376"/>
                  </a:lnTo>
                  <a:lnTo>
                    <a:pt x="4707636" y="7619"/>
                  </a:lnTo>
                  <a:lnTo>
                    <a:pt x="4704588" y="7619"/>
                  </a:lnTo>
                  <a:lnTo>
                    <a:pt x="4701540" y="3048"/>
                  </a:lnTo>
                  <a:close/>
                </a:path>
                <a:path w="4707890" h="1109979">
                  <a:moveTo>
                    <a:pt x="4707636" y="1103376"/>
                  </a:moveTo>
                  <a:lnTo>
                    <a:pt x="4704588" y="1103376"/>
                  </a:lnTo>
                  <a:lnTo>
                    <a:pt x="4701540" y="1106424"/>
                  </a:lnTo>
                  <a:lnTo>
                    <a:pt x="4707636" y="1106424"/>
                  </a:lnTo>
                  <a:lnTo>
                    <a:pt x="4707636" y="1103376"/>
                  </a:lnTo>
                  <a:close/>
                </a:path>
                <a:path w="4707890" h="1109979">
                  <a:moveTo>
                    <a:pt x="7619" y="3048"/>
                  </a:moveTo>
                  <a:lnTo>
                    <a:pt x="4571" y="7619"/>
                  </a:lnTo>
                  <a:lnTo>
                    <a:pt x="7619" y="7619"/>
                  </a:lnTo>
                  <a:lnTo>
                    <a:pt x="7619" y="3048"/>
                  </a:lnTo>
                  <a:close/>
                </a:path>
                <a:path w="4707890" h="1109979">
                  <a:moveTo>
                    <a:pt x="4701540" y="3048"/>
                  </a:moveTo>
                  <a:lnTo>
                    <a:pt x="7619" y="3048"/>
                  </a:lnTo>
                  <a:lnTo>
                    <a:pt x="7619" y="7619"/>
                  </a:lnTo>
                  <a:lnTo>
                    <a:pt x="4701540" y="7619"/>
                  </a:lnTo>
                  <a:lnTo>
                    <a:pt x="4701540" y="3048"/>
                  </a:lnTo>
                  <a:close/>
                </a:path>
                <a:path w="4707890" h="1109979">
                  <a:moveTo>
                    <a:pt x="4707636" y="3048"/>
                  </a:moveTo>
                  <a:lnTo>
                    <a:pt x="4701540" y="3048"/>
                  </a:lnTo>
                  <a:lnTo>
                    <a:pt x="4704588" y="7619"/>
                  </a:lnTo>
                  <a:lnTo>
                    <a:pt x="4707636" y="7619"/>
                  </a:lnTo>
                  <a:lnTo>
                    <a:pt x="4707636" y="3048"/>
                  </a:lnTo>
                  <a:close/>
                </a:path>
              </a:pathLst>
            </a:custGeom>
            <a:solidFill>
              <a:srgbClr val="ED7C31"/>
            </a:solidFill>
          </p:spPr>
          <p:txBody>
            <a:bodyPr wrap="square" lIns="0" tIns="0" rIns="0" bIns="0" rtlCol="0"/>
            <a:lstStyle/>
            <a:p>
              <a:endParaRPr sz="1539"/>
            </a:p>
          </p:txBody>
        </p:sp>
      </p:grpSp>
      <p:sp>
        <p:nvSpPr>
          <p:cNvPr id="13" name="object 13"/>
          <p:cNvSpPr txBox="1"/>
          <p:nvPr/>
        </p:nvSpPr>
        <p:spPr>
          <a:xfrm>
            <a:off x="335787" y="4119746"/>
            <a:ext cx="3798778" cy="748337"/>
          </a:xfrm>
          <a:prstGeom prst="rect">
            <a:avLst/>
          </a:prstGeom>
        </p:spPr>
        <p:txBody>
          <a:bodyPr vert="horz" wrap="square" lIns="0" tIns="57014" rIns="0" bIns="0" rtlCol="0">
            <a:spAutoFit/>
          </a:bodyPr>
          <a:lstStyle/>
          <a:p>
            <a:pPr marL="10860">
              <a:spcBef>
                <a:spcPts val="449"/>
              </a:spcBef>
            </a:pPr>
            <a:r>
              <a:rPr sz="1454" spc="-9" dirty="0">
                <a:latin typeface="HGSｺﾞｼｯｸM"/>
                <a:cs typeface="HGSｺﾞｼｯｸM"/>
              </a:rPr>
              <a:t>②点検・診断</a:t>
            </a:r>
            <a:endParaRPr sz="1454">
              <a:latin typeface="HGSｺﾞｼｯｸM"/>
              <a:cs typeface="HGSｺﾞｼｯｸM"/>
            </a:endParaRPr>
          </a:p>
          <a:p>
            <a:pPr marL="174842" marR="4344" indent="-164526">
              <a:lnSpc>
                <a:spcPts val="1856"/>
              </a:lnSpc>
              <a:spcBef>
                <a:spcPts val="90"/>
              </a:spcBef>
            </a:pPr>
            <a:r>
              <a:rPr sz="1283" spc="-4" dirty="0">
                <a:latin typeface="HGSｺﾞｼｯｸM"/>
                <a:cs typeface="HGSｺﾞｼｯｸM"/>
              </a:rPr>
              <a:t>・今後計画通りに点検・診断を継続することが困難</a:t>
            </a:r>
            <a:r>
              <a:rPr sz="1283" dirty="0">
                <a:latin typeface="HGSｺﾞｼｯｸM"/>
                <a:cs typeface="HGSｺﾞｼｯｸM"/>
              </a:rPr>
              <a:t>である</a:t>
            </a:r>
            <a:r>
              <a:rPr sz="1283" spc="-145" dirty="0">
                <a:latin typeface="HGSｺﾞｼｯｸM"/>
                <a:cs typeface="HGSｺﾞｼｯｸM"/>
              </a:rPr>
              <a:t>（理由:予算の不足、頻度・内容面での負担等</a:t>
            </a:r>
            <a:r>
              <a:rPr sz="1283" spc="-43" dirty="0">
                <a:latin typeface="HGSｺﾞｼｯｸM"/>
                <a:cs typeface="HGSｺﾞｼｯｸM"/>
              </a:rPr>
              <a:t>）</a:t>
            </a:r>
            <a:endParaRPr sz="1283">
              <a:latin typeface="HGSｺﾞｼｯｸM"/>
              <a:cs typeface="HGSｺﾞｼｯｸM"/>
            </a:endParaRPr>
          </a:p>
        </p:txBody>
      </p:sp>
      <p:grpSp>
        <p:nvGrpSpPr>
          <p:cNvPr id="14" name="object 14"/>
          <p:cNvGrpSpPr/>
          <p:nvPr/>
        </p:nvGrpSpPr>
        <p:grpSpPr>
          <a:xfrm>
            <a:off x="4299201" y="3886091"/>
            <a:ext cx="4475347" cy="1273318"/>
            <a:chOff x="5027676" y="4315967"/>
            <a:chExt cx="5233670" cy="1489075"/>
          </a:xfrm>
        </p:grpSpPr>
        <p:pic>
          <p:nvPicPr>
            <p:cNvPr id="15" name="object 15"/>
            <p:cNvPicPr/>
            <p:nvPr/>
          </p:nvPicPr>
          <p:blipFill>
            <a:blip r:embed="rId4" cstate="print"/>
            <a:stretch>
              <a:fillRect/>
            </a:stretch>
          </p:blipFill>
          <p:spPr>
            <a:xfrm>
              <a:off x="5556504" y="4319015"/>
              <a:ext cx="4700015" cy="388619"/>
            </a:xfrm>
            <a:prstGeom prst="rect">
              <a:avLst/>
            </a:prstGeom>
          </p:spPr>
        </p:pic>
        <p:sp>
          <p:nvSpPr>
            <p:cNvPr id="16" name="object 16"/>
            <p:cNvSpPr/>
            <p:nvPr/>
          </p:nvSpPr>
          <p:spPr>
            <a:xfrm>
              <a:off x="5553456" y="4315967"/>
              <a:ext cx="4707890" cy="394970"/>
            </a:xfrm>
            <a:custGeom>
              <a:avLst/>
              <a:gdLst/>
              <a:ahLst/>
              <a:cxnLst/>
              <a:rect l="l" t="t" r="r" b="b"/>
              <a:pathLst>
                <a:path w="4707890" h="394970">
                  <a:moveTo>
                    <a:pt x="4707636" y="0"/>
                  </a:moveTo>
                  <a:lnTo>
                    <a:pt x="0" y="0"/>
                  </a:lnTo>
                  <a:lnTo>
                    <a:pt x="0" y="394716"/>
                  </a:lnTo>
                  <a:lnTo>
                    <a:pt x="4707636" y="394716"/>
                  </a:lnTo>
                  <a:lnTo>
                    <a:pt x="4707636" y="391668"/>
                  </a:lnTo>
                  <a:lnTo>
                    <a:pt x="6096" y="391668"/>
                  </a:lnTo>
                  <a:lnTo>
                    <a:pt x="3048" y="388620"/>
                  </a:lnTo>
                  <a:lnTo>
                    <a:pt x="6096" y="388620"/>
                  </a:lnTo>
                  <a:lnTo>
                    <a:pt x="6096" y="6096"/>
                  </a:lnTo>
                  <a:lnTo>
                    <a:pt x="3048" y="6096"/>
                  </a:lnTo>
                  <a:lnTo>
                    <a:pt x="6096" y="3048"/>
                  </a:lnTo>
                  <a:lnTo>
                    <a:pt x="4707636" y="3048"/>
                  </a:lnTo>
                  <a:lnTo>
                    <a:pt x="4707636" y="0"/>
                  </a:lnTo>
                  <a:close/>
                </a:path>
                <a:path w="4707890" h="394970">
                  <a:moveTo>
                    <a:pt x="6096" y="388620"/>
                  </a:moveTo>
                  <a:lnTo>
                    <a:pt x="3048" y="388620"/>
                  </a:lnTo>
                  <a:lnTo>
                    <a:pt x="6096" y="391668"/>
                  </a:lnTo>
                  <a:lnTo>
                    <a:pt x="6096" y="388620"/>
                  </a:lnTo>
                  <a:close/>
                </a:path>
                <a:path w="4707890" h="394970">
                  <a:moveTo>
                    <a:pt x="4700016" y="388620"/>
                  </a:moveTo>
                  <a:lnTo>
                    <a:pt x="6096" y="388620"/>
                  </a:lnTo>
                  <a:lnTo>
                    <a:pt x="6096" y="391668"/>
                  </a:lnTo>
                  <a:lnTo>
                    <a:pt x="4700016" y="391668"/>
                  </a:lnTo>
                  <a:lnTo>
                    <a:pt x="4700016" y="388620"/>
                  </a:lnTo>
                  <a:close/>
                </a:path>
                <a:path w="4707890" h="394970">
                  <a:moveTo>
                    <a:pt x="4700016" y="3048"/>
                  </a:moveTo>
                  <a:lnTo>
                    <a:pt x="4700016" y="391668"/>
                  </a:lnTo>
                  <a:lnTo>
                    <a:pt x="4703064" y="388620"/>
                  </a:lnTo>
                  <a:lnTo>
                    <a:pt x="4707636" y="388620"/>
                  </a:lnTo>
                  <a:lnTo>
                    <a:pt x="4707636" y="6096"/>
                  </a:lnTo>
                  <a:lnTo>
                    <a:pt x="4703064" y="6096"/>
                  </a:lnTo>
                  <a:lnTo>
                    <a:pt x="4700016" y="3048"/>
                  </a:lnTo>
                  <a:close/>
                </a:path>
                <a:path w="4707890" h="394970">
                  <a:moveTo>
                    <a:pt x="4707636" y="388620"/>
                  </a:moveTo>
                  <a:lnTo>
                    <a:pt x="4703064" y="388620"/>
                  </a:lnTo>
                  <a:lnTo>
                    <a:pt x="4700016" y="391668"/>
                  </a:lnTo>
                  <a:lnTo>
                    <a:pt x="4707636" y="391668"/>
                  </a:lnTo>
                  <a:lnTo>
                    <a:pt x="4707636" y="388620"/>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pic>
          <p:nvPicPr>
            <p:cNvPr id="17" name="object 17"/>
            <p:cNvPicPr/>
            <p:nvPr/>
          </p:nvPicPr>
          <p:blipFill>
            <a:blip r:embed="rId4" cstate="print"/>
            <a:stretch>
              <a:fillRect/>
            </a:stretch>
          </p:blipFill>
          <p:spPr>
            <a:xfrm>
              <a:off x="5556504" y="4860035"/>
              <a:ext cx="4700015" cy="388619"/>
            </a:xfrm>
            <a:prstGeom prst="rect">
              <a:avLst/>
            </a:prstGeom>
          </p:spPr>
        </p:pic>
        <p:sp>
          <p:nvSpPr>
            <p:cNvPr id="18" name="object 18"/>
            <p:cNvSpPr/>
            <p:nvPr/>
          </p:nvSpPr>
          <p:spPr>
            <a:xfrm>
              <a:off x="5553456" y="4856987"/>
              <a:ext cx="4707890" cy="394970"/>
            </a:xfrm>
            <a:custGeom>
              <a:avLst/>
              <a:gdLst/>
              <a:ahLst/>
              <a:cxnLst/>
              <a:rect l="l" t="t" r="r" b="b"/>
              <a:pathLst>
                <a:path w="4707890" h="394970">
                  <a:moveTo>
                    <a:pt x="4707636" y="0"/>
                  </a:moveTo>
                  <a:lnTo>
                    <a:pt x="0" y="0"/>
                  </a:lnTo>
                  <a:lnTo>
                    <a:pt x="0" y="394716"/>
                  </a:lnTo>
                  <a:lnTo>
                    <a:pt x="4707636" y="394716"/>
                  </a:lnTo>
                  <a:lnTo>
                    <a:pt x="4707636" y="391668"/>
                  </a:lnTo>
                  <a:lnTo>
                    <a:pt x="6096" y="391668"/>
                  </a:lnTo>
                  <a:lnTo>
                    <a:pt x="3048" y="388620"/>
                  </a:lnTo>
                  <a:lnTo>
                    <a:pt x="6096" y="388620"/>
                  </a:lnTo>
                  <a:lnTo>
                    <a:pt x="6096" y="6096"/>
                  </a:lnTo>
                  <a:lnTo>
                    <a:pt x="3048" y="6096"/>
                  </a:lnTo>
                  <a:lnTo>
                    <a:pt x="6096" y="3048"/>
                  </a:lnTo>
                  <a:lnTo>
                    <a:pt x="4707636" y="3048"/>
                  </a:lnTo>
                  <a:lnTo>
                    <a:pt x="4707636" y="0"/>
                  </a:lnTo>
                  <a:close/>
                </a:path>
                <a:path w="4707890" h="394970">
                  <a:moveTo>
                    <a:pt x="6096" y="388620"/>
                  </a:moveTo>
                  <a:lnTo>
                    <a:pt x="3048" y="388620"/>
                  </a:lnTo>
                  <a:lnTo>
                    <a:pt x="6096" y="391668"/>
                  </a:lnTo>
                  <a:lnTo>
                    <a:pt x="6096" y="388620"/>
                  </a:lnTo>
                  <a:close/>
                </a:path>
                <a:path w="4707890" h="394970">
                  <a:moveTo>
                    <a:pt x="4700016" y="388620"/>
                  </a:moveTo>
                  <a:lnTo>
                    <a:pt x="6096" y="388620"/>
                  </a:lnTo>
                  <a:lnTo>
                    <a:pt x="6096" y="391668"/>
                  </a:lnTo>
                  <a:lnTo>
                    <a:pt x="4700016" y="391668"/>
                  </a:lnTo>
                  <a:lnTo>
                    <a:pt x="4700016" y="388620"/>
                  </a:lnTo>
                  <a:close/>
                </a:path>
                <a:path w="4707890" h="394970">
                  <a:moveTo>
                    <a:pt x="4700016" y="3048"/>
                  </a:moveTo>
                  <a:lnTo>
                    <a:pt x="4700016" y="391668"/>
                  </a:lnTo>
                  <a:lnTo>
                    <a:pt x="4703064" y="388620"/>
                  </a:lnTo>
                  <a:lnTo>
                    <a:pt x="4707636" y="388620"/>
                  </a:lnTo>
                  <a:lnTo>
                    <a:pt x="4707636" y="6096"/>
                  </a:lnTo>
                  <a:lnTo>
                    <a:pt x="4703064" y="6096"/>
                  </a:lnTo>
                  <a:lnTo>
                    <a:pt x="4700016" y="3048"/>
                  </a:lnTo>
                  <a:close/>
                </a:path>
                <a:path w="4707890" h="394970">
                  <a:moveTo>
                    <a:pt x="4707636" y="388620"/>
                  </a:moveTo>
                  <a:lnTo>
                    <a:pt x="4703064" y="388620"/>
                  </a:lnTo>
                  <a:lnTo>
                    <a:pt x="4700016" y="391668"/>
                  </a:lnTo>
                  <a:lnTo>
                    <a:pt x="4707636" y="391668"/>
                  </a:lnTo>
                  <a:lnTo>
                    <a:pt x="4707636" y="388620"/>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sp>
          <p:nvSpPr>
            <p:cNvPr id="19" name="object 19"/>
            <p:cNvSpPr/>
            <p:nvPr/>
          </p:nvSpPr>
          <p:spPr>
            <a:xfrm>
              <a:off x="5027676" y="4509515"/>
              <a:ext cx="528955" cy="547370"/>
            </a:xfrm>
            <a:custGeom>
              <a:avLst/>
              <a:gdLst/>
              <a:ahLst/>
              <a:cxnLst/>
              <a:rect l="l" t="t" r="r" b="b"/>
              <a:pathLst>
                <a:path w="528954" h="547370">
                  <a:moveTo>
                    <a:pt x="260603" y="539496"/>
                  </a:moveTo>
                  <a:lnTo>
                    <a:pt x="0" y="539496"/>
                  </a:lnTo>
                  <a:lnTo>
                    <a:pt x="0" y="547116"/>
                  </a:lnTo>
                  <a:lnTo>
                    <a:pt x="268224" y="547116"/>
                  </a:lnTo>
                  <a:lnTo>
                    <a:pt x="268224" y="542544"/>
                  </a:lnTo>
                  <a:lnTo>
                    <a:pt x="260603" y="542544"/>
                  </a:lnTo>
                  <a:lnTo>
                    <a:pt x="260603" y="539496"/>
                  </a:lnTo>
                  <a:close/>
                </a:path>
                <a:path w="528954" h="547370">
                  <a:moveTo>
                    <a:pt x="528827" y="0"/>
                  </a:moveTo>
                  <a:lnTo>
                    <a:pt x="260603" y="0"/>
                  </a:lnTo>
                  <a:lnTo>
                    <a:pt x="260603" y="542544"/>
                  </a:lnTo>
                  <a:lnTo>
                    <a:pt x="265175" y="539496"/>
                  </a:lnTo>
                  <a:lnTo>
                    <a:pt x="268224" y="539496"/>
                  </a:lnTo>
                  <a:lnTo>
                    <a:pt x="268224" y="7620"/>
                  </a:lnTo>
                  <a:lnTo>
                    <a:pt x="265175" y="7620"/>
                  </a:lnTo>
                  <a:lnTo>
                    <a:pt x="268224" y="3048"/>
                  </a:lnTo>
                  <a:lnTo>
                    <a:pt x="528827" y="3048"/>
                  </a:lnTo>
                  <a:lnTo>
                    <a:pt x="528827" y="0"/>
                  </a:lnTo>
                  <a:close/>
                </a:path>
                <a:path w="528954" h="547370">
                  <a:moveTo>
                    <a:pt x="268224" y="539496"/>
                  </a:moveTo>
                  <a:lnTo>
                    <a:pt x="265175" y="539496"/>
                  </a:lnTo>
                  <a:lnTo>
                    <a:pt x="260603" y="542544"/>
                  </a:lnTo>
                  <a:lnTo>
                    <a:pt x="268224" y="542544"/>
                  </a:lnTo>
                  <a:lnTo>
                    <a:pt x="268224" y="539496"/>
                  </a:lnTo>
                  <a:close/>
                </a:path>
                <a:path w="528954" h="547370">
                  <a:moveTo>
                    <a:pt x="268224" y="3048"/>
                  </a:moveTo>
                  <a:lnTo>
                    <a:pt x="265175" y="7620"/>
                  </a:lnTo>
                  <a:lnTo>
                    <a:pt x="268224" y="7620"/>
                  </a:lnTo>
                  <a:lnTo>
                    <a:pt x="268224" y="3048"/>
                  </a:lnTo>
                  <a:close/>
                </a:path>
                <a:path w="528954" h="547370">
                  <a:moveTo>
                    <a:pt x="528827" y="3048"/>
                  </a:moveTo>
                  <a:lnTo>
                    <a:pt x="268224" y="3048"/>
                  </a:lnTo>
                  <a:lnTo>
                    <a:pt x="268224" y="7620"/>
                  </a:lnTo>
                  <a:lnTo>
                    <a:pt x="528827" y="7620"/>
                  </a:lnTo>
                  <a:lnTo>
                    <a:pt x="528827" y="3048"/>
                  </a:lnTo>
                  <a:close/>
                </a:path>
              </a:pathLst>
            </a:custGeom>
            <a:solidFill>
              <a:srgbClr val="000000"/>
            </a:solidFill>
          </p:spPr>
          <p:txBody>
            <a:bodyPr wrap="square" lIns="0" tIns="0" rIns="0" bIns="0" rtlCol="0"/>
            <a:lstStyle/>
            <a:p>
              <a:endParaRPr sz="1539"/>
            </a:p>
          </p:txBody>
        </p:sp>
        <p:pic>
          <p:nvPicPr>
            <p:cNvPr id="20" name="object 20"/>
            <p:cNvPicPr/>
            <p:nvPr/>
          </p:nvPicPr>
          <p:blipFill>
            <a:blip r:embed="rId4" cstate="print"/>
            <a:stretch>
              <a:fillRect/>
            </a:stretch>
          </p:blipFill>
          <p:spPr>
            <a:xfrm>
              <a:off x="5556504" y="5411723"/>
              <a:ext cx="4700015" cy="388619"/>
            </a:xfrm>
            <a:prstGeom prst="rect">
              <a:avLst/>
            </a:prstGeom>
          </p:spPr>
        </p:pic>
        <p:sp>
          <p:nvSpPr>
            <p:cNvPr id="21" name="object 21"/>
            <p:cNvSpPr/>
            <p:nvPr/>
          </p:nvSpPr>
          <p:spPr>
            <a:xfrm>
              <a:off x="5553456" y="5408675"/>
              <a:ext cx="4707890" cy="396240"/>
            </a:xfrm>
            <a:custGeom>
              <a:avLst/>
              <a:gdLst/>
              <a:ahLst/>
              <a:cxnLst/>
              <a:rect l="l" t="t" r="r" b="b"/>
              <a:pathLst>
                <a:path w="4707890" h="396239">
                  <a:moveTo>
                    <a:pt x="4707636" y="0"/>
                  </a:moveTo>
                  <a:lnTo>
                    <a:pt x="0" y="0"/>
                  </a:lnTo>
                  <a:lnTo>
                    <a:pt x="0" y="396239"/>
                  </a:lnTo>
                  <a:lnTo>
                    <a:pt x="4707636" y="396239"/>
                  </a:lnTo>
                  <a:lnTo>
                    <a:pt x="4707636" y="391667"/>
                  </a:lnTo>
                  <a:lnTo>
                    <a:pt x="6096" y="391667"/>
                  </a:lnTo>
                  <a:lnTo>
                    <a:pt x="3048" y="388619"/>
                  </a:lnTo>
                  <a:lnTo>
                    <a:pt x="6096" y="388619"/>
                  </a:lnTo>
                  <a:lnTo>
                    <a:pt x="6096" y="7619"/>
                  </a:lnTo>
                  <a:lnTo>
                    <a:pt x="3048" y="7619"/>
                  </a:lnTo>
                  <a:lnTo>
                    <a:pt x="6096" y="3047"/>
                  </a:lnTo>
                  <a:lnTo>
                    <a:pt x="4707636" y="3047"/>
                  </a:lnTo>
                  <a:lnTo>
                    <a:pt x="4707636" y="0"/>
                  </a:lnTo>
                  <a:close/>
                </a:path>
                <a:path w="4707890" h="396239">
                  <a:moveTo>
                    <a:pt x="6096" y="388619"/>
                  </a:moveTo>
                  <a:lnTo>
                    <a:pt x="3048" y="388619"/>
                  </a:lnTo>
                  <a:lnTo>
                    <a:pt x="6096" y="391667"/>
                  </a:lnTo>
                  <a:lnTo>
                    <a:pt x="6096" y="388619"/>
                  </a:lnTo>
                  <a:close/>
                </a:path>
                <a:path w="4707890" h="396239">
                  <a:moveTo>
                    <a:pt x="4700016" y="388619"/>
                  </a:moveTo>
                  <a:lnTo>
                    <a:pt x="6096" y="388619"/>
                  </a:lnTo>
                  <a:lnTo>
                    <a:pt x="6096" y="391667"/>
                  </a:lnTo>
                  <a:lnTo>
                    <a:pt x="4700016" y="391667"/>
                  </a:lnTo>
                  <a:lnTo>
                    <a:pt x="4700016" y="388619"/>
                  </a:lnTo>
                  <a:close/>
                </a:path>
                <a:path w="4707890" h="396239">
                  <a:moveTo>
                    <a:pt x="4700016" y="3047"/>
                  </a:moveTo>
                  <a:lnTo>
                    <a:pt x="4700016" y="391667"/>
                  </a:lnTo>
                  <a:lnTo>
                    <a:pt x="4703064" y="388619"/>
                  </a:lnTo>
                  <a:lnTo>
                    <a:pt x="4707636" y="388619"/>
                  </a:lnTo>
                  <a:lnTo>
                    <a:pt x="4707636" y="7619"/>
                  </a:lnTo>
                  <a:lnTo>
                    <a:pt x="4703064" y="7619"/>
                  </a:lnTo>
                  <a:lnTo>
                    <a:pt x="4700016" y="3047"/>
                  </a:lnTo>
                  <a:close/>
                </a:path>
                <a:path w="4707890" h="396239">
                  <a:moveTo>
                    <a:pt x="4707636" y="388619"/>
                  </a:moveTo>
                  <a:lnTo>
                    <a:pt x="4703064" y="388619"/>
                  </a:lnTo>
                  <a:lnTo>
                    <a:pt x="4700016" y="391667"/>
                  </a:lnTo>
                  <a:lnTo>
                    <a:pt x="4707636" y="391667"/>
                  </a:lnTo>
                  <a:lnTo>
                    <a:pt x="4707636" y="388619"/>
                  </a:lnTo>
                  <a:close/>
                </a:path>
                <a:path w="4707890" h="396239">
                  <a:moveTo>
                    <a:pt x="6096" y="3047"/>
                  </a:moveTo>
                  <a:lnTo>
                    <a:pt x="3048" y="7619"/>
                  </a:lnTo>
                  <a:lnTo>
                    <a:pt x="6096" y="7619"/>
                  </a:lnTo>
                  <a:lnTo>
                    <a:pt x="6096" y="3047"/>
                  </a:lnTo>
                  <a:close/>
                </a:path>
                <a:path w="4707890" h="396239">
                  <a:moveTo>
                    <a:pt x="4700016" y="3047"/>
                  </a:moveTo>
                  <a:lnTo>
                    <a:pt x="6096" y="3047"/>
                  </a:lnTo>
                  <a:lnTo>
                    <a:pt x="6096" y="7619"/>
                  </a:lnTo>
                  <a:lnTo>
                    <a:pt x="4700016" y="7619"/>
                  </a:lnTo>
                  <a:lnTo>
                    <a:pt x="4700016" y="3047"/>
                  </a:lnTo>
                  <a:close/>
                </a:path>
                <a:path w="4707890" h="396239">
                  <a:moveTo>
                    <a:pt x="4707636" y="3047"/>
                  </a:moveTo>
                  <a:lnTo>
                    <a:pt x="4700016" y="3047"/>
                  </a:lnTo>
                  <a:lnTo>
                    <a:pt x="4703064" y="7619"/>
                  </a:lnTo>
                  <a:lnTo>
                    <a:pt x="4707636" y="7619"/>
                  </a:lnTo>
                  <a:lnTo>
                    <a:pt x="4707636" y="3047"/>
                  </a:lnTo>
                  <a:close/>
                </a:path>
              </a:pathLst>
            </a:custGeom>
            <a:solidFill>
              <a:srgbClr val="70AC46"/>
            </a:solidFill>
          </p:spPr>
          <p:txBody>
            <a:bodyPr wrap="square" lIns="0" tIns="0" rIns="0" bIns="0" rtlCol="0"/>
            <a:lstStyle/>
            <a:p>
              <a:endParaRPr sz="1539"/>
            </a:p>
          </p:txBody>
        </p:sp>
      </p:grpSp>
      <p:sp>
        <p:nvSpPr>
          <p:cNvPr id="22" name="object 22"/>
          <p:cNvSpPr txBox="1"/>
          <p:nvPr/>
        </p:nvSpPr>
        <p:spPr>
          <a:xfrm>
            <a:off x="4807008" y="3950815"/>
            <a:ext cx="3458322" cy="1114609"/>
          </a:xfrm>
          <a:prstGeom prst="rect">
            <a:avLst/>
          </a:prstGeom>
        </p:spPr>
        <p:txBody>
          <a:bodyPr vert="horz" wrap="square" lIns="0" tIns="11946" rIns="0" bIns="0" rtlCol="0">
            <a:spAutoFit/>
          </a:bodyPr>
          <a:lstStyle/>
          <a:p>
            <a:pPr marL="162897" indent="-152037">
              <a:spcBef>
                <a:spcPts val="94"/>
              </a:spcBef>
              <a:buSzPct val="93333"/>
              <a:buAutoNum type="arabicParenR"/>
              <a:tabLst>
                <a:tab pos="162897" algn="l"/>
              </a:tabLst>
            </a:pPr>
            <a:r>
              <a:rPr sz="1283" dirty="0">
                <a:latin typeface="HGSｺﾞｼｯｸM"/>
                <a:cs typeface="HGSｺﾞｼｯｸM"/>
              </a:rPr>
              <a:t>点検・診断の効率化（新技術活用の促進等</a:t>
            </a:r>
            <a:r>
              <a:rPr sz="1283" spc="-43" dirty="0">
                <a:latin typeface="HGSｺﾞｼｯｸM"/>
                <a:cs typeface="HGSｺﾞｼｯｸM"/>
              </a:rPr>
              <a:t>）</a:t>
            </a:r>
            <a:endParaRPr sz="1283">
              <a:latin typeface="HGSｺﾞｼｯｸM"/>
              <a:cs typeface="HGSｺﾞｼｯｸM"/>
            </a:endParaRPr>
          </a:p>
          <a:p>
            <a:pPr>
              <a:spcBef>
                <a:spcPts val="445"/>
              </a:spcBef>
              <a:buFont typeface="HGS"/>
              <a:buAutoNum type="arabicParenR"/>
            </a:pPr>
            <a:endParaRPr sz="1283">
              <a:latin typeface="HGSｺﾞｼｯｸM"/>
              <a:cs typeface="HGSｺﾞｼｯｸM"/>
            </a:endParaRPr>
          </a:p>
          <a:p>
            <a:pPr marL="162897" indent="-152037">
              <a:spcBef>
                <a:spcPts val="4"/>
              </a:spcBef>
              <a:buSzPct val="93333"/>
              <a:buAutoNum type="arabicParenR"/>
              <a:tabLst>
                <a:tab pos="162897" algn="l"/>
              </a:tabLst>
            </a:pPr>
            <a:r>
              <a:rPr sz="1283" spc="-9" dirty="0">
                <a:latin typeface="HGSｺﾞｼｯｸM"/>
                <a:cs typeface="HGSｺﾞｼｯｸM"/>
              </a:rPr>
              <a:t>人材や体制面の充実</a:t>
            </a:r>
            <a:endParaRPr sz="1283">
              <a:latin typeface="HGSｺﾞｼｯｸM"/>
              <a:cs typeface="HGSｺﾞｼｯｸM"/>
            </a:endParaRPr>
          </a:p>
          <a:p>
            <a:pPr>
              <a:spcBef>
                <a:spcPts val="505"/>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9" dirty="0">
                <a:latin typeface="HGSｺﾞｼｯｸM"/>
                <a:cs typeface="HGSｺﾞｼｯｸM"/>
              </a:rPr>
              <a:t>財政面の支援の充実</a:t>
            </a:r>
            <a:endParaRPr sz="1283">
              <a:latin typeface="HGSｺﾞｼｯｸM"/>
              <a:cs typeface="HGSｺﾞｼｯｸM"/>
            </a:endParaRPr>
          </a:p>
        </p:txBody>
      </p:sp>
      <p:grpSp>
        <p:nvGrpSpPr>
          <p:cNvPr id="23" name="object 23"/>
          <p:cNvGrpSpPr/>
          <p:nvPr/>
        </p:nvGrpSpPr>
        <p:grpSpPr>
          <a:xfrm>
            <a:off x="4299201" y="2035572"/>
            <a:ext cx="4475347" cy="2956596"/>
            <a:chOff x="5027676" y="2151888"/>
            <a:chExt cx="5233670" cy="3457575"/>
          </a:xfrm>
        </p:grpSpPr>
        <p:pic>
          <p:nvPicPr>
            <p:cNvPr id="24" name="object 24"/>
            <p:cNvPicPr/>
            <p:nvPr/>
          </p:nvPicPr>
          <p:blipFill>
            <a:blip r:embed="rId5" cstate="print"/>
            <a:stretch>
              <a:fillRect/>
            </a:stretch>
          </p:blipFill>
          <p:spPr>
            <a:xfrm>
              <a:off x="5556504" y="2154936"/>
              <a:ext cx="4700015" cy="568451"/>
            </a:xfrm>
            <a:prstGeom prst="rect">
              <a:avLst/>
            </a:prstGeom>
          </p:spPr>
        </p:pic>
        <p:sp>
          <p:nvSpPr>
            <p:cNvPr id="25" name="object 25"/>
            <p:cNvSpPr/>
            <p:nvPr/>
          </p:nvSpPr>
          <p:spPr>
            <a:xfrm>
              <a:off x="5553456" y="2151888"/>
              <a:ext cx="4707890" cy="574675"/>
            </a:xfrm>
            <a:custGeom>
              <a:avLst/>
              <a:gdLst/>
              <a:ahLst/>
              <a:cxnLst/>
              <a:rect l="l" t="t" r="r" b="b"/>
              <a:pathLst>
                <a:path w="4707890" h="574675">
                  <a:moveTo>
                    <a:pt x="4707636" y="0"/>
                  </a:moveTo>
                  <a:lnTo>
                    <a:pt x="0" y="0"/>
                  </a:lnTo>
                  <a:lnTo>
                    <a:pt x="0" y="574548"/>
                  </a:lnTo>
                  <a:lnTo>
                    <a:pt x="4707636" y="574548"/>
                  </a:lnTo>
                  <a:lnTo>
                    <a:pt x="4707636" y="571500"/>
                  </a:lnTo>
                  <a:lnTo>
                    <a:pt x="6096" y="571500"/>
                  </a:lnTo>
                  <a:lnTo>
                    <a:pt x="3048" y="568451"/>
                  </a:lnTo>
                  <a:lnTo>
                    <a:pt x="6096" y="568451"/>
                  </a:lnTo>
                  <a:lnTo>
                    <a:pt x="6096" y="7620"/>
                  </a:lnTo>
                  <a:lnTo>
                    <a:pt x="3048" y="7620"/>
                  </a:lnTo>
                  <a:lnTo>
                    <a:pt x="6096" y="3048"/>
                  </a:lnTo>
                  <a:lnTo>
                    <a:pt x="4707636" y="3048"/>
                  </a:lnTo>
                  <a:lnTo>
                    <a:pt x="4707636" y="0"/>
                  </a:lnTo>
                  <a:close/>
                </a:path>
                <a:path w="4707890" h="574675">
                  <a:moveTo>
                    <a:pt x="6096" y="568451"/>
                  </a:moveTo>
                  <a:lnTo>
                    <a:pt x="3048" y="568451"/>
                  </a:lnTo>
                  <a:lnTo>
                    <a:pt x="6096" y="571500"/>
                  </a:lnTo>
                  <a:lnTo>
                    <a:pt x="6096" y="568451"/>
                  </a:lnTo>
                  <a:close/>
                </a:path>
                <a:path w="4707890" h="574675">
                  <a:moveTo>
                    <a:pt x="4700016" y="568451"/>
                  </a:moveTo>
                  <a:lnTo>
                    <a:pt x="6096" y="568451"/>
                  </a:lnTo>
                  <a:lnTo>
                    <a:pt x="6096" y="571500"/>
                  </a:lnTo>
                  <a:lnTo>
                    <a:pt x="4700016" y="571500"/>
                  </a:lnTo>
                  <a:lnTo>
                    <a:pt x="4700016" y="568451"/>
                  </a:lnTo>
                  <a:close/>
                </a:path>
                <a:path w="4707890" h="574675">
                  <a:moveTo>
                    <a:pt x="4700016" y="3048"/>
                  </a:moveTo>
                  <a:lnTo>
                    <a:pt x="4700016" y="571500"/>
                  </a:lnTo>
                  <a:lnTo>
                    <a:pt x="4703064" y="568451"/>
                  </a:lnTo>
                  <a:lnTo>
                    <a:pt x="4707636" y="568451"/>
                  </a:lnTo>
                  <a:lnTo>
                    <a:pt x="4707636" y="7620"/>
                  </a:lnTo>
                  <a:lnTo>
                    <a:pt x="4703064" y="7620"/>
                  </a:lnTo>
                  <a:lnTo>
                    <a:pt x="4700016" y="3048"/>
                  </a:lnTo>
                  <a:close/>
                </a:path>
                <a:path w="4707890" h="574675">
                  <a:moveTo>
                    <a:pt x="4707636" y="568451"/>
                  </a:moveTo>
                  <a:lnTo>
                    <a:pt x="4703064" y="568451"/>
                  </a:lnTo>
                  <a:lnTo>
                    <a:pt x="4700016" y="571500"/>
                  </a:lnTo>
                  <a:lnTo>
                    <a:pt x="4707636" y="571500"/>
                  </a:lnTo>
                  <a:lnTo>
                    <a:pt x="4707636" y="568451"/>
                  </a:lnTo>
                  <a:close/>
                </a:path>
                <a:path w="4707890" h="574675">
                  <a:moveTo>
                    <a:pt x="6096" y="3048"/>
                  </a:moveTo>
                  <a:lnTo>
                    <a:pt x="3048" y="7620"/>
                  </a:lnTo>
                  <a:lnTo>
                    <a:pt x="6096" y="7620"/>
                  </a:lnTo>
                  <a:lnTo>
                    <a:pt x="6096" y="3048"/>
                  </a:lnTo>
                  <a:close/>
                </a:path>
                <a:path w="4707890" h="574675">
                  <a:moveTo>
                    <a:pt x="4700016" y="3048"/>
                  </a:moveTo>
                  <a:lnTo>
                    <a:pt x="6096" y="3048"/>
                  </a:lnTo>
                  <a:lnTo>
                    <a:pt x="6096" y="7620"/>
                  </a:lnTo>
                  <a:lnTo>
                    <a:pt x="4700016" y="7620"/>
                  </a:lnTo>
                  <a:lnTo>
                    <a:pt x="4700016" y="3048"/>
                  </a:lnTo>
                  <a:close/>
                </a:path>
                <a:path w="4707890" h="574675">
                  <a:moveTo>
                    <a:pt x="4707636" y="3048"/>
                  </a:moveTo>
                  <a:lnTo>
                    <a:pt x="4700016" y="3048"/>
                  </a:lnTo>
                  <a:lnTo>
                    <a:pt x="4703064" y="7620"/>
                  </a:lnTo>
                  <a:lnTo>
                    <a:pt x="4707636" y="7620"/>
                  </a:lnTo>
                  <a:lnTo>
                    <a:pt x="4707636" y="3048"/>
                  </a:lnTo>
                  <a:close/>
                </a:path>
              </a:pathLst>
            </a:custGeom>
            <a:solidFill>
              <a:srgbClr val="70AC46"/>
            </a:solidFill>
          </p:spPr>
          <p:txBody>
            <a:bodyPr wrap="square" lIns="0" tIns="0" rIns="0" bIns="0" rtlCol="0"/>
            <a:lstStyle/>
            <a:p>
              <a:endParaRPr sz="1539"/>
            </a:p>
          </p:txBody>
        </p:sp>
        <p:sp>
          <p:nvSpPr>
            <p:cNvPr id="26" name="object 26"/>
            <p:cNvSpPr/>
            <p:nvPr/>
          </p:nvSpPr>
          <p:spPr>
            <a:xfrm>
              <a:off x="5027676" y="5049215"/>
              <a:ext cx="528955" cy="560070"/>
            </a:xfrm>
            <a:custGeom>
              <a:avLst/>
              <a:gdLst/>
              <a:ahLst/>
              <a:cxnLst/>
              <a:rect l="l" t="t" r="r" b="b"/>
              <a:pathLst>
                <a:path w="528954" h="560070">
                  <a:moveTo>
                    <a:pt x="528828" y="554532"/>
                  </a:moveTo>
                  <a:lnTo>
                    <a:pt x="268224" y="554532"/>
                  </a:lnTo>
                  <a:lnTo>
                    <a:pt x="268224" y="7620"/>
                  </a:lnTo>
                  <a:lnTo>
                    <a:pt x="268173" y="557530"/>
                  </a:lnTo>
                  <a:lnTo>
                    <a:pt x="266890" y="557530"/>
                  </a:lnTo>
                  <a:lnTo>
                    <a:pt x="266890" y="556247"/>
                  </a:lnTo>
                  <a:lnTo>
                    <a:pt x="268173" y="557530"/>
                  </a:lnTo>
                  <a:lnTo>
                    <a:pt x="268173" y="7620"/>
                  </a:lnTo>
                  <a:lnTo>
                    <a:pt x="262826" y="7620"/>
                  </a:lnTo>
                  <a:lnTo>
                    <a:pt x="262826" y="5067"/>
                  </a:lnTo>
                  <a:lnTo>
                    <a:pt x="265176" y="7416"/>
                  </a:lnTo>
                  <a:lnTo>
                    <a:pt x="268224" y="7416"/>
                  </a:lnTo>
                  <a:lnTo>
                    <a:pt x="268224" y="2844"/>
                  </a:lnTo>
                  <a:lnTo>
                    <a:pt x="262826" y="2844"/>
                  </a:lnTo>
                  <a:lnTo>
                    <a:pt x="262826" y="2540"/>
                  </a:lnTo>
                  <a:lnTo>
                    <a:pt x="268224" y="2540"/>
                  </a:lnTo>
                  <a:lnTo>
                    <a:pt x="268224" y="0"/>
                  </a:lnTo>
                  <a:lnTo>
                    <a:pt x="0" y="0"/>
                  </a:lnTo>
                  <a:lnTo>
                    <a:pt x="0" y="2540"/>
                  </a:lnTo>
                  <a:lnTo>
                    <a:pt x="0" y="7620"/>
                  </a:lnTo>
                  <a:lnTo>
                    <a:pt x="260604" y="7620"/>
                  </a:lnTo>
                  <a:lnTo>
                    <a:pt x="260604" y="554990"/>
                  </a:lnTo>
                  <a:lnTo>
                    <a:pt x="260604" y="557530"/>
                  </a:lnTo>
                  <a:lnTo>
                    <a:pt x="260604" y="560070"/>
                  </a:lnTo>
                  <a:lnTo>
                    <a:pt x="528828" y="560070"/>
                  </a:lnTo>
                  <a:lnTo>
                    <a:pt x="528828" y="557580"/>
                  </a:lnTo>
                  <a:lnTo>
                    <a:pt x="528828" y="554532"/>
                  </a:lnTo>
                  <a:close/>
                </a:path>
              </a:pathLst>
            </a:custGeom>
            <a:solidFill>
              <a:srgbClr val="000000"/>
            </a:solidFill>
          </p:spPr>
          <p:txBody>
            <a:bodyPr wrap="square" lIns="0" tIns="0" rIns="0" bIns="0" rtlCol="0"/>
            <a:lstStyle/>
            <a:p>
              <a:endParaRPr sz="1539"/>
            </a:p>
          </p:txBody>
        </p:sp>
        <p:pic>
          <p:nvPicPr>
            <p:cNvPr id="27" name="object 27"/>
            <p:cNvPicPr/>
            <p:nvPr/>
          </p:nvPicPr>
          <p:blipFill>
            <a:blip r:embed="rId4" cstate="print"/>
            <a:stretch>
              <a:fillRect/>
            </a:stretch>
          </p:blipFill>
          <p:spPr>
            <a:xfrm>
              <a:off x="5556504" y="2886456"/>
              <a:ext cx="4700015" cy="388620"/>
            </a:xfrm>
            <a:prstGeom prst="rect">
              <a:avLst/>
            </a:prstGeom>
          </p:spPr>
        </p:pic>
        <p:sp>
          <p:nvSpPr>
            <p:cNvPr id="28" name="object 28"/>
            <p:cNvSpPr/>
            <p:nvPr/>
          </p:nvSpPr>
          <p:spPr>
            <a:xfrm>
              <a:off x="5553456" y="2883408"/>
              <a:ext cx="4707890" cy="394970"/>
            </a:xfrm>
            <a:custGeom>
              <a:avLst/>
              <a:gdLst/>
              <a:ahLst/>
              <a:cxnLst/>
              <a:rect l="l" t="t" r="r" b="b"/>
              <a:pathLst>
                <a:path w="4707890" h="394970">
                  <a:moveTo>
                    <a:pt x="4707636" y="0"/>
                  </a:moveTo>
                  <a:lnTo>
                    <a:pt x="0" y="0"/>
                  </a:lnTo>
                  <a:lnTo>
                    <a:pt x="0" y="394715"/>
                  </a:lnTo>
                  <a:lnTo>
                    <a:pt x="4707636" y="394715"/>
                  </a:lnTo>
                  <a:lnTo>
                    <a:pt x="4707636" y="391667"/>
                  </a:lnTo>
                  <a:lnTo>
                    <a:pt x="6096" y="391667"/>
                  </a:lnTo>
                  <a:lnTo>
                    <a:pt x="3048" y="388619"/>
                  </a:lnTo>
                  <a:lnTo>
                    <a:pt x="6096" y="388619"/>
                  </a:lnTo>
                  <a:lnTo>
                    <a:pt x="6096" y="7619"/>
                  </a:lnTo>
                  <a:lnTo>
                    <a:pt x="3048" y="7619"/>
                  </a:lnTo>
                  <a:lnTo>
                    <a:pt x="6096" y="3048"/>
                  </a:lnTo>
                  <a:lnTo>
                    <a:pt x="4707636" y="3048"/>
                  </a:lnTo>
                  <a:lnTo>
                    <a:pt x="4707636" y="0"/>
                  </a:lnTo>
                  <a:close/>
                </a:path>
                <a:path w="4707890" h="394970">
                  <a:moveTo>
                    <a:pt x="6096" y="388619"/>
                  </a:moveTo>
                  <a:lnTo>
                    <a:pt x="3048" y="388619"/>
                  </a:lnTo>
                  <a:lnTo>
                    <a:pt x="6096" y="391667"/>
                  </a:lnTo>
                  <a:lnTo>
                    <a:pt x="6096" y="388619"/>
                  </a:lnTo>
                  <a:close/>
                </a:path>
                <a:path w="4707890" h="394970">
                  <a:moveTo>
                    <a:pt x="4700016" y="388619"/>
                  </a:moveTo>
                  <a:lnTo>
                    <a:pt x="6096" y="388619"/>
                  </a:lnTo>
                  <a:lnTo>
                    <a:pt x="6096" y="391667"/>
                  </a:lnTo>
                  <a:lnTo>
                    <a:pt x="4700016" y="391667"/>
                  </a:lnTo>
                  <a:lnTo>
                    <a:pt x="4700016" y="388619"/>
                  </a:lnTo>
                  <a:close/>
                </a:path>
                <a:path w="4707890" h="394970">
                  <a:moveTo>
                    <a:pt x="4700016" y="3048"/>
                  </a:moveTo>
                  <a:lnTo>
                    <a:pt x="4700016" y="391667"/>
                  </a:lnTo>
                  <a:lnTo>
                    <a:pt x="4703064" y="388619"/>
                  </a:lnTo>
                  <a:lnTo>
                    <a:pt x="4707636" y="388619"/>
                  </a:lnTo>
                  <a:lnTo>
                    <a:pt x="4707636" y="7619"/>
                  </a:lnTo>
                  <a:lnTo>
                    <a:pt x="4703064" y="7619"/>
                  </a:lnTo>
                  <a:lnTo>
                    <a:pt x="4700016" y="3048"/>
                  </a:lnTo>
                  <a:close/>
                </a:path>
                <a:path w="4707890" h="394970">
                  <a:moveTo>
                    <a:pt x="4707636" y="388619"/>
                  </a:moveTo>
                  <a:lnTo>
                    <a:pt x="4703064" y="388619"/>
                  </a:lnTo>
                  <a:lnTo>
                    <a:pt x="4700016" y="391667"/>
                  </a:lnTo>
                  <a:lnTo>
                    <a:pt x="4707636" y="391667"/>
                  </a:lnTo>
                  <a:lnTo>
                    <a:pt x="4707636" y="388619"/>
                  </a:lnTo>
                  <a:close/>
                </a:path>
                <a:path w="4707890" h="394970">
                  <a:moveTo>
                    <a:pt x="6096" y="3048"/>
                  </a:moveTo>
                  <a:lnTo>
                    <a:pt x="3048" y="7619"/>
                  </a:lnTo>
                  <a:lnTo>
                    <a:pt x="6096" y="7619"/>
                  </a:lnTo>
                  <a:lnTo>
                    <a:pt x="6096" y="3048"/>
                  </a:lnTo>
                  <a:close/>
                </a:path>
                <a:path w="4707890" h="394970">
                  <a:moveTo>
                    <a:pt x="4700016" y="3048"/>
                  </a:moveTo>
                  <a:lnTo>
                    <a:pt x="6096" y="3048"/>
                  </a:lnTo>
                  <a:lnTo>
                    <a:pt x="6096" y="7619"/>
                  </a:lnTo>
                  <a:lnTo>
                    <a:pt x="4700016" y="7619"/>
                  </a:lnTo>
                  <a:lnTo>
                    <a:pt x="4700016" y="3048"/>
                  </a:lnTo>
                  <a:close/>
                </a:path>
                <a:path w="4707890" h="394970">
                  <a:moveTo>
                    <a:pt x="4707636" y="3048"/>
                  </a:moveTo>
                  <a:lnTo>
                    <a:pt x="4700016" y="3048"/>
                  </a:lnTo>
                  <a:lnTo>
                    <a:pt x="4703064" y="7619"/>
                  </a:lnTo>
                  <a:lnTo>
                    <a:pt x="4707636" y="7619"/>
                  </a:lnTo>
                  <a:lnTo>
                    <a:pt x="4707636" y="3048"/>
                  </a:lnTo>
                  <a:close/>
                </a:path>
              </a:pathLst>
            </a:custGeom>
            <a:solidFill>
              <a:srgbClr val="70AC46"/>
            </a:solidFill>
          </p:spPr>
          <p:txBody>
            <a:bodyPr wrap="square" lIns="0" tIns="0" rIns="0" bIns="0" rtlCol="0"/>
            <a:lstStyle/>
            <a:p>
              <a:endParaRPr sz="1539"/>
            </a:p>
          </p:txBody>
        </p:sp>
      </p:grpSp>
      <p:sp>
        <p:nvSpPr>
          <p:cNvPr id="29" name="object 29"/>
          <p:cNvSpPr txBox="1"/>
          <p:nvPr/>
        </p:nvSpPr>
        <p:spPr>
          <a:xfrm>
            <a:off x="4807007" y="2021062"/>
            <a:ext cx="3786832" cy="908741"/>
          </a:xfrm>
          <a:prstGeom prst="rect">
            <a:avLst/>
          </a:prstGeom>
        </p:spPr>
        <p:txBody>
          <a:bodyPr vert="horz" wrap="square" lIns="0" tIns="10317" rIns="0" bIns="0" rtlCol="0">
            <a:spAutoFit/>
          </a:bodyPr>
          <a:lstStyle/>
          <a:p>
            <a:pPr marL="162354" marR="4344" indent="-152037">
              <a:lnSpc>
                <a:spcPct val="120700"/>
              </a:lnSpc>
              <a:spcBef>
                <a:spcPts val="81"/>
              </a:spcBef>
              <a:buSzPct val="93333"/>
              <a:buAutoNum type="arabicParenR"/>
              <a:tabLst>
                <a:tab pos="174842" algn="l"/>
              </a:tabLst>
            </a:pPr>
            <a:r>
              <a:rPr sz="1283" spc="-4" dirty="0">
                <a:latin typeface="HGSｺﾞｼｯｸM"/>
                <a:cs typeface="HGSｺﾞｼｯｸM"/>
              </a:rPr>
              <a:t>早期に対策が必要な施設に対する対策の速やかな	</a:t>
            </a:r>
            <a:r>
              <a:rPr sz="1283" spc="-21" dirty="0">
                <a:latin typeface="HGSｺﾞｼｯｸM"/>
                <a:cs typeface="HGSｺﾞｼｯｸM"/>
              </a:rPr>
              <a:t>実施</a:t>
            </a:r>
            <a:endParaRPr sz="1283">
              <a:latin typeface="HGSｺﾞｼｯｸM"/>
              <a:cs typeface="HGSｺﾞｼｯｸM"/>
            </a:endParaRPr>
          </a:p>
          <a:p>
            <a:pPr>
              <a:spcBef>
                <a:spcPts val="188"/>
              </a:spcBef>
              <a:buFont typeface="HGS"/>
              <a:buAutoNum type="arabicParenR"/>
            </a:pPr>
            <a:endParaRPr sz="1283">
              <a:latin typeface="HGSｺﾞｼｯｸM"/>
              <a:cs typeface="HGSｺﾞｼｯｸM"/>
            </a:endParaRPr>
          </a:p>
          <a:p>
            <a:pPr marL="162897" indent="-152037">
              <a:spcBef>
                <a:spcPts val="4"/>
              </a:spcBef>
              <a:buSzPct val="93333"/>
              <a:buAutoNum type="arabicParenR"/>
              <a:tabLst>
                <a:tab pos="162897" algn="l"/>
              </a:tabLst>
            </a:pPr>
            <a:r>
              <a:rPr sz="1283" spc="-9" dirty="0">
                <a:latin typeface="HGSｺﾞｼｯｸM"/>
                <a:cs typeface="HGSｺﾞｼｯｸM"/>
              </a:rPr>
              <a:t>LCC</a:t>
            </a:r>
            <a:r>
              <a:rPr sz="1283" spc="-4" dirty="0">
                <a:latin typeface="HGSｺﾞｼｯｸM"/>
                <a:cs typeface="HGSｺﾞｼｯｸM"/>
              </a:rPr>
              <a:t>算出の原則化に向けた技術的支援の充実</a:t>
            </a:r>
            <a:endParaRPr sz="1283">
              <a:latin typeface="HGSｺﾞｼｯｸM"/>
              <a:cs typeface="HGSｺﾞｼｯｸM"/>
            </a:endParaRPr>
          </a:p>
        </p:txBody>
      </p:sp>
      <p:sp>
        <p:nvSpPr>
          <p:cNvPr id="30" name="object 30"/>
          <p:cNvSpPr/>
          <p:nvPr/>
        </p:nvSpPr>
        <p:spPr>
          <a:xfrm>
            <a:off x="4299201" y="2277963"/>
            <a:ext cx="452313" cy="555482"/>
          </a:xfrm>
          <a:custGeom>
            <a:avLst/>
            <a:gdLst/>
            <a:ahLst/>
            <a:cxnLst/>
            <a:rect l="l" t="t" r="r" b="b"/>
            <a:pathLst>
              <a:path w="528954" h="649605">
                <a:moveTo>
                  <a:pt x="528828" y="0"/>
                </a:moveTo>
                <a:lnTo>
                  <a:pt x="260604" y="0"/>
                </a:lnTo>
                <a:lnTo>
                  <a:pt x="260604" y="330403"/>
                </a:lnTo>
                <a:lnTo>
                  <a:pt x="0" y="330403"/>
                </a:lnTo>
                <a:lnTo>
                  <a:pt x="0" y="330708"/>
                </a:lnTo>
                <a:lnTo>
                  <a:pt x="0" y="335483"/>
                </a:lnTo>
                <a:lnTo>
                  <a:pt x="0" y="338023"/>
                </a:lnTo>
                <a:lnTo>
                  <a:pt x="0" y="338328"/>
                </a:lnTo>
                <a:lnTo>
                  <a:pt x="260604" y="338328"/>
                </a:lnTo>
                <a:lnTo>
                  <a:pt x="260604" y="641553"/>
                </a:lnTo>
                <a:lnTo>
                  <a:pt x="260604" y="646633"/>
                </a:lnTo>
                <a:lnTo>
                  <a:pt x="260604" y="649173"/>
                </a:lnTo>
                <a:lnTo>
                  <a:pt x="528828" y="649173"/>
                </a:lnTo>
                <a:lnTo>
                  <a:pt x="528828" y="646633"/>
                </a:lnTo>
                <a:lnTo>
                  <a:pt x="266827" y="646633"/>
                </a:lnTo>
                <a:lnTo>
                  <a:pt x="266827" y="644080"/>
                </a:lnTo>
                <a:lnTo>
                  <a:pt x="268224" y="646176"/>
                </a:lnTo>
                <a:lnTo>
                  <a:pt x="528828" y="646176"/>
                </a:lnTo>
                <a:lnTo>
                  <a:pt x="528828" y="641604"/>
                </a:lnTo>
                <a:lnTo>
                  <a:pt x="268224" y="641604"/>
                </a:lnTo>
                <a:lnTo>
                  <a:pt x="266827" y="641604"/>
                </a:lnTo>
                <a:lnTo>
                  <a:pt x="268224" y="641553"/>
                </a:lnTo>
                <a:lnTo>
                  <a:pt x="268224" y="338328"/>
                </a:lnTo>
                <a:lnTo>
                  <a:pt x="268224" y="7620"/>
                </a:lnTo>
                <a:lnTo>
                  <a:pt x="528828" y="7620"/>
                </a:lnTo>
                <a:lnTo>
                  <a:pt x="528828" y="4572"/>
                </a:lnTo>
                <a:lnTo>
                  <a:pt x="528828" y="0"/>
                </a:lnTo>
                <a:close/>
              </a:path>
            </a:pathLst>
          </a:custGeom>
          <a:solidFill>
            <a:srgbClr val="000000"/>
          </a:solidFill>
        </p:spPr>
        <p:txBody>
          <a:bodyPr wrap="square" lIns="0" tIns="0" rIns="0" bIns="0" rtlCol="0"/>
          <a:lstStyle/>
          <a:p>
            <a:endParaRPr sz="1539"/>
          </a:p>
        </p:txBody>
      </p:sp>
      <p:sp>
        <p:nvSpPr>
          <p:cNvPr id="31" name="object 31"/>
          <p:cNvSpPr txBox="1">
            <a:spLocks noGrp="1"/>
          </p:cNvSpPr>
          <p:nvPr>
            <p:ph type="title"/>
          </p:nvPr>
        </p:nvSpPr>
        <p:spPr>
          <a:xfrm>
            <a:off x="335787" y="126257"/>
            <a:ext cx="6743971" cy="694031"/>
          </a:xfrm>
          <a:prstGeom prst="rect">
            <a:avLst/>
          </a:prstGeom>
        </p:spPr>
        <p:txBody>
          <a:bodyPr vert="horz" wrap="square" lIns="0" tIns="9774" rIns="0" bIns="0" rtlCol="0" anchor="ctr">
            <a:spAutoFit/>
          </a:bodyPr>
          <a:lstStyle/>
          <a:p>
            <a:pPr marL="18462">
              <a:lnSpc>
                <a:spcPct val="100000"/>
              </a:lnSpc>
              <a:spcBef>
                <a:spcPts val="77"/>
              </a:spcBef>
            </a:pPr>
            <a:r>
              <a:rPr spc="-38" dirty="0"/>
              <a:t>インフラメンテナンスにおける取り組むべき項目の課題と当面の進め方</a:t>
            </a:r>
          </a:p>
        </p:txBody>
      </p:sp>
      <p:sp>
        <p:nvSpPr>
          <p:cNvPr id="32" name="object 32"/>
          <p:cNvSpPr txBox="1">
            <a:spLocks noGrp="1"/>
          </p:cNvSpPr>
          <p:nvPr>
            <p:ph type="sldNum" sz="quarter" idx="7"/>
          </p:nvPr>
        </p:nvSpPr>
        <p:spPr>
          <a:xfrm>
            <a:off x="5522237" y="5690767"/>
            <a:ext cx="1759297" cy="192360"/>
          </a:xfrm>
          <a:prstGeom prst="rect">
            <a:avLst/>
          </a:prstGeom>
        </p:spPr>
        <p:txBody>
          <a:bodyPr vert="horz" wrap="square" lIns="0" tIns="0" rIns="0" bIns="0" rtlCol="0" anchor="ctr">
            <a:spAutoFit/>
          </a:bodyPr>
          <a:lstStyle/>
          <a:p>
            <a:pPr marL="99367">
              <a:lnSpc>
                <a:spcPts val="1548"/>
              </a:lnSpc>
            </a:pPr>
            <a:fld id="{81D60167-4931-47E6-BA6A-407CBD079E47}" type="slidenum">
              <a:rPr spc="-43" dirty="0"/>
              <a:pPr marL="99367">
                <a:lnSpc>
                  <a:spcPts val="1548"/>
                </a:lnSpc>
              </a:pPr>
              <a:t>48</a:t>
            </a:fld>
            <a:endParaRPr spc="-43" dirty="0"/>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527257" y="2893065"/>
            <a:ext cx="246519" cy="6516"/>
          </a:xfrm>
          <a:custGeom>
            <a:avLst/>
            <a:gdLst/>
            <a:ahLst/>
            <a:cxnLst/>
            <a:rect l="l" t="t" r="r" b="b"/>
            <a:pathLst>
              <a:path w="288289" h="7619">
                <a:moveTo>
                  <a:pt x="288036" y="0"/>
                </a:moveTo>
                <a:lnTo>
                  <a:pt x="0" y="0"/>
                </a:lnTo>
                <a:lnTo>
                  <a:pt x="0" y="7620"/>
                </a:lnTo>
                <a:lnTo>
                  <a:pt x="288036" y="7620"/>
                </a:lnTo>
                <a:lnTo>
                  <a:pt x="288036" y="0"/>
                </a:lnTo>
                <a:close/>
              </a:path>
            </a:pathLst>
          </a:custGeom>
          <a:solidFill>
            <a:srgbClr val="000000"/>
          </a:solidFill>
        </p:spPr>
        <p:txBody>
          <a:bodyPr wrap="square" lIns="0" tIns="0" rIns="0" bIns="0" rtlCol="0"/>
          <a:lstStyle/>
          <a:p>
            <a:endParaRPr sz="1539"/>
          </a:p>
        </p:txBody>
      </p:sp>
      <p:grpSp>
        <p:nvGrpSpPr>
          <p:cNvPr id="3" name="object 3"/>
          <p:cNvGrpSpPr/>
          <p:nvPr/>
        </p:nvGrpSpPr>
        <p:grpSpPr>
          <a:xfrm>
            <a:off x="181143" y="956536"/>
            <a:ext cx="8779652" cy="5438617"/>
            <a:chOff x="211836" y="890016"/>
            <a:chExt cx="10267315" cy="6360160"/>
          </a:xfrm>
        </p:grpSpPr>
        <p:pic>
          <p:nvPicPr>
            <p:cNvPr id="4" name="object 4"/>
            <p:cNvPicPr/>
            <p:nvPr/>
          </p:nvPicPr>
          <p:blipFill>
            <a:blip r:embed="rId2" cstate="print"/>
            <a:stretch>
              <a:fillRect/>
            </a:stretch>
          </p:blipFill>
          <p:spPr>
            <a:xfrm>
              <a:off x="5556503" y="4387595"/>
              <a:ext cx="4700015" cy="388619"/>
            </a:xfrm>
            <a:prstGeom prst="rect">
              <a:avLst/>
            </a:prstGeom>
          </p:spPr>
        </p:pic>
        <p:sp>
          <p:nvSpPr>
            <p:cNvPr id="5" name="object 5"/>
            <p:cNvSpPr/>
            <p:nvPr/>
          </p:nvSpPr>
          <p:spPr>
            <a:xfrm>
              <a:off x="5553456" y="4384548"/>
              <a:ext cx="4707890" cy="394970"/>
            </a:xfrm>
            <a:custGeom>
              <a:avLst/>
              <a:gdLst/>
              <a:ahLst/>
              <a:cxnLst/>
              <a:rect l="l" t="t" r="r" b="b"/>
              <a:pathLst>
                <a:path w="4707890" h="394970">
                  <a:moveTo>
                    <a:pt x="4707636" y="0"/>
                  </a:moveTo>
                  <a:lnTo>
                    <a:pt x="0" y="0"/>
                  </a:lnTo>
                  <a:lnTo>
                    <a:pt x="0" y="394716"/>
                  </a:lnTo>
                  <a:lnTo>
                    <a:pt x="4707636" y="394716"/>
                  </a:lnTo>
                  <a:lnTo>
                    <a:pt x="4707636" y="391668"/>
                  </a:lnTo>
                  <a:lnTo>
                    <a:pt x="6096" y="391668"/>
                  </a:lnTo>
                  <a:lnTo>
                    <a:pt x="3048" y="388619"/>
                  </a:lnTo>
                  <a:lnTo>
                    <a:pt x="6096" y="388619"/>
                  </a:lnTo>
                  <a:lnTo>
                    <a:pt x="6096" y="6095"/>
                  </a:lnTo>
                  <a:lnTo>
                    <a:pt x="3048" y="6095"/>
                  </a:lnTo>
                  <a:lnTo>
                    <a:pt x="6096" y="3048"/>
                  </a:lnTo>
                  <a:lnTo>
                    <a:pt x="4707636" y="3048"/>
                  </a:lnTo>
                  <a:lnTo>
                    <a:pt x="4707636" y="0"/>
                  </a:lnTo>
                  <a:close/>
                </a:path>
                <a:path w="4707890" h="394970">
                  <a:moveTo>
                    <a:pt x="6096" y="388619"/>
                  </a:moveTo>
                  <a:lnTo>
                    <a:pt x="3048" y="388619"/>
                  </a:lnTo>
                  <a:lnTo>
                    <a:pt x="6096" y="391668"/>
                  </a:lnTo>
                  <a:lnTo>
                    <a:pt x="6096" y="388619"/>
                  </a:lnTo>
                  <a:close/>
                </a:path>
                <a:path w="4707890" h="394970">
                  <a:moveTo>
                    <a:pt x="4700016" y="388619"/>
                  </a:moveTo>
                  <a:lnTo>
                    <a:pt x="6096" y="388619"/>
                  </a:lnTo>
                  <a:lnTo>
                    <a:pt x="6096" y="391668"/>
                  </a:lnTo>
                  <a:lnTo>
                    <a:pt x="4700016" y="391668"/>
                  </a:lnTo>
                  <a:lnTo>
                    <a:pt x="4700016" y="388619"/>
                  </a:lnTo>
                  <a:close/>
                </a:path>
                <a:path w="4707890" h="394970">
                  <a:moveTo>
                    <a:pt x="4700016" y="3048"/>
                  </a:moveTo>
                  <a:lnTo>
                    <a:pt x="4700016" y="391668"/>
                  </a:lnTo>
                  <a:lnTo>
                    <a:pt x="4703064" y="388619"/>
                  </a:lnTo>
                  <a:lnTo>
                    <a:pt x="4707636" y="388619"/>
                  </a:lnTo>
                  <a:lnTo>
                    <a:pt x="4707636" y="6095"/>
                  </a:lnTo>
                  <a:lnTo>
                    <a:pt x="4703064" y="6095"/>
                  </a:lnTo>
                  <a:lnTo>
                    <a:pt x="4700016" y="3048"/>
                  </a:lnTo>
                  <a:close/>
                </a:path>
                <a:path w="4707890" h="394970">
                  <a:moveTo>
                    <a:pt x="4707636" y="388619"/>
                  </a:moveTo>
                  <a:lnTo>
                    <a:pt x="4703064" y="388619"/>
                  </a:lnTo>
                  <a:lnTo>
                    <a:pt x="4700016" y="391668"/>
                  </a:lnTo>
                  <a:lnTo>
                    <a:pt x="4707636" y="391668"/>
                  </a:lnTo>
                  <a:lnTo>
                    <a:pt x="4707636" y="388619"/>
                  </a:lnTo>
                  <a:close/>
                </a:path>
                <a:path w="4707890" h="394970">
                  <a:moveTo>
                    <a:pt x="6096" y="3048"/>
                  </a:moveTo>
                  <a:lnTo>
                    <a:pt x="3048" y="6095"/>
                  </a:lnTo>
                  <a:lnTo>
                    <a:pt x="6096" y="6095"/>
                  </a:lnTo>
                  <a:lnTo>
                    <a:pt x="6096" y="3048"/>
                  </a:lnTo>
                  <a:close/>
                </a:path>
                <a:path w="4707890" h="394970">
                  <a:moveTo>
                    <a:pt x="4700016" y="3048"/>
                  </a:moveTo>
                  <a:lnTo>
                    <a:pt x="6096" y="3048"/>
                  </a:lnTo>
                  <a:lnTo>
                    <a:pt x="6096" y="6095"/>
                  </a:lnTo>
                  <a:lnTo>
                    <a:pt x="4700016" y="6095"/>
                  </a:lnTo>
                  <a:lnTo>
                    <a:pt x="4700016" y="3048"/>
                  </a:lnTo>
                  <a:close/>
                </a:path>
                <a:path w="4707890" h="394970">
                  <a:moveTo>
                    <a:pt x="4707636" y="3048"/>
                  </a:moveTo>
                  <a:lnTo>
                    <a:pt x="4700016" y="3048"/>
                  </a:lnTo>
                  <a:lnTo>
                    <a:pt x="4703064" y="6095"/>
                  </a:lnTo>
                  <a:lnTo>
                    <a:pt x="4707636" y="6095"/>
                  </a:lnTo>
                  <a:lnTo>
                    <a:pt x="4707636" y="3048"/>
                  </a:lnTo>
                  <a:close/>
                </a:path>
              </a:pathLst>
            </a:custGeom>
            <a:solidFill>
              <a:srgbClr val="70AC46"/>
            </a:solidFill>
          </p:spPr>
          <p:txBody>
            <a:bodyPr wrap="square" lIns="0" tIns="0" rIns="0" bIns="0" rtlCol="0"/>
            <a:lstStyle/>
            <a:p>
              <a:endParaRPr sz="1539"/>
            </a:p>
          </p:txBody>
        </p:sp>
        <p:sp>
          <p:nvSpPr>
            <p:cNvPr id="6" name="object 6"/>
            <p:cNvSpPr/>
            <p:nvPr/>
          </p:nvSpPr>
          <p:spPr>
            <a:xfrm>
              <a:off x="211836" y="890016"/>
              <a:ext cx="10267315" cy="6360160"/>
            </a:xfrm>
            <a:custGeom>
              <a:avLst/>
              <a:gdLst/>
              <a:ahLst/>
              <a:cxnLst/>
              <a:rect l="l" t="t" r="r" b="b"/>
              <a:pathLst>
                <a:path w="10267315" h="6360159">
                  <a:moveTo>
                    <a:pt x="10265664" y="0"/>
                  </a:moveTo>
                  <a:lnTo>
                    <a:pt x="3048" y="0"/>
                  </a:lnTo>
                  <a:lnTo>
                    <a:pt x="0" y="3048"/>
                  </a:lnTo>
                  <a:lnTo>
                    <a:pt x="0" y="6358133"/>
                  </a:lnTo>
                  <a:lnTo>
                    <a:pt x="3048" y="6359657"/>
                  </a:lnTo>
                  <a:lnTo>
                    <a:pt x="10265664" y="6359657"/>
                  </a:lnTo>
                  <a:lnTo>
                    <a:pt x="10267188" y="6358133"/>
                  </a:lnTo>
                  <a:lnTo>
                    <a:pt x="10267188" y="6355085"/>
                  </a:lnTo>
                  <a:lnTo>
                    <a:pt x="10667" y="6355085"/>
                  </a:lnTo>
                  <a:lnTo>
                    <a:pt x="4571" y="6348989"/>
                  </a:lnTo>
                  <a:lnTo>
                    <a:pt x="10667" y="6348989"/>
                  </a:lnTo>
                  <a:lnTo>
                    <a:pt x="10667" y="10668"/>
                  </a:lnTo>
                  <a:lnTo>
                    <a:pt x="4571" y="10668"/>
                  </a:lnTo>
                  <a:lnTo>
                    <a:pt x="10667" y="4572"/>
                  </a:lnTo>
                  <a:lnTo>
                    <a:pt x="10267188" y="4572"/>
                  </a:lnTo>
                  <a:lnTo>
                    <a:pt x="10267188" y="3048"/>
                  </a:lnTo>
                  <a:lnTo>
                    <a:pt x="10265664" y="0"/>
                  </a:lnTo>
                  <a:close/>
                </a:path>
                <a:path w="10267315" h="6360159">
                  <a:moveTo>
                    <a:pt x="10667" y="6348989"/>
                  </a:moveTo>
                  <a:lnTo>
                    <a:pt x="4571" y="6348989"/>
                  </a:lnTo>
                  <a:lnTo>
                    <a:pt x="10667" y="6355085"/>
                  </a:lnTo>
                  <a:lnTo>
                    <a:pt x="10667" y="6348989"/>
                  </a:lnTo>
                  <a:close/>
                </a:path>
                <a:path w="10267315" h="6360159">
                  <a:moveTo>
                    <a:pt x="10258044" y="6348989"/>
                  </a:moveTo>
                  <a:lnTo>
                    <a:pt x="10667" y="6348989"/>
                  </a:lnTo>
                  <a:lnTo>
                    <a:pt x="10667" y="6355085"/>
                  </a:lnTo>
                  <a:lnTo>
                    <a:pt x="10258044" y="6355085"/>
                  </a:lnTo>
                  <a:lnTo>
                    <a:pt x="10258044" y="6348989"/>
                  </a:lnTo>
                  <a:close/>
                </a:path>
                <a:path w="10267315" h="6360159">
                  <a:moveTo>
                    <a:pt x="10258044" y="4572"/>
                  </a:moveTo>
                  <a:lnTo>
                    <a:pt x="10258044" y="6355085"/>
                  </a:lnTo>
                  <a:lnTo>
                    <a:pt x="10262616" y="6348989"/>
                  </a:lnTo>
                  <a:lnTo>
                    <a:pt x="10267188" y="6348989"/>
                  </a:lnTo>
                  <a:lnTo>
                    <a:pt x="10267188" y="10668"/>
                  </a:lnTo>
                  <a:lnTo>
                    <a:pt x="10262616" y="10668"/>
                  </a:lnTo>
                  <a:lnTo>
                    <a:pt x="10258044" y="4572"/>
                  </a:lnTo>
                  <a:close/>
                </a:path>
                <a:path w="10267315" h="6360159">
                  <a:moveTo>
                    <a:pt x="10267188" y="6348989"/>
                  </a:moveTo>
                  <a:lnTo>
                    <a:pt x="10262616" y="6348989"/>
                  </a:lnTo>
                  <a:lnTo>
                    <a:pt x="10258044" y="6355085"/>
                  </a:lnTo>
                  <a:lnTo>
                    <a:pt x="10267188" y="6355085"/>
                  </a:lnTo>
                  <a:lnTo>
                    <a:pt x="10267188" y="6348989"/>
                  </a:lnTo>
                  <a:close/>
                </a:path>
                <a:path w="10267315" h="6360159">
                  <a:moveTo>
                    <a:pt x="10667" y="4572"/>
                  </a:moveTo>
                  <a:lnTo>
                    <a:pt x="4571" y="10668"/>
                  </a:lnTo>
                  <a:lnTo>
                    <a:pt x="10667" y="10668"/>
                  </a:lnTo>
                  <a:lnTo>
                    <a:pt x="10667" y="4572"/>
                  </a:lnTo>
                  <a:close/>
                </a:path>
                <a:path w="10267315" h="6360159">
                  <a:moveTo>
                    <a:pt x="10258044" y="4572"/>
                  </a:moveTo>
                  <a:lnTo>
                    <a:pt x="10667" y="4572"/>
                  </a:lnTo>
                  <a:lnTo>
                    <a:pt x="10667" y="10668"/>
                  </a:lnTo>
                  <a:lnTo>
                    <a:pt x="10258044" y="10668"/>
                  </a:lnTo>
                  <a:lnTo>
                    <a:pt x="10258044" y="4572"/>
                  </a:lnTo>
                  <a:close/>
                </a:path>
                <a:path w="10267315" h="6360159">
                  <a:moveTo>
                    <a:pt x="10267188" y="4572"/>
                  </a:moveTo>
                  <a:lnTo>
                    <a:pt x="10258044" y="4572"/>
                  </a:lnTo>
                  <a:lnTo>
                    <a:pt x="10262616" y="10668"/>
                  </a:lnTo>
                  <a:lnTo>
                    <a:pt x="10267188" y="10668"/>
                  </a:lnTo>
                  <a:lnTo>
                    <a:pt x="10267188" y="4572"/>
                  </a:lnTo>
                  <a:close/>
                </a:path>
              </a:pathLst>
            </a:custGeom>
            <a:solidFill>
              <a:srgbClr val="4472C3"/>
            </a:solidFill>
          </p:spPr>
          <p:txBody>
            <a:bodyPr wrap="square" lIns="0" tIns="0" rIns="0" bIns="0" rtlCol="0"/>
            <a:lstStyle/>
            <a:p>
              <a:endParaRPr sz="1539"/>
            </a:p>
          </p:txBody>
        </p:sp>
        <p:sp>
          <p:nvSpPr>
            <p:cNvPr id="7" name="object 7"/>
            <p:cNvSpPr/>
            <p:nvPr/>
          </p:nvSpPr>
          <p:spPr>
            <a:xfrm>
              <a:off x="5027676" y="2029967"/>
              <a:ext cx="528955" cy="4630420"/>
            </a:xfrm>
            <a:custGeom>
              <a:avLst/>
              <a:gdLst/>
              <a:ahLst/>
              <a:cxnLst/>
              <a:rect l="l" t="t" r="r" b="b"/>
              <a:pathLst>
                <a:path w="528954" h="4630420">
                  <a:moveTo>
                    <a:pt x="528828" y="4622304"/>
                  </a:moveTo>
                  <a:lnTo>
                    <a:pt x="0" y="4622304"/>
                  </a:lnTo>
                  <a:lnTo>
                    <a:pt x="0" y="4629924"/>
                  </a:lnTo>
                  <a:lnTo>
                    <a:pt x="528828" y="4629924"/>
                  </a:lnTo>
                  <a:lnTo>
                    <a:pt x="528828" y="4622304"/>
                  </a:lnTo>
                  <a:close/>
                </a:path>
                <a:path w="528954" h="4630420">
                  <a:moveTo>
                    <a:pt x="528828" y="0"/>
                  </a:moveTo>
                  <a:lnTo>
                    <a:pt x="260604" y="0"/>
                  </a:lnTo>
                  <a:lnTo>
                    <a:pt x="260604" y="819607"/>
                  </a:lnTo>
                  <a:lnTo>
                    <a:pt x="0" y="819607"/>
                  </a:lnTo>
                  <a:lnTo>
                    <a:pt x="0" y="819912"/>
                  </a:lnTo>
                  <a:lnTo>
                    <a:pt x="0" y="823417"/>
                  </a:lnTo>
                  <a:lnTo>
                    <a:pt x="0" y="827227"/>
                  </a:lnTo>
                  <a:lnTo>
                    <a:pt x="0" y="827532"/>
                  </a:lnTo>
                  <a:lnTo>
                    <a:pt x="260604" y="827532"/>
                  </a:lnTo>
                  <a:lnTo>
                    <a:pt x="260604" y="1688287"/>
                  </a:lnTo>
                  <a:lnTo>
                    <a:pt x="260604" y="1693367"/>
                  </a:lnTo>
                  <a:lnTo>
                    <a:pt x="260604" y="1695907"/>
                  </a:lnTo>
                  <a:lnTo>
                    <a:pt x="528828" y="1695907"/>
                  </a:lnTo>
                  <a:lnTo>
                    <a:pt x="528828" y="1693367"/>
                  </a:lnTo>
                  <a:lnTo>
                    <a:pt x="265887" y="1693367"/>
                  </a:lnTo>
                  <a:lnTo>
                    <a:pt x="265887" y="1690827"/>
                  </a:lnTo>
                  <a:lnTo>
                    <a:pt x="268224" y="1693164"/>
                  </a:lnTo>
                  <a:lnTo>
                    <a:pt x="528828" y="1693164"/>
                  </a:lnTo>
                  <a:lnTo>
                    <a:pt x="528828" y="1688592"/>
                  </a:lnTo>
                  <a:lnTo>
                    <a:pt x="268224" y="1688592"/>
                  </a:lnTo>
                  <a:lnTo>
                    <a:pt x="265887" y="1688592"/>
                  </a:lnTo>
                  <a:lnTo>
                    <a:pt x="265887" y="1688287"/>
                  </a:lnTo>
                  <a:lnTo>
                    <a:pt x="268224" y="1688287"/>
                  </a:lnTo>
                  <a:lnTo>
                    <a:pt x="268224" y="827532"/>
                  </a:lnTo>
                  <a:lnTo>
                    <a:pt x="268224" y="6096"/>
                  </a:lnTo>
                  <a:lnTo>
                    <a:pt x="528828" y="6096"/>
                  </a:lnTo>
                  <a:lnTo>
                    <a:pt x="528828" y="3048"/>
                  </a:lnTo>
                  <a:lnTo>
                    <a:pt x="528828" y="0"/>
                  </a:lnTo>
                  <a:close/>
                </a:path>
              </a:pathLst>
            </a:custGeom>
            <a:solidFill>
              <a:srgbClr val="000000"/>
            </a:solidFill>
          </p:spPr>
          <p:txBody>
            <a:bodyPr wrap="square" lIns="0" tIns="0" rIns="0" bIns="0" rtlCol="0"/>
            <a:lstStyle/>
            <a:p>
              <a:endParaRPr sz="1539"/>
            </a:p>
          </p:txBody>
        </p:sp>
        <p:pic>
          <p:nvPicPr>
            <p:cNvPr id="8" name="object 8"/>
            <p:cNvPicPr/>
            <p:nvPr/>
          </p:nvPicPr>
          <p:blipFill>
            <a:blip r:embed="rId3" cstate="print"/>
            <a:stretch>
              <a:fillRect/>
            </a:stretch>
          </p:blipFill>
          <p:spPr>
            <a:xfrm>
              <a:off x="5556503" y="2836164"/>
              <a:ext cx="4700015" cy="582168"/>
            </a:xfrm>
            <a:prstGeom prst="rect">
              <a:avLst/>
            </a:prstGeom>
          </p:spPr>
        </p:pic>
        <p:sp>
          <p:nvSpPr>
            <p:cNvPr id="9" name="object 9"/>
            <p:cNvSpPr/>
            <p:nvPr/>
          </p:nvSpPr>
          <p:spPr>
            <a:xfrm>
              <a:off x="5553456" y="2831592"/>
              <a:ext cx="4707890" cy="589915"/>
            </a:xfrm>
            <a:custGeom>
              <a:avLst/>
              <a:gdLst/>
              <a:ahLst/>
              <a:cxnLst/>
              <a:rect l="l" t="t" r="r" b="b"/>
              <a:pathLst>
                <a:path w="4707890" h="589914">
                  <a:moveTo>
                    <a:pt x="4707636" y="0"/>
                  </a:moveTo>
                  <a:lnTo>
                    <a:pt x="0" y="0"/>
                  </a:lnTo>
                  <a:lnTo>
                    <a:pt x="0" y="589788"/>
                  </a:lnTo>
                  <a:lnTo>
                    <a:pt x="4707636" y="589788"/>
                  </a:lnTo>
                  <a:lnTo>
                    <a:pt x="4707636" y="586739"/>
                  </a:lnTo>
                  <a:lnTo>
                    <a:pt x="6096" y="586739"/>
                  </a:lnTo>
                  <a:lnTo>
                    <a:pt x="3048" y="583691"/>
                  </a:lnTo>
                  <a:lnTo>
                    <a:pt x="6096" y="583691"/>
                  </a:lnTo>
                  <a:lnTo>
                    <a:pt x="6096" y="7619"/>
                  </a:lnTo>
                  <a:lnTo>
                    <a:pt x="3048" y="7619"/>
                  </a:lnTo>
                  <a:lnTo>
                    <a:pt x="6096" y="4571"/>
                  </a:lnTo>
                  <a:lnTo>
                    <a:pt x="4707636" y="4571"/>
                  </a:lnTo>
                  <a:lnTo>
                    <a:pt x="4707636" y="0"/>
                  </a:lnTo>
                  <a:close/>
                </a:path>
                <a:path w="4707890" h="589914">
                  <a:moveTo>
                    <a:pt x="6096" y="583691"/>
                  </a:moveTo>
                  <a:lnTo>
                    <a:pt x="3048" y="583691"/>
                  </a:lnTo>
                  <a:lnTo>
                    <a:pt x="6096" y="586739"/>
                  </a:lnTo>
                  <a:lnTo>
                    <a:pt x="6096" y="583691"/>
                  </a:lnTo>
                  <a:close/>
                </a:path>
                <a:path w="4707890" h="589914">
                  <a:moveTo>
                    <a:pt x="4700016" y="583691"/>
                  </a:moveTo>
                  <a:lnTo>
                    <a:pt x="6096" y="583691"/>
                  </a:lnTo>
                  <a:lnTo>
                    <a:pt x="6096" y="586739"/>
                  </a:lnTo>
                  <a:lnTo>
                    <a:pt x="4700016" y="586739"/>
                  </a:lnTo>
                  <a:lnTo>
                    <a:pt x="4700016" y="583691"/>
                  </a:lnTo>
                  <a:close/>
                </a:path>
                <a:path w="4707890" h="589914">
                  <a:moveTo>
                    <a:pt x="4700016" y="4571"/>
                  </a:moveTo>
                  <a:lnTo>
                    <a:pt x="4700016" y="586739"/>
                  </a:lnTo>
                  <a:lnTo>
                    <a:pt x="4703064" y="583691"/>
                  </a:lnTo>
                  <a:lnTo>
                    <a:pt x="4707636" y="583691"/>
                  </a:lnTo>
                  <a:lnTo>
                    <a:pt x="4707636" y="7619"/>
                  </a:lnTo>
                  <a:lnTo>
                    <a:pt x="4703064" y="7619"/>
                  </a:lnTo>
                  <a:lnTo>
                    <a:pt x="4700016" y="4571"/>
                  </a:lnTo>
                  <a:close/>
                </a:path>
                <a:path w="4707890" h="589914">
                  <a:moveTo>
                    <a:pt x="4707636" y="583691"/>
                  </a:moveTo>
                  <a:lnTo>
                    <a:pt x="4703064" y="583691"/>
                  </a:lnTo>
                  <a:lnTo>
                    <a:pt x="4700016" y="586739"/>
                  </a:lnTo>
                  <a:lnTo>
                    <a:pt x="4707636" y="586739"/>
                  </a:lnTo>
                  <a:lnTo>
                    <a:pt x="4707636" y="583691"/>
                  </a:lnTo>
                  <a:close/>
                </a:path>
                <a:path w="4707890" h="589914">
                  <a:moveTo>
                    <a:pt x="6096" y="4571"/>
                  </a:moveTo>
                  <a:lnTo>
                    <a:pt x="3048" y="7619"/>
                  </a:lnTo>
                  <a:lnTo>
                    <a:pt x="6096" y="7619"/>
                  </a:lnTo>
                  <a:lnTo>
                    <a:pt x="6096" y="4571"/>
                  </a:lnTo>
                  <a:close/>
                </a:path>
                <a:path w="4707890" h="589914">
                  <a:moveTo>
                    <a:pt x="4700016" y="4571"/>
                  </a:moveTo>
                  <a:lnTo>
                    <a:pt x="6096" y="4571"/>
                  </a:lnTo>
                  <a:lnTo>
                    <a:pt x="6096" y="7619"/>
                  </a:lnTo>
                  <a:lnTo>
                    <a:pt x="4700016" y="7619"/>
                  </a:lnTo>
                  <a:lnTo>
                    <a:pt x="4700016" y="4571"/>
                  </a:lnTo>
                  <a:close/>
                </a:path>
                <a:path w="4707890" h="589914">
                  <a:moveTo>
                    <a:pt x="4707636" y="4571"/>
                  </a:moveTo>
                  <a:lnTo>
                    <a:pt x="4700016" y="4571"/>
                  </a:lnTo>
                  <a:lnTo>
                    <a:pt x="4703064" y="7619"/>
                  </a:lnTo>
                  <a:lnTo>
                    <a:pt x="4707636" y="7619"/>
                  </a:lnTo>
                  <a:lnTo>
                    <a:pt x="4707636" y="4571"/>
                  </a:lnTo>
                  <a:close/>
                </a:path>
              </a:pathLst>
            </a:custGeom>
            <a:solidFill>
              <a:srgbClr val="70AC46"/>
            </a:solidFill>
          </p:spPr>
          <p:txBody>
            <a:bodyPr wrap="square" lIns="0" tIns="0" rIns="0" bIns="0" rtlCol="0"/>
            <a:lstStyle/>
            <a:p>
              <a:endParaRPr sz="1539"/>
            </a:p>
          </p:txBody>
        </p:sp>
        <p:pic>
          <p:nvPicPr>
            <p:cNvPr id="10" name="object 10"/>
            <p:cNvPicPr/>
            <p:nvPr/>
          </p:nvPicPr>
          <p:blipFill>
            <a:blip r:embed="rId2" cstate="print"/>
            <a:stretch>
              <a:fillRect/>
            </a:stretch>
          </p:blipFill>
          <p:spPr>
            <a:xfrm>
              <a:off x="5556503" y="1837944"/>
              <a:ext cx="4700015" cy="388620"/>
            </a:xfrm>
            <a:prstGeom prst="rect">
              <a:avLst/>
            </a:prstGeom>
          </p:spPr>
        </p:pic>
        <p:sp>
          <p:nvSpPr>
            <p:cNvPr id="11" name="object 11"/>
            <p:cNvSpPr/>
            <p:nvPr/>
          </p:nvSpPr>
          <p:spPr>
            <a:xfrm>
              <a:off x="5553456" y="1834896"/>
              <a:ext cx="4707890" cy="396240"/>
            </a:xfrm>
            <a:custGeom>
              <a:avLst/>
              <a:gdLst/>
              <a:ahLst/>
              <a:cxnLst/>
              <a:rect l="l" t="t" r="r" b="b"/>
              <a:pathLst>
                <a:path w="4707890" h="396239">
                  <a:moveTo>
                    <a:pt x="4707636" y="0"/>
                  </a:moveTo>
                  <a:lnTo>
                    <a:pt x="0" y="0"/>
                  </a:lnTo>
                  <a:lnTo>
                    <a:pt x="0" y="396239"/>
                  </a:lnTo>
                  <a:lnTo>
                    <a:pt x="4707636" y="396239"/>
                  </a:lnTo>
                  <a:lnTo>
                    <a:pt x="4707636" y="391667"/>
                  </a:lnTo>
                  <a:lnTo>
                    <a:pt x="6096" y="391667"/>
                  </a:lnTo>
                  <a:lnTo>
                    <a:pt x="3048" y="388619"/>
                  </a:lnTo>
                  <a:lnTo>
                    <a:pt x="6096" y="388619"/>
                  </a:lnTo>
                  <a:lnTo>
                    <a:pt x="6096" y="7619"/>
                  </a:lnTo>
                  <a:lnTo>
                    <a:pt x="3048" y="7619"/>
                  </a:lnTo>
                  <a:lnTo>
                    <a:pt x="6096" y="3048"/>
                  </a:lnTo>
                  <a:lnTo>
                    <a:pt x="4707636" y="3048"/>
                  </a:lnTo>
                  <a:lnTo>
                    <a:pt x="4707636" y="0"/>
                  </a:lnTo>
                  <a:close/>
                </a:path>
                <a:path w="4707890" h="396239">
                  <a:moveTo>
                    <a:pt x="6096" y="388619"/>
                  </a:moveTo>
                  <a:lnTo>
                    <a:pt x="3048" y="388619"/>
                  </a:lnTo>
                  <a:lnTo>
                    <a:pt x="6096" y="391667"/>
                  </a:lnTo>
                  <a:lnTo>
                    <a:pt x="6096" y="388619"/>
                  </a:lnTo>
                  <a:close/>
                </a:path>
                <a:path w="4707890" h="396239">
                  <a:moveTo>
                    <a:pt x="4700016" y="388619"/>
                  </a:moveTo>
                  <a:lnTo>
                    <a:pt x="6096" y="388619"/>
                  </a:lnTo>
                  <a:lnTo>
                    <a:pt x="6096" y="391667"/>
                  </a:lnTo>
                  <a:lnTo>
                    <a:pt x="4700016" y="391667"/>
                  </a:lnTo>
                  <a:lnTo>
                    <a:pt x="4700016" y="388619"/>
                  </a:lnTo>
                  <a:close/>
                </a:path>
                <a:path w="4707890" h="396239">
                  <a:moveTo>
                    <a:pt x="4700016" y="3048"/>
                  </a:moveTo>
                  <a:lnTo>
                    <a:pt x="4700016" y="391667"/>
                  </a:lnTo>
                  <a:lnTo>
                    <a:pt x="4703064" y="388619"/>
                  </a:lnTo>
                  <a:lnTo>
                    <a:pt x="4707636" y="388619"/>
                  </a:lnTo>
                  <a:lnTo>
                    <a:pt x="4707636" y="7619"/>
                  </a:lnTo>
                  <a:lnTo>
                    <a:pt x="4703064" y="7619"/>
                  </a:lnTo>
                  <a:lnTo>
                    <a:pt x="4700016" y="3048"/>
                  </a:lnTo>
                  <a:close/>
                </a:path>
                <a:path w="4707890" h="396239">
                  <a:moveTo>
                    <a:pt x="4707636" y="388619"/>
                  </a:moveTo>
                  <a:lnTo>
                    <a:pt x="4703064" y="388619"/>
                  </a:lnTo>
                  <a:lnTo>
                    <a:pt x="4700016" y="391667"/>
                  </a:lnTo>
                  <a:lnTo>
                    <a:pt x="4707636" y="391667"/>
                  </a:lnTo>
                  <a:lnTo>
                    <a:pt x="4707636" y="388619"/>
                  </a:lnTo>
                  <a:close/>
                </a:path>
                <a:path w="4707890" h="396239">
                  <a:moveTo>
                    <a:pt x="6096" y="3048"/>
                  </a:moveTo>
                  <a:lnTo>
                    <a:pt x="3048" y="7619"/>
                  </a:lnTo>
                  <a:lnTo>
                    <a:pt x="6096" y="7619"/>
                  </a:lnTo>
                  <a:lnTo>
                    <a:pt x="6096" y="3048"/>
                  </a:lnTo>
                  <a:close/>
                </a:path>
                <a:path w="4707890" h="396239">
                  <a:moveTo>
                    <a:pt x="4700016" y="3048"/>
                  </a:moveTo>
                  <a:lnTo>
                    <a:pt x="6096" y="3048"/>
                  </a:lnTo>
                  <a:lnTo>
                    <a:pt x="6096" y="7619"/>
                  </a:lnTo>
                  <a:lnTo>
                    <a:pt x="4700016" y="7619"/>
                  </a:lnTo>
                  <a:lnTo>
                    <a:pt x="4700016" y="3048"/>
                  </a:lnTo>
                  <a:close/>
                </a:path>
                <a:path w="4707890" h="396239">
                  <a:moveTo>
                    <a:pt x="4707636" y="3048"/>
                  </a:moveTo>
                  <a:lnTo>
                    <a:pt x="4700016" y="3048"/>
                  </a:lnTo>
                  <a:lnTo>
                    <a:pt x="4703064" y="7619"/>
                  </a:lnTo>
                  <a:lnTo>
                    <a:pt x="4707636" y="7619"/>
                  </a:lnTo>
                  <a:lnTo>
                    <a:pt x="4707636" y="3048"/>
                  </a:lnTo>
                  <a:close/>
                </a:path>
              </a:pathLst>
            </a:custGeom>
            <a:solidFill>
              <a:srgbClr val="70AC46"/>
            </a:solidFill>
          </p:spPr>
          <p:txBody>
            <a:bodyPr wrap="square" lIns="0" tIns="0" rIns="0" bIns="0" rtlCol="0"/>
            <a:lstStyle/>
            <a:p>
              <a:endParaRPr sz="1539"/>
            </a:p>
          </p:txBody>
        </p:sp>
        <p:pic>
          <p:nvPicPr>
            <p:cNvPr id="12" name="object 12"/>
            <p:cNvPicPr/>
            <p:nvPr/>
          </p:nvPicPr>
          <p:blipFill>
            <a:blip r:embed="rId2" cstate="print"/>
            <a:stretch>
              <a:fillRect/>
            </a:stretch>
          </p:blipFill>
          <p:spPr>
            <a:xfrm>
              <a:off x="5556503" y="2336291"/>
              <a:ext cx="4700015" cy="388620"/>
            </a:xfrm>
            <a:prstGeom prst="rect">
              <a:avLst/>
            </a:prstGeom>
          </p:spPr>
        </p:pic>
        <p:sp>
          <p:nvSpPr>
            <p:cNvPr id="13" name="object 13"/>
            <p:cNvSpPr/>
            <p:nvPr/>
          </p:nvSpPr>
          <p:spPr>
            <a:xfrm>
              <a:off x="5553456" y="2333244"/>
              <a:ext cx="4707890" cy="396240"/>
            </a:xfrm>
            <a:custGeom>
              <a:avLst/>
              <a:gdLst/>
              <a:ahLst/>
              <a:cxnLst/>
              <a:rect l="l" t="t" r="r" b="b"/>
              <a:pathLst>
                <a:path w="4707890" h="396239">
                  <a:moveTo>
                    <a:pt x="4707636" y="0"/>
                  </a:moveTo>
                  <a:lnTo>
                    <a:pt x="0" y="0"/>
                  </a:lnTo>
                  <a:lnTo>
                    <a:pt x="0" y="396239"/>
                  </a:lnTo>
                  <a:lnTo>
                    <a:pt x="4707636" y="396239"/>
                  </a:lnTo>
                  <a:lnTo>
                    <a:pt x="4707636" y="391667"/>
                  </a:lnTo>
                  <a:lnTo>
                    <a:pt x="6096" y="391667"/>
                  </a:lnTo>
                  <a:lnTo>
                    <a:pt x="3048" y="388619"/>
                  </a:lnTo>
                  <a:lnTo>
                    <a:pt x="6096" y="388619"/>
                  </a:lnTo>
                  <a:lnTo>
                    <a:pt x="6096" y="7619"/>
                  </a:lnTo>
                  <a:lnTo>
                    <a:pt x="3048" y="7619"/>
                  </a:lnTo>
                  <a:lnTo>
                    <a:pt x="6096" y="3048"/>
                  </a:lnTo>
                  <a:lnTo>
                    <a:pt x="4707636" y="3048"/>
                  </a:lnTo>
                  <a:lnTo>
                    <a:pt x="4707636" y="0"/>
                  </a:lnTo>
                  <a:close/>
                </a:path>
                <a:path w="4707890" h="396239">
                  <a:moveTo>
                    <a:pt x="6096" y="388619"/>
                  </a:moveTo>
                  <a:lnTo>
                    <a:pt x="3048" y="388619"/>
                  </a:lnTo>
                  <a:lnTo>
                    <a:pt x="6096" y="391667"/>
                  </a:lnTo>
                  <a:lnTo>
                    <a:pt x="6096" y="388619"/>
                  </a:lnTo>
                  <a:close/>
                </a:path>
                <a:path w="4707890" h="396239">
                  <a:moveTo>
                    <a:pt x="4700016" y="388619"/>
                  </a:moveTo>
                  <a:lnTo>
                    <a:pt x="6096" y="388619"/>
                  </a:lnTo>
                  <a:lnTo>
                    <a:pt x="6096" y="391667"/>
                  </a:lnTo>
                  <a:lnTo>
                    <a:pt x="4700016" y="391667"/>
                  </a:lnTo>
                  <a:lnTo>
                    <a:pt x="4700016" y="388619"/>
                  </a:lnTo>
                  <a:close/>
                </a:path>
                <a:path w="4707890" h="396239">
                  <a:moveTo>
                    <a:pt x="4700016" y="3048"/>
                  </a:moveTo>
                  <a:lnTo>
                    <a:pt x="4700016" y="391667"/>
                  </a:lnTo>
                  <a:lnTo>
                    <a:pt x="4703064" y="388619"/>
                  </a:lnTo>
                  <a:lnTo>
                    <a:pt x="4707636" y="388619"/>
                  </a:lnTo>
                  <a:lnTo>
                    <a:pt x="4707636" y="7619"/>
                  </a:lnTo>
                  <a:lnTo>
                    <a:pt x="4703064" y="7619"/>
                  </a:lnTo>
                  <a:lnTo>
                    <a:pt x="4700016" y="3048"/>
                  </a:lnTo>
                  <a:close/>
                </a:path>
                <a:path w="4707890" h="396239">
                  <a:moveTo>
                    <a:pt x="4707636" y="388619"/>
                  </a:moveTo>
                  <a:lnTo>
                    <a:pt x="4703064" y="388619"/>
                  </a:lnTo>
                  <a:lnTo>
                    <a:pt x="4700016" y="391667"/>
                  </a:lnTo>
                  <a:lnTo>
                    <a:pt x="4707636" y="391667"/>
                  </a:lnTo>
                  <a:lnTo>
                    <a:pt x="4707636" y="388619"/>
                  </a:lnTo>
                  <a:close/>
                </a:path>
                <a:path w="4707890" h="396239">
                  <a:moveTo>
                    <a:pt x="6096" y="3048"/>
                  </a:moveTo>
                  <a:lnTo>
                    <a:pt x="3048" y="7619"/>
                  </a:lnTo>
                  <a:lnTo>
                    <a:pt x="6096" y="7619"/>
                  </a:lnTo>
                  <a:lnTo>
                    <a:pt x="6096" y="3048"/>
                  </a:lnTo>
                  <a:close/>
                </a:path>
                <a:path w="4707890" h="396239">
                  <a:moveTo>
                    <a:pt x="4700016" y="3048"/>
                  </a:moveTo>
                  <a:lnTo>
                    <a:pt x="6096" y="3048"/>
                  </a:lnTo>
                  <a:lnTo>
                    <a:pt x="6096" y="7619"/>
                  </a:lnTo>
                  <a:lnTo>
                    <a:pt x="4700016" y="7619"/>
                  </a:lnTo>
                  <a:lnTo>
                    <a:pt x="4700016" y="3048"/>
                  </a:lnTo>
                  <a:close/>
                </a:path>
                <a:path w="4707890" h="396239">
                  <a:moveTo>
                    <a:pt x="4707636" y="3048"/>
                  </a:moveTo>
                  <a:lnTo>
                    <a:pt x="4700016" y="3048"/>
                  </a:lnTo>
                  <a:lnTo>
                    <a:pt x="4703064" y="7619"/>
                  </a:lnTo>
                  <a:lnTo>
                    <a:pt x="4707636" y="7619"/>
                  </a:lnTo>
                  <a:lnTo>
                    <a:pt x="4707636" y="3048"/>
                  </a:lnTo>
                  <a:close/>
                </a:path>
              </a:pathLst>
            </a:custGeom>
            <a:solidFill>
              <a:srgbClr val="70AC46"/>
            </a:solidFill>
          </p:spPr>
          <p:txBody>
            <a:bodyPr wrap="square" lIns="0" tIns="0" rIns="0" bIns="0" rtlCol="0"/>
            <a:lstStyle/>
            <a:p>
              <a:endParaRPr sz="1539"/>
            </a:p>
          </p:txBody>
        </p:sp>
        <p:sp>
          <p:nvSpPr>
            <p:cNvPr id="14" name="object 14"/>
            <p:cNvSpPr/>
            <p:nvPr/>
          </p:nvSpPr>
          <p:spPr>
            <a:xfrm>
              <a:off x="361188" y="923544"/>
              <a:ext cx="4721860" cy="330835"/>
            </a:xfrm>
            <a:custGeom>
              <a:avLst/>
              <a:gdLst/>
              <a:ahLst/>
              <a:cxnLst/>
              <a:rect l="l" t="t" r="r" b="b"/>
              <a:pathLst>
                <a:path w="4721860" h="330834">
                  <a:moveTo>
                    <a:pt x="4658868" y="0"/>
                  </a:moveTo>
                  <a:lnTo>
                    <a:pt x="60960" y="0"/>
                  </a:lnTo>
                  <a:lnTo>
                    <a:pt x="48768" y="1524"/>
                  </a:lnTo>
                  <a:lnTo>
                    <a:pt x="10667" y="27432"/>
                  </a:lnTo>
                  <a:lnTo>
                    <a:pt x="0" y="60960"/>
                  </a:lnTo>
                  <a:lnTo>
                    <a:pt x="0" y="269748"/>
                  </a:lnTo>
                  <a:lnTo>
                    <a:pt x="18287" y="312420"/>
                  </a:lnTo>
                  <a:lnTo>
                    <a:pt x="60960" y="330708"/>
                  </a:lnTo>
                  <a:lnTo>
                    <a:pt x="4658868" y="330708"/>
                  </a:lnTo>
                  <a:lnTo>
                    <a:pt x="4703064" y="312420"/>
                  </a:lnTo>
                  <a:lnTo>
                    <a:pt x="4704334" y="310896"/>
                  </a:lnTo>
                  <a:lnTo>
                    <a:pt x="62483" y="310896"/>
                  </a:lnTo>
                  <a:lnTo>
                    <a:pt x="51816" y="309372"/>
                  </a:lnTo>
                  <a:lnTo>
                    <a:pt x="54863" y="309372"/>
                  </a:lnTo>
                  <a:lnTo>
                    <a:pt x="49530" y="307848"/>
                  </a:lnTo>
                  <a:lnTo>
                    <a:pt x="45719" y="307848"/>
                  </a:lnTo>
                  <a:lnTo>
                    <a:pt x="38100" y="303276"/>
                  </a:lnTo>
                  <a:lnTo>
                    <a:pt x="39623" y="303276"/>
                  </a:lnTo>
                  <a:lnTo>
                    <a:pt x="33908" y="298704"/>
                  </a:lnTo>
                  <a:lnTo>
                    <a:pt x="33527" y="298704"/>
                  </a:lnTo>
                  <a:lnTo>
                    <a:pt x="25907" y="291084"/>
                  </a:lnTo>
                  <a:lnTo>
                    <a:pt x="26517" y="291084"/>
                  </a:lnTo>
                  <a:lnTo>
                    <a:pt x="22859" y="284988"/>
                  </a:lnTo>
                  <a:lnTo>
                    <a:pt x="23948" y="284988"/>
                  </a:lnTo>
                  <a:lnTo>
                    <a:pt x="22206" y="278892"/>
                  </a:lnTo>
                  <a:lnTo>
                    <a:pt x="21335" y="278892"/>
                  </a:lnTo>
                  <a:lnTo>
                    <a:pt x="20029" y="269748"/>
                  </a:lnTo>
                  <a:lnTo>
                    <a:pt x="19811" y="269748"/>
                  </a:lnTo>
                  <a:lnTo>
                    <a:pt x="19811" y="62484"/>
                  </a:lnTo>
                  <a:lnTo>
                    <a:pt x="21335" y="51816"/>
                  </a:lnTo>
                  <a:lnTo>
                    <a:pt x="22206" y="51816"/>
                  </a:lnTo>
                  <a:lnTo>
                    <a:pt x="23513" y="47244"/>
                  </a:lnTo>
                  <a:lnTo>
                    <a:pt x="22859" y="47244"/>
                  </a:lnTo>
                  <a:lnTo>
                    <a:pt x="26669" y="39624"/>
                  </a:lnTo>
                  <a:lnTo>
                    <a:pt x="25907" y="39624"/>
                  </a:lnTo>
                  <a:lnTo>
                    <a:pt x="33527" y="32004"/>
                  </a:lnTo>
                  <a:lnTo>
                    <a:pt x="33908" y="32004"/>
                  </a:lnTo>
                  <a:lnTo>
                    <a:pt x="39623" y="27432"/>
                  </a:lnTo>
                  <a:lnTo>
                    <a:pt x="38100" y="27432"/>
                  </a:lnTo>
                  <a:lnTo>
                    <a:pt x="45719" y="22860"/>
                  </a:lnTo>
                  <a:lnTo>
                    <a:pt x="49530" y="22860"/>
                  </a:lnTo>
                  <a:lnTo>
                    <a:pt x="54863" y="21336"/>
                  </a:lnTo>
                  <a:lnTo>
                    <a:pt x="51816" y="21336"/>
                  </a:lnTo>
                  <a:lnTo>
                    <a:pt x="62483" y="19812"/>
                  </a:lnTo>
                  <a:lnTo>
                    <a:pt x="4704334" y="19812"/>
                  </a:lnTo>
                  <a:lnTo>
                    <a:pt x="4703064" y="18288"/>
                  </a:lnTo>
                  <a:lnTo>
                    <a:pt x="4693920" y="10668"/>
                  </a:lnTo>
                  <a:lnTo>
                    <a:pt x="4683252" y="4572"/>
                  </a:lnTo>
                  <a:lnTo>
                    <a:pt x="4671060" y="1524"/>
                  </a:lnTo>
                  <a:lnTo>
                    <a:pt x="4658868" y="0"/>
                  </a:lnTo>
                  <a:close/>
                </a:path>
                <a:path w="4721860" h="330834">
                  <a:moveTo>
                    <a:pt x="4675632" y="306324"/>
                  </a:moveTo>
                  <a:lnTo>
                    <a:pt x="4666488" y="309372"/>
                  </a:lnTo>
                  <a:lnTo>
                    <a:pt x="4668012" y="309372"/>
                  </a:lnTo>
                  <a:lnTo>
                    <a:pt x="4657344" y="310896"/>
                  </a:lnTo>
                  <a:lnTo>
                    <a:pt x="4704334" y="310896"/>
                  </a:lnTo>
                  <a:lnTo>
                    <a:pt x="4706874" y="307848"/>
                  </a:lnTo>
                  <a:lnTo>
                    <a:pt x="4674108" y="307848"/>
                  </a:lnTo>
                  <a:lnTo>
                    <a:pt x="4675632" y="306324"/>
                  </a:lnTo>
                  <a:close/>
                </a:path>
                <a:path w="4721860" h="330834">
                  <a:moveTo>
                    <a:pt x="44196" y="306324"/>
                  </a:moveTo>
                  <a:lnTo>
                    <a:pt x="45719" y="307848"/>
                  </a:lnTo>
                  <a:lnTo>
                    <a:pt x="49530" y="307848"/>
                  </a:lnTo>
                  <a:lnTo>
                    <a:pt x="44196" y="306324"/>
                  </a:lnTo>
                  <a:close/>
                </a:path>
                <a:path w="4721860" h="330834">
                  <a:moveTo>
                    <a:pt x="4688501" y="297857"/>
                  </a:moveTo>
                  <a:lnTo>
                    <a:pt x="4681728" y="303276"/>
                  </a:lnTo>
                  <a:lnTo>
                    <a:pt x="4683252" y="303276"/>
                  </a:lnTo>
                  <a:lnTo>
                    <a:pt x="4674108" y="307848"/>
                  </a:lnTo>
                  <a:lnTo>
                    <a:pt x="4706874" y="307848"/>
                  </a:lnTo>
                  <a:lnTo>
                    <a:pt x="4710684" y="303276"/>
                  </a:lnTo>
                  <a:lnTo>
                    <a:pt x="4713296" y="298704"/>
                  </a:lnTo>
                  <a:lnTo>
                    <a:pt x="4687824" y="298704"/>
                  </a:lnTo>
                  <a:lnTo>
                    <a:pt x="4688501" y="297857"/>
                  </a:lnTo>
                  <a:close/>
                </a:path>
                <a:path w="4721860" h="330834">
                  <a:moveTo>
                    <a:pt x="32003" y="297180"/>
                  </a:moveTo>
                  <a:lnTo>
                    <a:pt x="33527" y="298704"/>
                  </a:lnTo>
                  <a:lnTo>
                    <a:pt x="33908" y="298704"/>
                  </a:lnTo>
                  <a:lnTo>
                    <a:pt x="32003" y="297180"/>
                  </a:lnTo>
                  <a:close/>
                </a:path>
                <a:path w="4721860" h="330834">
                  <a:moveTo>
                    <a:pt x="4689348" y="297180"/>
                  </a:moveTo>
                  <a:lnTo>
                    <a:pt x="4688501" y="297857"/>
                  </a:lnTo>
                  <a:lnTo>
                    <a:pt x="4687824" y="298704"/>
                  </a:lnTo>
                  <a:lnTo>
                    <a:pt x="4689348" y="297180"/>
                  </a:lnTo>
                  <a:close/>
                </a:path>
                <a:path w="4721860" h="330834">
                  <a:moveTo>
                    <a:pt x="4714167" y="297180"/>
                  </a:moveTo>
                  <a:lnTo>
                    <a:pt x="4689348" y="297180"/>
                  </a:lnTo>
                  <a:lnTo>
                    <a:pt x="4687824" y="298704"/>
                  </a:lnTo>
                  <a:lnTo>
                    <a:pt x="4713296" y="298704"/>
                  </a:lnTo>
                  <a:lnTo>
                    <a:pt x="4714167" y="297180"/>
                  </a:lnTo>
                  <a:close/>
                </a:path>
                <a:path w="4721860" h="330834">
                  <a:moveTo>
                    <a:pt x="4717215" y="291084"/>
                  </a:moveTo>
                  <a:lnTo>
                    <a:pt x="4693920" y="291084"/>
                  </a:lnTo>
                  <a:lnTo>
                    <a:pt x="4688501" y="297857"/>
                  </a:lnTo>
                  <a:lnTo>
                    <a:pt x="4689348" y="297180"/>
                  </a:lnTo>
                  <a:lnTo>
                    <a:pt x="4714167" y="297180"/>
                  </a:lnTo>
                  <a:lnTo>
                    <a:pt x="4716780" y="292608"/>
                  </a:lnTo>
                  <a:lnTo>
                    <a:pt x="4717215" y="291084"/>
                  </a:lnTo>
                  <a:close/>
                </a:path>
                <a:path w="4721860" h="330834">
                  <a:moveTo>
                    <a:pt x="26517" y="291084"/>
                  </a:moveTo>
                  <a:lnTo>
                    <a:pt x="25907" y="291084"/>
                  </a:lnTo>
                  <a:lnTo>
                    <a:pt x="27432" y="292608"/>
                  </a:lnTo>
                  <a:lnTo>
                    <a:pt x="26517" y="291084"/>
                  </a:lnTo>
                  <a:close/>
                </a:path>
                <a:path w="4721860" h="330834">
                  <a:moveTo>
                    <a:pt x="4696968" y="284988"/>
                  </a:moveTo>
                  <a:lnTo>
                    <a:pt x="4692396" y="292608"/>
                  </a:lnTo>
                  <a:lnTo>
                    <a:pt x="4693920" y="291084"/>
                  </a:lnTo>
                  <a:lnTo>
                    <a:pt x="4717215" y="291084"/>
                  </a:lnTo>
                  <a:lnTo>
                    <a:pt x="4718521" y="286512"/>
                  </a:lnTo>
                  <a:lnTo>
                    <a:pt x="4696968" y="286512"/>
                  </a:lnTo>
                  <a:lnTo>
                    <a:pt x="4696968" y="284988"/>
                  </a:lnTo>
                  <a:close/>
                </a:path>
                <a:path w="4721860" h="330834">
                  <a:moveTo>
                    <a:pt x="23948" y="284988"/>
                  </a:moveTo>
                  <a:lnTo>
                    <a:pt x="22859" y="284988"/>
                  </a:lnTo>
                  <a:lnTo>
                    <a:pt x="24383" y="286512"/>
                  </a:lnTo>
                  <a:lnTo>
                    <a:pt x="23948" y="284988"/>
                  </a:lnTo>
                  <a:close/>
                </a:path>
                <a:path w="4721860" h="330834">
                  <a:moveTo>
                    <a:pt x="4700016" y="275844"/>
                  </a:moveTo>
                  <a:lnTo>
                    <a:pt x="4696968" y="286512"/>
                  </a:lnTo>
                  <a:lnTo>
                    <a:pt x="4718521" y="286512"/>
                  </a:lnTo>
                  <a:lnTo>
                    <a:pt x="4719828" y="281940"/>
                  </a:lnTo>
                  <a:lnTo>
                    <a:pt x="4720209" y="278892"/>
                  </a:lnTo>
                  <a:lnTo>
                    <a:pt x="4700016" y="278892"/>
                  </a:lnTo>
                  <a:lnTo>
                    <a:pt x="4700016" y="275844"/>
                  </a:lnTo>
                  <a:close/>
                </a:path>
                <a:path w="4721860" h="330834">
                  <a:moveTo>
                    <a:pt x="21335" y="275844"/>
                  </a:moveTo>
                  <a:lnTo>
                    <a:pt x="21335" y="278892"/>
                  </a:lnTo>
                  <a:lnTo>
                    <a:pt x="22206" y="278892"/>
                  </a:lnTo>
                  <a:lnTo>
                    <a:pt x="21335" y="275844"/>
                  </a:lnTo>
                  <a:close/>
                </a:path>
                <a:path w="4721860" h="330834">
                  <a:moveTo>
                    <a:pt x="4720209" y="51816"/>
                  </a:moveTo>
                  <a:lnTo>
                    <a:pt x="4700016" y="51816"/>
                  </a:lnTo>
                  <a:lnTo>
                    <a:pt x="4700016" y="278892"/>
                  </a:lnTo>
                  <a:lnTo>
                    <a:pt x="4720209" y="278892"/>
                  </a:lnTo>
                  <a:lnTo>
                    <a:pt x="4721352" y="269748"/>
                  </a:lnTo>
                  <a:lnTo>
                    <a:pt x="4721352" y="60960"/>
                  </a:lnTo>
                  <a:lnTo>
                    <a:pt x="4720209" y="51816"/>
                  </a:lnTo>
                  <a:close/>
                </a:path>
                <a:path w="4721860" h="330834">
                  <a:moveTo>
                    <a:pt x="19811" y="268224"/>
                  </a:moveTo>
                  <a:lnTo>
                    <a:pt x="19811" y="269748"/>
                  </a:lnTo>
                  <a:lnTo>
                    <a:pt x="20029" y="269748"/>
                  </a:lnTo>
                  <a:lnTo>
                    <a:pt x="19811" y="268224"/>
                  </a:lnTo>
                  <a:close/>
                </a:path>
                <a:path w="4721860" h="330834">
                  <a:moveTo>
                    <a:pt x="22206" y="51816"/>
                  </a:moveTo>
                  <a:lnTo>
                    <a:pt x="21335" y="51816"/>
                  </a:lnTo>
                  <a:lnTo>
                    <a:pt x="21335" y="54864"/>
                  </a:lnTo>
                  <a:lnTo>
                    <a:pt x="22206" y="51816"/>
                  </a:lnTo>
                  <a:close/>
                </a:path>
                <a:path w="4721860" h="330834">
                  <a:moveTo>
                    <a:pt x="4718521" y="44196"/>
                  </a:moveTo>
                  <a:lnTo>
                    <a:pt x="4696968" y="44196"/>
                  </a:lnTo>
                  <a:lnTo>
                    <a:pt x="4700016" y="54864"/>
                  </a:lnTo>
                  <a:lnTo>
                    <a:pt x="4700016" y="51816"/>
                  </a:lnTo>
                  <a:lnTo>
                    <a:pt x="4720209" y="51816"/>
                  </a:lnTo>
                  <a:lnTo>
                    <a:pt x="4719828" y="48768"/>
                  </a:lnTo>
                  <a:lnTo>
                    <a:pt x="4718521" y="44196"/>
                  </a:lnTo>
                  <a:close/>
                </a:path>
                <a:path w="4721860" h="330834">
                  <a:moveTo>
                    <a:pt x="24383" y="44196"/>
                  </a:moveTo>
                  <a:lnTo>
                    <a:pt x="22859" y="47244"/>
                  </a:lnTo>
                  <a:lnTo>
                    <a:pt x="23513" y="47244"/>
                  </a:lnTo>
                  <a:lnTo>
                    <a:pt x="24383" y="44196"/>
                  </a:lnTo>
                  <a:close/>
                </a:path>
                <a:path w="4721860" h="330834">
                  <a:moveTo>
                    <a:pt x="4692396" y="38100"/>
                  </a:moveTo>
                  <a:lnTo>
                    <a:pt x="4696968" y="47244"/>
                  </a:lnTo>
                  <a:lnTo>
                    <a:pt x="4696968" y="44196"/>
                  </a:lnTo>
                  <a:lnTo>
                    <a:pt x="4718521" y="44196"/>
                  </a:lnTo>
                  <a:lnTo>
                    <a:pt x="4717215" y="39624"/>
                  </a:lnTo>
                  <a:lnTo>
                    <a:pt x="4693920" y="39624"/>
                  </a:lnTo>
                  <a:lnTo>
                    <a:pt x="4692396" y="38100"/>
                  </a:lnTo>
                  <a:close/>
                </a:path>
                <a:path w="4721860" h="330834">
                  <a:moveTo>
                    <a:pt x="27432" y="38100"/>
                  </a:moveTo>
                  <a:lnTo>
                    <a:pt x="25907" y="39624"/>
                  </a:lnTo>
                  <a:lnTo>
                    <a:pt x="26669" y="39624"/>
                  </a:lnTo>
                  <a:lnTo>
                    <a:pt x="27432" y="38100"/>
                  </a:lnTo>
                  <a:close/>
                </a:path>
                <a:path w="4721860" h="330834">
                  <a:moveTo>
                    <a:pt x="4688501" y="32850"/>
                  </a:moveTo>
                  <a:lnTo>
                    <a:pt x="4693920" y="39624"/>
                  </a:lnTo>
                  <a:lnTo>
                    <a:pt x="4717215" y="39624"/>
                  </a:lnTo>
                  <a:lnTo>
                    <a:pt x="4716780" y="38100"/>
                  </a:lnTo>
                  <a:lnTo>
                    <a:pt x="4714167" y="33527"/>
                  </a:lnTo>
                  <a:lnTo>
                    <a:pt x="4689348" y="33527"/>
                  </a:lnTo>
                  <a:lnTo>
                    <a:pt x="4688501" y="32850"/>
                  </a:lnTo>
                  <a:close/>
                </a:path>
                <a:path w="4721860" h="330834">
                  <a:moveTo>
                    <a:pt x="33908" y="32004"/>
                  </a:moveTo>
                  <a:lnTo>
                    <a:pt x="33527" y="32004"/>
                  </a:lnTo>
                  <a:lnTo>
                    <a:pt x="32004" y="33527"/>
                  </a:lnTo>
                  <a:lnTo>
                    <a:pt x="33908" y="32004"/>
                  </a:lnTo>
                  <a:close/>
                </a:path>
                <a:path w="4721860" h="330834">
                  <a:moveTo>
                    <a:pt x="4687824" y="32004"/>
                  </a:moveTo>
                  <a:lnTo>
                    <a:pt x="4688501" y="32850"/>
                  </a:lnTo>
                  <a:lnTo>
                    <a:pt x="4689348" y="33527"/>
                  </a:lnTo>
                  <a:lnTo>
                    <a:pt x="4687824" y="32004"/>
                  </a:lnTo>
                  <a:close/>
                </a:path>
                <a:path w="4721860" h="330834">
                  <a:moveTo>
                    <a:pt x="4713296" y="32004"/>
                  </a:moveTo>
                  <a:lnTo>
                    <a:pt x="4687824" y="32004"/>
                  </a:lnTo>
                  <a:lnTo>
                    <a:pt x="4689348" y="33527"/>
                  </a:lnTo>
                  <a:lnTo>
                    <a:pt x="4714167" y="33527"/>
                  </a:lnTo>
                  <a:lnTo>
                    <a:pt x="4713296" y="32004"/>
                  </a:lnTo>
                  <a:close/>
                </a:path>
                <a:path w="4721860" h="330834">
                  <a:moveTo>
                    <a:pt x="4706874" y="22860"/>
                  </a:moveTo>
                  <a:lnTo>
                    <a:pt x="4674108" y="22860"/>
                  </a:lnTo>
                  <a:lnTo>
                    <a:pt x="4683252" y="27432"/>
                  </a:lnTo>
                  <a:lnTo>
                    <a:pt x="4681728" y="27432"/>
                  </a:lnTo>
                  <a:lnTo>
                    <a:pt x="4688501" y="32850"/>
                  </a:lnTo>
                  <a:lnTo>
                    <a:pt x="4687824" y="32004"/>
                  </a:lnTo>
                  <a:lnTo>
                    <a:pt x="4713296" y="32004"/>
                  </a:lnTo>
                  <a:lnTo>
                    <a:pt x="4710684" y="27432"/>
                  </a:lnTo>
                  <a:lnTo>
                    <a:pt x="4706874" y="22860"/>
                  </a:lnTo>
                  <a:close/>
                </a:path>
                <a:path w="4721860" h="330834">
                  <a:moveTo>
                    <a:pt x="49530" y="22860"/>
                  </a:moveTo>
                  <a:lnTo>
                    <a:pt x="45719" y="22860"/>
                  </a:lnTo>
                  <a:lnTo>
                    <a:pt x="44196" y="24384"/>
                  </a:lnTo>
                  <a:lnTo>
                    <a:pt x="49530" y="22860"/>
                  </a:lnTo>
                  <a:close/>
                </a:path>
                <a:path w="4721860" h="330834">
                  <a:moveTo>
                    <a:pt x="4704334" y="19812"/>
                  </a:moveTo>
                  <a:lnTo>
                    <a:pt x="4657344" y="19812"/>
                  </a:lnTo>
                  <a:lnTo>
                    <a:pt x="4668012" y="21336"/>
                  </a:lnTo>
                  <a:lnTo>
                    <a:pt x="4666488" y="21336"/>
                  </a:lnTo>
                  <a:lnTo>
                    <a:pt x="4675632" y="24384"/>
                  </a:lnTo>
                  <a:lnTo>
                    <a:pt x="4674108" y="22860"/>
                  </a:lnTo>
                  <a:lnTo>
                    <a:pt x="4706874" y="22860"/>
                  </a:lnTo>
                  <a:lnTo>
                    <a:pt x="4704334" y="19812"/>
                  </a:lnTo>
                  <a:close/>
                </a:path>
              </a:pathLst>
            </a:custGeom>
            <a:solidFill>
              <a:srgbClr val="ED7C31"/>
            </a:solidFill>
          </p:spPr>
          <p:txBody>
            <a:bodyPr wrap="square" lIns="0" tIns="0" rIns="0" bIns="0" rtlCol="0"/>
            <a:lstStyle/>
            <a:p>
              <a:endParaRPr sz="1539"/>
            </a:p>
          </p:txBody>
        </p:sp>
      </p:grpSp>
      <p:sp>
        <p:nvSpPr>
          <p:cNvPr id="15" name="object 15"/>
          <p:cNvSpPr txBox="1"/>
          <p:nvPr/>
        </p:nvSpPr>
        <p:spPr>
          <a:xfrm>
            <a:off x="240653" y="1010836"/>
            <a:ext cx="3064652" cy="660744"/>
          </a:xfrm>
          <a:prstGeom prst="rect">
            <a:avLst/>
          </a:prstGeom>
        </p:spPr>
        <p:txBody>
          <a:bodyPr vert="horz" wrap="square" lIns="0" tIns="13575" rIns="0" bIns="0" rtlCol="0">
            <a:spAutoFit/>
          </a:bodyPr>
          <a:lstStyle/>
          <a:p>
            <a:pPr marL="1123443">
              <a:spcBef>
                <a:spcPts val="107"/>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a:p>
            <a:pPr marL="10860">
              <a:spcBef>
                <a:spcPts val="1347"/>
              </a:spcBef>
            </a:pPr>
            <a:r>
              <a:rPr sz="1667" b="1" spc="-9" dirty="0">
                <a:solidFill>
                  <a:srgbClr val="0070BF"/>
                </a:solidFill>
                <a:latin typeface="ＭＳ Ｐゴシック"/>
                <a:cs typeface="ＭＳ Ｐゴシック"/>
              </a:rPr>
              <a:t>（１）</a:t>
            </a:r>
            <a:r>
              <a:rPr sz="1667" b="1" spc="-21" dirty="0">
                <a:solidFill>
                  <a:srgbClr val="0070BF"/>
                </a:solidFill>
                <a:latin typeface="ＭＳ Ｐゴシック"/>
                <a:cs typeface="ＭＳ Ｐゴシック"/>
              </a:rPr>
              <a:t>メンテナンスサイクルの確立</a:t>
            </a:r>
            <a:endParaRPr sz="1667">
              <a:latin typeface="ＭＳ Ｐゴシック"/>
              <a:cs typeface="ＭＳ Ｐゴシック"/>
            </a:endParaRPr>
          </a:p>
        </p:txBody>
      </p:sp>
      <p:grpSp>
        <p:nvGrpSpPr>
          <p:cNvPr id="16" name="object 16"/>
          <p:cNvGrpSpPr/>
          <p:nvPr/>
        </p:nvGrpSpPr>
        <p:grpSpPr>
          <a:xfrm>
            <a:off x="276275" y="2357458"/>
            <a:ext cx="8498381" cy="3930725"/>
            <a:chOff x="323088" y="2528316"/>
            <a:chExt cx="9938385" cy="4596765"/>
          </a:xfrm>
        </p:grpSpPr>
        <p:sp>
          <p:nvSpPr>
            <p:cNvPr id="17" name="object 17"/>
            <p:cNvSpPr/>
            <p:nvPr/>
          </p:nvSpPr>
          <p:spPr>
            <a:xfrm>
              <a:off x="5071872" y="5293055"/>
              <a:ext cx="485140" cy="238760"/>
            </a:xfrm>
            <a:custGeom>
              <a:avLst/>
              <a:gdLst/>
              <a:ahLst/>
              <a:cxnLst/>
              <a:rect l="l" t="t" r="r" b="b"/>
              <a:pathLst>
                <a:path w="485139" h="238760">
                  <a:moveTo>
                    <a:pt x="484632" y="231444"/>
                  </a:moveTo>
                  <a:lnTo>
                    <a:pt x="245364" y="231444"/>
                  </a:lnTo>
                  <a:lnTo>
                    <a:pt x="243916" y="231444"/>
                  </a:lnTo>
                  <a:lnTo>
                    <a:pt x="243916" y="231140"/>
                  </a:lnTo>
                  <a:lnTo>
                    <a:pt x="245364" y="231140"/>
                  </a:lnTo>
                  <a:lnTo>
                    <a:pt x="245364" y="6350"/>
                  </a:lnTo>
                  <a:lnTo>
                    <a:pt x="240868" y="6350"/>
                  </a:lnTo>
                  <a:lnTo>
                    <a:pt x="240868" y="4445"/>
                  </a:lnTo>
                  <a:lnTo>
                    <a:pt x="242316" y="5892"/>
                  </a:lnTo>
                  <a:lnTo>
                    <a:pt x="245364" y="5892"/>
                  </a:lnTo>
                  <a:lnTo>
                    <a:pt x="245364" y="2844"/>
                  </a:lnTo>
                  <a:lnTo>
                    <a:pt x="240868" y="2844"/>
                  </a:lnTo>
                  <a:lnTo>
                    <a:pt x="240868" y="2540"/>
                  </a:lnTo>
                  <a:lnTo>
                    <a:pt x="245364" y="2540"/>
                  </a:lnTo>
                  <a:lnTo>
                    <a:pt x="245364" y="0"/>
                  </a:lnTo>
                  <a:lnTo>
                    <a:pt x="0" y="0"/>
                  </a:lnTo>
                  <a:lnTo>
                    <a:pt x="0" y="2540"/>
                  </a:lnTo>
                  <a:lnTo>
                    <a:pt x="0" y="6350"/>
                  </a:lnTo>
                  <a:lnTo>
                    <a:pt x="239268" y="6350"/>
                  </a:lnTo>
                  <a:lnTo>
                    <a:pt x="239268" y="231140"/>
                  </a:lnTo>
                  <a:lnTo>
                    <a:pt x="239268" y="234950"/>
                  </a:lnTo>
                  <a:lnTo>
                    <a:pt x="239268" y="238760"/>
                  </a:lnTo>
                  <a:lnTo>
                    <a:pt x="484632" y="238760"/>
                  </a:lnTo>
                  <a:lnTo>
                    <a:pt x="484632" y="234950"/>
                  </a:lnTo>
                  <a:lnTo>
                    <a:pt x="243916" y="234950"/>
                  </a:lnTo>
                  <a:lnTo>
                    <a:pt x="243916" y="233045"/>
                  </a:lnTo>
                  <a:lnTo>
                    <a:pt x="245364" y="234492"/>
                  </a:lnTo>
                  <a:lnTo>
                    <a:pt x="484632" y="234492"/>
                  </a:lnTo>
                  <a:lnTo>
                    <a:pt x="484632" y="231444"/>
                  </a:lnTo>
                  <a:close/>
                </a:path>
              </a:pathLst>
            </a:custGeom>
            <a:solidFill>
              <a:srgbClr val="000000"/>
            </a:solidFill>
          </p:spPr>
          <p:txBody>
            <a:bodyPr wrap="square" lIns="0" tIns="0" rIns="0" bIns="0" rtlCol="0"/>
            <a:lstStyle/>
            <a:p>
              <a:endParaRPr sz="1539"/>
            </a:p>
          </p:txBody>
        </p:sp>
        <p:pic>
          <p:nvPicPr>
            <p:cNvPr id="18" name="object 18"/>
            <p:cNvPicPr/>
            <p:nvPr/>
          </p:nvPicPr>
          <p:blipFill>
            <a:blip r:embed="rId4" cstate="print"/>
            <a:stretch>
              <a:fillRect/>
            </a:stretch>
          </p:blipFill>
          <p:spPr>
            <a:xfrm>
              <a:off x="370332" y="4712208"/>
              <a:ext cx="4701540" cy="1165859"/>
            </a:xfrm>
            <a:prstGeom prst="rect">
              <a:avLst/>
            </a:prstGeom>
          </p:spPr>
        </p:pic>
        <p:sp>
          <p:nvSpPr>
            <p:cNvPr id="19" name="object 19"/>
            <p:cNvSpPr/>
            <p:nvPr/>
          </p:nvSpPr>
          <p:spPr>
            <a:xfrm>
              <a:off x="367284" y="4709160"/>
              <a:ext cx="4707890" cy="1172210"/>
            </a:xfrm>
            <a:custGeom>
              <a:avLst/>
              <a:gdLst/>
              <a:ahLst/>
              <a:cxnLst/>
              <a:rect l="l" t="t" r="r" b="b"/>
              <a:pathLst>
                <a:path w="4707890" h="1172210">
                  <a:moveTo>
                    <a:pt x="4707636" y="0"/>
                  </a:moveTo>
                  <a:lnTo>
                    <a:pt x="0" y="0"/>
                  </a:lnTo>
                  <a:lnTo>
                    <a:pt x="0" y="1171956"/>
                  </a:lnTo>
                  <a:lnTo>
                    <a:pt x="4707636" y="1171956"/>
                  </a:lnTo>
                  <a:lnTo>
                    <a:pt x="4707636" y="1168907"/>
                  </a:lnTo>
                  <a:lnTo>
                    <a:pt x="7619" y="1168908"/>
                  </a:lnTo>
                  <a:lnTo>
                    <a:pt x="3047" y="1165860"/>
                  </a:lnTo>
                  <a:lnTo>
                    <a:pt x="7619" y="1165860"/>
                  </a:lnTo>
                  <a:lnTo>
                    <a:pt x="7619" y="7619"/>
                  </a:lnTo>
                  <a:lnTo>
                    <a:pt x="3047" y="7619"/>
                  </a:lnTo>
                  <a:lnTo>
                    <a:pt x="7619" y="3048"/>
                  </a:lnTo>
                  <a:lnTo>
                    <a:pt x="4707636" y="3048"/>
                  </a:lnTo>
                  <a:lnTo>
                    <a:pt x="4707636" y="0"/>
                  </a:lnTo>
                  <a:close/>
                </a:path>
                <a:path w="4707890" h="1172210">
                  <a:moveTo>
                    <a:pt x="7619" y="1165860"/>
                  </a:moveTo>
                  <a:lnTo>
                    <a:pt x="3047" y="1165860"/>
                  </a:lnTo>
                  <a:lnTo>
                    <a:pt x="7619" y="1168908"/>
                  </a:lnTo>
                  <a:lnTo>
                    <a:pt x="7619" y="1165860"/>
                  </a:lnTo>
                  <a:close/>
                </a:path>
                <a:path w="4707890" h="1172210">
                  <a:moveTo>
                    <a:pt x="4701540" y="1165860"/>
                  </a:moveTo>
                  <a:lnTo>
                    <a:pt x="7619" y="1165860"/>
                  </a:lnTo>
                  <a:lnTo>
                    <a:pt x="7619" y="1168908"/>
                  </a:lnTo>
                  <a:lnTo>
                    <a:pt x="4701540" y="1168908"/>
                  </a:lnTo>
                  <a:lnTo>
                    <a:pt x="4701540" y="1165860"/>
                  </a:lnTo>
                  <a:close/>
                </a:path>
                <a:path w="4707890" h="1172210">
                  <a:moveTo>
                    <a:pt x="4701540" y="3048"/>
                  </a:moveTo>
                  <a:lnTo>
                    <a:pt x="4701540" y="1168908"/>
                  </a:lnTo>
                  <a:lnTo>
                    <a:pt x="4704588" y="1165860"/>
                  </a:lnTo>
                  <a:lnTo>
                    <a:pt x="4707636" y="1165860"/>
                  </a:lnTo>
                  <a:lnTo>
                    <a:pt x="4707636" y="7619"/>
                  </a:lnTo>
                  <a:lnTo>
                    <a:pt x="4704588" y="7619"/>
                  </a:lnTo>
                  <a:lnTo>
                    <a:pt x="4701540" y="3048"/>
                  </a:lnTo>
                  <a:close/>
                </a:path>
                <a:path w="4707890" h="1172210">
                  <a:moveTo>
                    <a:pt x="4707636" y="1165860"/>
                  </a:moveTo>
                  <a:lnTo>
                    <a:pt x="4704588" y="1165860"/>
                  </a:lnTo>
                  <a:lnTo>
                    <a:pt x="4701540" y="1168908"/>
                  </a:lnTo>
                  <a:lnTo>
                    <a:pt x="4707636" y="1168907"/>
                  </a:lnTo>
                  <a:lnTo>
                    <a:pt x="4707636" y="1165860"/>
                  </a:lnTo>
                  <a:close/>
                </a:path>
                <a:path w="4707890" h="1172210">
                  <a:moveTo>
                    <a:pt x="7619" y="3048"/>
                  </a:moveTo>
                  <a:lnTo>
                    <a:pt x="3047" y="7619"/>
                  </a:lnTo>
                  <a:lnTo>
                    <a:pt x="7619" y="7619"/>
                  </a:lnTo>
                  <a:lnTo>
                    <a:pt x="7619" y="3048"/>
                  </a:lnTo>
                  <a:close/>
                </a:path>
                <a:path w="4707890" h="1172210">
                  <a:moveTo>
                    <a:pt x="4701540" y="3048"/>
                  </a:moveTo>
                  <a:lnTo>
                    <a:pt x="7619" y="3048"/>
                  </a:lnTo>
                  <a:lnTo>
                    <a:pt x="7619" y="7619"/>
                  </a:lnTo>
                  <a:lnTo>
                    <a:pt x="4701540" y="7619"/>
                  </a:lnTo>
                  <a:lnTo>
                    <a:pt x="4701540" y="3048"/>
                  </a:lnTo>
                  <a:close/>
                </a:path>
                <a:path w="4707890" h="1172210">
                  <a:moveTo>
                    <a:pt x="4707636" y="3048"/>
                  </a:moveTo>
                  <a:lnTo>
                    <a:pt x="4701540" y="3048"/>
                  </a:lnTo>
                  <a:lnTo>
                    <a:pt x="4704588" y="7619"/>
                  </a:lnTo>
                  <a:lnTo>
                    <a:pt x="4707636" y="7619"/>
                  </a:lnTo>
                  <a:lnTo>
                    <a:pt x="4707636" y="3048"/>
                  </a:lnTo>
                  <a:close/>
                </a:path>
              </a:pathLst>
            </a:custGeom>
            <a:solidFill>
              <a:srgbClr val="ED7C31"/>
            </a:solidFill>
          </p:spPr>
          <p:txBody>
            <a:bodyPr wrap="square" lIns="0" tIns="0" rIns="0" bIns="0" rtlCol="0"/>
            <a:lstStyle/>
            <a:p>
              <a:endParaRPr sz="1539"/>
            </a:p>
          </p:txBody>
        </p:sp>
        <p:pic>
          <p:nvPicPr>
            <p:cNvPr id="20" name="object 20"/>
            <p:cNvPicPr/>
            <p:nvPr/>
          </p:nvPicPr>
          <p:blipFill>
            <a:blip r:embed="rId2" cstate="print"/>
            <a:stretch>
              <a:fillRect/>
            </a:stretch>
          </p:blipFill>
          <p:spPr>
            <a:xfrm>
              <a:off x="5556503" y="5334000"/>
              <a:ext cx="4700015" cy="388619"/>
            </a:xfrm>
            <a:prstGeom prst="rect">
              <a:avLst/>
            </a:prstGeom>
          </p:spPr>
        </p:pic>
        <p:sp>
          <p:nvSpPr>
            <p:cNvPr id="21" name="object 21"/>
            <p:cNvSpPr/>
            <p:nvPr/>
          </p:nvSpPr>
          <p:spPr>
            <a:xfrm>
              <a:off x="5553455" y="5330951"/>
              <a:ext cx="4707890" cy="394970"/>
            </a:xfrm>
            <a:custGeom>
              <a:avLst/>
              <a:gdLst/>
              <a:ahLst/>
              <a:cxnLst/>
              <a:rect l="l" t="t" r="r" b="b"/>
              <a:pathLst>
                <a:path w="4707890" h="394970">
                  <a:moveTo>
                    <a:pt x="4707636" y="0"/>
                  </a:moveTo>
                  <a:lnTo>
                    <a:pt x="0" y="0"/>
                  </a:lnTo>
                  <a:lnTo>
                    <a:pt x="0" y="394715"/>
                  </a:lnTo>
                  <a:lnTo>
                    <a:pt x="4707636" y="394715"/>
                  </a:lnTo>
                  <a:lnTo>
                    <a:pt x="4707636" y="391667"/>
                  </a:lnTo>
                  <a:lnTo>
                    <a:pt x="6096" y="391667"/>
                  </a:lnTo>
                  <a:lnTo>
                    <a:pt x="3048" y="387095"/>
                  </a:lnTo>
                  <a:lnTo>
                    <a:pt x="6096" y="387095"/>
                  </a:lnTo>
                  <a:lnTo>
                    <a:pt x="6096" y="6095"/>
                  </a:lnTo>
                  <a:lnTo>
                    <a:pt x="3048" y="6095"/>
                  </a:lnTo>
                  <a:lnTo>
                    <a:pt x="6096" y="3047"/>
                  </a:lnTo>
                  <a:lnTo>
                    <a:pt x="4707636" y="3047"/>
                  </a:lnTo>
                  <a:lnTo>
                    <a:pt x="4707636" y="0"/>
                  </a:lnTo>
                  <a:close/>
                </a:path>
                <a:path w="4707890" h="394970">
                  <a:moveTo>
                    <a:pt x="6096" y="387095"/>
                  </a:moveTo>
                  <a:lnTo>
                    <a:pt x="3048" y="387095"/>
                  </a:lnTo>
                  <a:lnTo>
                    <a:pt x="6096" y="391667"/>
                  </a:lnTo>
                  <a:lnTo>
                    <a:pt x="6096" y="387095"/>
                  </a:lnTo>
                  <a:close/>
                </a:path>
                <a:path w="4707890" h="394970">
                  <a:moveTo>
                    <a:pt x="4700016" y="387095"/>
                  </a:moveTo>
                  <a:lnTo>
                    <a:pt x="6096" y="387095"/>
                  </a:lnTo>
                  <a:lnTo>
                    <a:pt x="6096" y="391667"/>
                  </a:lnTo>
                  <a:lnTo>
                    <a:pt x="4700016" y="391667"/>
                  </a:lnTo>
                  <a:lnTo>
                    <a:pt x="4700016" y="387095"/>
                  </a:lnTo>
                  <a:close/>
                </a:path>
                <a:path w="4707890" h="394970">
                  <a:moveTo>
                    <a:pt x="4700016" y="3047"/>
                  </a:moveTo>
                  <a:lnTo>
                    <a:pt x="4700016" y="391667"/>
                  </a:lnTo>
                  <a:lnTo>
                    <a:pt x="4703064" y="387095"/>
                  </a:lnTo>
                  <a:lnTo>
                    <a:pt x="4707636" y="387095"/>
                  </a:lnTo>
                  <a:lnTo>
                    <a:pt x="4707636" y="6095"/>
                  </a:lnTo>
                  <a:lnTo>
                    <a:pt x="4703064" y="6095"/>
                  </a:lnTo>
                  <a:lnTo>
                    <a:pt x="4700016" y="3047"/>
                  </a:lnTo>
                  <a:close/>
                </a:path>
                <a:path w="4707890" h="394970">
                  <a:moveTo>
                    <a:pt x="4707636" y="387095"/>
                  </a:moveTo>
                  <a:lnTo>
                    <a:pt x="4703064" y="387095"/>
                  </a:lnTo>
                  <a:lnTo>
                    <a:pt x="4700016" y="391667"/>
                  </a:lnTo>
                  <a:lnTo>
                    <a:pt x="4707636" y="391667"/>
                  </a:lnTo>
                  <a:lnTo>
                    <a:pt x="4707636" y="387095"/>
                  </a:lnTo>
                  <a:close/>
                </a:path>
                <a:path w="4707890" h="394970">
                  <a:moveTo>
                    <a:pt x="6096" y="3047"/>
                  </a:moveTo>
                  <a:lnTo>
                    <a:pt x="3048" y="6095"/>
                  </a:lnTo>
                  <a:lnTo>
                    <a:pt x="6096" y="6095"/>
                  </a:lnTo>
                  <a:lnTo>
                    <a:pt x="6096" y="3047"/>
                  </a:lnTo>
                  <a:close/>
                </a:path>
                <a:path w="4707890" h="394970">
                  <a:moveTo>
                    <a:pt x="4700016" y="3047"/>
                  </a:moveTo>
                  <a:lnTo>
                    <a:pt x="6096" y="3047"/>
                  </a:lnTo>
                  <a:lnTo>
                    <a:pt x="6096" y="6095"/>
                  </a:lnTo>
                  <a:lnTo>
                    <a:pt x="4700016" y="6095"/>
                  </a:lnTo>
                  <a:lnTo>
                    <a:pt x="4700016" y="3047"/>
                  </a:lnTo>
                  <a:close/>
                </a:path>
                <a:path w="4707890" h="394970">
                  <a:moveTo>
                    <a:pt x="4707636" y="3047"/>
                  </a:moveTo>
                  <a:lnTo>
                    <a:pt x="4700016" y="3047"/>
                  </a:lnTo>
                  <a:lnTo>
                    <a:pt x="4703064" y="6095"/>
                  </a:lnTo>
                  <a:lnTo>
                    <a:pt x="4707636" y="6095"/>
                  </a:lnTo>
                  <a:lnTo>
                    <a:pt x="4707636" y="3047"/>
                  </a:lnTo>
                  <a:close/>
                </a:path>
              </a:pathLst>
            </a:custGeom>
            <a:solidFill>
              <a:srgbClr val="70AC46"/>
            </a:solidFill>
          </p:spPr>
          <p:txBody>
            <a:bodyPr wrap="square" lIns="0" tIns="0" rIns="0" bIns="0" rtlCol="0"/>
            <a:lstStyle/>
            <a:p>
              <a:endParaRPr sz="1539"/>
            </a:p>
          </p:txBody>
        </p:sp>
        <p:pic>
          <p:nvPicPr>
            <p:cNvPr id="22" name="object 22"/>
            <p:cNvPicPr/>
            <p:nvPr/>
          </p:nvPicPr>
          <p:blipFill>
            <a:blip r:embed="rId2" cstate="print"/>
            <a:stretch>
              <a:fillRect/>
            </a:stretch>
          </p:blipFill>
          <p:spPr>
            <a:xfrm>
              <a:off x="5556503" y="4867655"/>
              <a:ext cx="4700015" cy="388619"/>
            </a:xfrm>
            <a:prstGeom prst="rect">
              <a:avLst/>
            </a:prstGeom>
          </p:spPr>
        </p:pic>
        <p:sp>
          <p:nvSpPr>
            <p:cNvPr id="23" name="object 23"/>
            <p:cNvSpPr/>
            <p:nvPr/>
          </p:nvSpPr>
          <p:spPr>
            <a:xfrm>
              <a:off x="5553455" y="4864608"/>
              <a:ext cx="4707890" cy="394970"/>
            </a:xfrm>
            <a:custGeom>
              <a:avLst/>
              <a:gdLst/>
              <a:ahLst/>
              <a:cxnLst/>
              <a:rect l="l" t="t" r="r" b="b"/>
              <a:pathLst>
                <a:path w="4707890" h="394970">
                  <a:moveTo>
                    <a:pt x="4707636" y="0"/>
                  </a:moveTo>
                  <a:lnTo>
                    <a:pt x="0" y="0"/>
                  </a:lnTo>
                  <a:lnTo>
                    <a:pt x="0" y="394715"/>
                  </a:lnTo>
                  <a:lnTo>
                    <a:pt x="4707636" y="394715"/>
                  </a:lnTo>
                  <a:lnTo>
                    <a:pt x="4707636" y="391668"/>
                  </a:lnTo>
                  <a:lnTo>
                    <a:pt x="6096" y="391668"/>
                  </a:lnTo>
                  <a:lnTo>
                    <a:pt x="3048" y="388619"/>
                  </a:lnTo>
                  <a:lnTo>
                    <a:pt x="6096" y="388619"/>
                  </a:lnTo>
                  <a:lnTo>
                    <a:pt x="6096" y="6095"/>
                  </a:lnTo>
                  <a:lnTo>
                    <a:pt x="3048" y="6095"/>
                  </a:lnTo>
                  <a:lnTo>
                    <a:pt x="6096" y="3047"/>
                  </a:lnTo>
                  <a:lnTo>
                    <a:pt x="4707636" y="3047"/>
                  </a:lnTo>
                  <a:lnTo>
                    <a:pt x="4707636" y="0"/>
                  </a:lnTo>
                  <a:close/>
                </a:path>
                <a:path w="4707890" h="394970">
                  <a:moveTo>
                    <a:pt x="6096" y="388619"/>
                  </a:moveTo>
                  <a:lnTo>
                    <a:pt x="3048" y="388619"/>
                  </a:lnTo>
                  <a:lnTo>
                    <a:pt x="6096" y="391668"/>
                  </a:lnTo>
                  <a:lnTo>
                    <a:pt x="6096" y="388619"/>
                  </a:lnTo>
                  <a:close/>
                </a:path>
                <a:path w="4707890" h="394970">
                  <a:moveTo>
                    <a:pt x="4700016" y="388619"/>
                  </a:moveTo>
                  <a:lnTo>
                    <a:pt x="6096" y="388619"/>
                  </a:lnTo>
                  <a:lnTo>
                    <a:pt x="6096" y="391668"/>
                  </a:lnTo>
                  <a:lnTo>
                    <a:pt x="4700016" y="391668"/>
                  </a:lnTo>
                  <a:lnTo>
                    <a:pt x="4700016" y="388619"/>
                  </a:lnTo>
                  <a:close/>
                </a:path>
                <a:path w="4707890" h="394970">
                  <a:moveTo>
                    <a:pt x="4700016" y="3047"/>
                  </a:moveTo>
                  <a:lnTo>
                    <a:pt x="4700016" y="391668"/>
                  </a:lnTo>
                  <a:lnTo>
                    <a:pt x="4703064" y="388619"/>
                  </a:lnTo>
                  <a:lnTo>
                    <a:pt x="4707636" y="388619"/>
                  </a:lnTo>
                  <a:lnTo>
                    <a:pt x="4707636" y="6095"/>
                  </a:lnTo>
                  <a:lnTo>
                    <a:pt x="4703064" y="6095"/>
                  </a:lnTo>
                  <a:lnTo>
                    <a:pt x="4700016" y="3047"/>
                  </a:lnTo>
                  <a:close/>
                </a:path>
                <a:path w="4707890" h="394970">
                  <a:moveTo>
                    <a:pt x="4707636" y="388619"/>
                  </a:moveTo>
                  <a:lnTo>
                    <a:pt x="4703064" y="388619"/>
                  </a:lnTo>
                  <a:lnTo>
                    <a:pt x="4700016" y="391668"/>
                  </a:lnTo>
                  <a:lnTo>
                    <a:pt x="4707636" y="391668"/>
                  </a:lnTo>
                  <a:lnTo>
                    <a:pt x="4707636" y="388619"/>
                  </a:lnTo>
                  <a:close/>
                </a:path>
                <a:path w="4707890" h="394970">
                  <a:moveTo>
                    <a:pt x="6096" y="3047"/>
                  </a:moveTo>
                  <a:lnTo>
                    <a:pt x="3048" y="6095"/>
                  </a:lnTo>
                  <a:lnTo>
                    <a:pt x="6096" y="6095"/>
                  </a:lnTo>
                  <a:lnTo>
                    <a:pt x="6096" y="3047"/>
                  </a:lnTo>
                  <a:close/>
                </a:path>
                <a:path w="4707890" h="394970">
                  <a:moveTo>
                    <a:pt x="4700016" y="3047"/>
                  </a:moveTo>
                  <a:lnTo>
                    <a:pt x="6096" y="3047"/>
                  </a:lnTo>
                  <a:lnTo>
                    <a:pt x="6096" y="6095"/>
                  </a:lnTo>
                  <a:lnTo>
                    <a:pt x="4700016" y="6095"/>
                  </a:lnTo>
                  <a:lnTo>
                    <a:pt x="4700016" y="3047"/>
                  </a:lnTo>
                  <a:close/>
                </a:path>
                <a:path w="4707890" h="394970">
                  <a:moveTo>
                    <a:pt x="4707636" y="3047"/>
                  </a:moveTo>
                  <a:lnTo>
                    <a:pt x="4700016" y="3047"/>
                  </a:lnTo>
                  <a:lnTo>
                    <a:pt x="4703064" y="6095"/>
                  </a:lnTo>
                  <a:lnTo>
                    <a:pt x="4707636" y="6095"/>
                  </a:lnTo>
                  <a:lnTo>
                    <a:pt x="4707636" y="3047"/>
                  </a:lnTo>
                  <a:close/>
                </a:path>
              </a:pathLst>
            </a:custGeom>
            <a:solidFill>
              <a:srgbClr val="70AC46"/>
            </a:solidFill>
          </p:spPr>
          <p:txBody>
            <a:bodyPr wrap="square" lIns="0" tIns="0" rIns="0" bIns="0" rtlCol="0"/>
            <a:lstStyle/>
            <a:p>
              <a:endParaRPr sz="1539"/>
            </a:p>
          </p:txBody>
        </p:sp>
        <p:sp>
          <p:nvSpPr>
            <p:cNvPr id="24" name="object 24"/>
            <p:cNvSpPr/>
            <p:nvPr/>
          </p:nvSpPr>
          <p:spPr>
            <a:xfrm>
              <a:off x="5027676" y="2528316"/>
              <a:ext cx="528955" cy="329565"/>
            </a:xfrm>
            <a:custGeom>
              <a:avLst/>
              <a:gdLst/>
              <a:ahLst/>
              <a:cxnLst/>
              <a:rect l="l" t="t" r="r" b="b"/>
              <a:pathLst>
                <a:path w="528954" h="329564">
                  <a:moveTo>
                    <a:pt x="260603" y="321564"/>
                  </a:moveTo>
                  <a:lnTo>
                    <a:pt x="0" y="321564"/>
                  </a:lnTo>
                  <a:lnTo>
                    <a:pt x="0" y="329184"/>
                  </a:lnTo>
                  <a:lnTo>
                    <a:pt x="268224" y="329184"/>
                  </a:lnTo>
                  <a:lnTo>
                    <a:pt x="268224" y="324612"/>
                  </a:lnTo>
                  <a:lnTo>
                    <a:pt x="260603" y="324612"/>
                  </a:lnTo>
                  <a:lnTo>
                    <a:pt x="260603" y="321564"/>
                  </a:lnTo>
                  <a:close/>
                </a:path>
                <a:path w="528954" h="329564">
                  <a:moveTo>
                    <a:pt x="528827" y="0"/>
                  </a:moveTo>
                  <a:lnTo>
                    <a:pt x="260603" y="0"/>
                  </a:lnTo>
                  <a:lnTo>
                    <a:pt x="260603" y="324612"/>
                  </a:lnTo>
                  <a:lnTo>
                    <a:pt x="263651" y="321564"/>
                  </a:lnTo>
                  <a:lnTo>
                    <a:pt x="268224" y="321564"/>
                  </a:lnTo>
                  <a:lnTo>
                    <a:pt x="268224" y="6096"/>
                  </a:lnTo>
                  <a:lnTo>
                    <a:pt x="263651" y="6096"/>
                  </a:lnTo>
                  <a:lnTo>
                    <a:pt x="268224" y="3048"/>
                  </a:lnTo>
                  <a:lnTo>
                    <a:pt x="528827" y="3048"/>
                  </a:lnTo>
                  <a:lnTo>
                    <a:pt x="528827" y="0"/>
                  </a:lnTo>
                  <a:close/>
                </a:path>
                <a:path w="528954" h="329564">
                  <a:moveTo>
                    <a:pt x="268224" y="321564"/>
                  </a:moveTo>
                  <a:lnTo>
                    <a:pt x="263651" y="321564"/>
                  </a:lnTo>
                  <a:lnTo>
                    <a:pt x="260603" y="324612"/>
                  </a:lnTo>
                  <a:lnTo>
                    <a:pt x="268224" y="324612"/>
                  </a:lnTo>
                  <a:lnTo>
                    <a:pt x="268224" y="321564"/>
                  </a:lnTo>
                  <a:close/>
                </a:path>
                <a:path w="528954" h="329564">
                  <a:moveTo>
                    <a:pt x="268224" y="3048"/>
                  </a:moveTo>
                  <a:lnTo>
                    <a:pt x="263651" y="6096"/>
                  </a:lnTo>
                  <a:lnTo>
                    <a:pt x="268224" y="6096"/>
                  </a:lnTo>
                  <a:lnTo>
                    <a:pt x="268224" y="3048"/>
                  </a:lnTo>
                  <a:close/>
                </a:path>
                <a:path w="528954" h="329564">
                  <a:moveTo>
                    <a:pt x="528827" y="3048"/>
                  </a:moveTo>
                  <a:lnTo>
                    <a:pt x="268224" y="3048"/>
                  </a:lnTo>
                  <a:lnTo>
                    <a:pt x="268224" y="6096"/>
                  </a:lnTo>
                  <a:lnTo>
                    <a:pt x="528827" y="6096"/>
                  </a:lnTo>
                  <a:lnTo>
                    <a:pt x="528827" y="3048"/>
                  </a:lnTo>
                  <a:close/>
                </a:path>
              </a:pathLst>
            </a:custGeom>
            <a:solidFill>
              <a:srgbClr val="000000"/>
            </a:solidFill>
          </p:spPr>
          <p:txBody>
            <a:bodyPr wrap="square" lIns="0" tIns="0" rIns="0" bIns="0" rtlCol="0"/>
            <a:lstStyle/>
            <a:p>
              <a:endParaRPr sz="1539"/>
            </a:p>
          </p:txBody>
        </p:sp>
        <p:pic>
          <p:nvPicPr>
            <p:cNvPr id="25" name="object 25"/>
            <p:cNvPicPr/>
            <p:nvPr/>
          </p:nvPicPr>
          <p:blipFill>
            <a:blip r:embed="rId5" cstate="print"/>
            <a:stretch>
              <a:fillRect/>
            </a:stretch>
          </p:blipFill>
          <p:spPr>
            <a:xfrm>
              <a:off x="327660" y="6188968"/>
              <a:ext cx="4700016" cy="932688"/>
            </a:xfrm>
            <a:prstGeom prst="rect">
              <a:avLst/>
            </a:prstGeom>
          </p:spPr>
        </p:pic>
        <p:sp>
          <p:nvSpPr>
            <p:cNvPr id="26" name="object 26"/>
            <p:cNvSpPr/>
            <p:nvPr/>
          </p:nvSpPr>
          <p:spPr>
            <a:xfrm>
              <a:off x="323088" y="6185916"/>
              <a:ext cx="4707890" cy="939165"/>
            </a:xfrm>
            <a:custGeom>
              <a:avLst/>
              <a:gdLst/>
              <a:ahLst/>
              <a:cxnLst/>
              <a:rect l="l" t="t" r="r" b="b"/>
              <a:pathLst>
                <a:path w="4707890" h="939165">
                  <a:moveTo>
                    <a:pt x="4707636" y="0"/>
                  </a:moveTo>
                  <a:lnTo>
                    <a:pt x="0" y="0"/>
                  </a:lnTo>
                  <a:lnTo>
                    <a:pt x="0" y="938789"/>
                  </a:lnTo>
                  <a:lnTo>
                    <a:pt x="4707636" y="938789"/>
                  </a:lnTo>
                  <a:lnTo>
                    <a:pt x="4707636" y="935741"/>
                  </a:lnTo>
                  <a:lnTo>
                    <a:pt x="7619" y="935741"/>
                  </a:lnTo>
                  <a:lnTo>
                    <a:pt x="4572" y="932693"/>
                  </a:lnTo>
                  <a:lnTo>
                    <a:pt x="7619" y="932693"/>
                  </a:lnTo>
                  <a:lnTo>
                    <a:pt x="7619" y="7620"/>
                  </a:lnTo>
                  <a:lnTo>
                    <a:pt x="4571" y="7620"/>
                  </a:lnTo>
                  <a:lnTo>
                    <a:pt x="7619" y="3048"/>
                  </a:lnTo>
                  <a:lnTo>
                    <a:pt x="4707636" y="3048"/>
                  </a:lnTo>
                  <a:lnTo>
                    <a:pt x="4707636" y="0"/>
                  </a:lnTo>
                  <a:close/>
                </a:path>
                <a:path w="4707890" h="939165">
                  <a:moveTo>
                    <a:pt x="7619" y="932693"/>
                  </a:moveTo>
                  <a:lnTo>
                    <a:pt x="4572" y="932693"/>
                  </a:lnTo>
                  <a:lnTo>
                    <a:pt x="7619" y="935741"/>
                  </a:lnTo>
                  <a:lnTo>
                    <a:pt x="7619" y="932693"/>
                  </a:lnTo>
                  <a:close/>
                </a:path>
                <a:path w="4707890" h="939165">
                  <a:moveTo>
                    <a:pt x="4701540" y="932693"/>
                  </a:moveTo>
                  <a:lnTo>
                    <a:pt x="7619" y="932693"/>
                  </a:lnTo>
                  <a:lnTo>
                    <a:pt x="7619" y="935741"/>
                  </a:lnTo>
                  <a:lnTo>
                    <a:pt x="4701540" y="935741"/>
                  </a:lnTo>
                  <a:lnTo>
                    <a:pt x="4701540" y="932693"/>
                  </a:lnTo>
                  <a:close/>
                </a:path>
                <a:path w="4707890" h="939165">
                  <a:moveTo>
                    <a:pt x="4701540" y="3048"/>
                  </a:moveTo>
                  <a:lnTo>
                    <a:pt x="4701540" y="935741"/>
                  </a:lnTo>
                  <a:lnTo>
                    <a:pt x="4704588" y="932693"/>
                  </a:lnTo>
                  <a:lnTo>
                    <a:pt x="4707636" y="932693"/>
                  </a:lnTo>
                  <a:lnTo>
                    <a:pt x="4707636" y="7620"/>
                  </a:lnTo>
                  <a:lnTo>
                    <a:pt x="4704588" y="7620"/>
                  </a:lnTo>
                  <a:lnTo>
                    <a:pt x="4701540" y="3048"/>
                  </a:lnTo>
                  <a:close/>
                </a:path>
                <a:path w="4707890" h="939165">
                  <a:moveTo>
                    <a:pt x="4707636" y="932693"/>
                  </a:moveTo>
                  <a:lnTo>
                    <a:pt x="4704588" y="932693"/>
                  </a:lnTo>
                  <a:lnTo>
                    <a:pt x="4701540" y="935741"/>
                  </a:lnTo>
                  <a:lnTo>
                    <a:pt x="4707636" y="935741"/>
                  </a:lnTo>
                  <a:lnTo>
                    <a:pt x="4707636" y="932693"/>
                  </a:lnTo>
                  <a:close/>
                </a:path>
                <a:path w="4707890" h="939165">
                  <a:moveTo>
                    <a:pt x="7619" y="3048"/>
                  </a:moveTo>
                  <a:lnTo>
                    <a:pt x="4571" y="7620"/>
                  </a:lnTo>
                  <a:lnTo>
                    <a:pt x="7619" y="7620"/>
                  </a:lnTo>
                  <a:lnTo>
                    <a:pt x="7619" y="3048"/>
                  </a:lnTo>
                  <a:close/>
                </a:path>
                <a:path w="4707890" h="939165">
                  <a:moveTo>
                    <a:pt x="4701540" y="3048"/>
                  </a:moveTo>
                  <a:lnTo>
                    <a:pt x="7619" y="3048"/>
                  </a:lnTo>
                  <a:lnTo>
                    <a:pt x="7619" y="7620"/>
                  </a:lnTo>
                  <a:lnTo>
                    <a:pt x="4701540" y="7620"/>
                  </a:lnTo>
                  <a:lnTo>
                    <a:pt x="4701540" y="3048"/>
                  </a:lnTo>
                  <a:close/>
                </a:path>
                <a:path w="4707890" h="939165">
                  <a:moveTo>
                    <a:pt x="4707636" y="3048"/>
                  </a:moveTo>
                  <a:lnTo>
                    <a:pt x="4701540" y="3048"/>
                  </a:lnTo>
                  <a:lnTo>
                    <a:pt x="4704588" y="7620"/>
                  </a:lnTo>
                  <a:lnTo>
                    <a:pt x="4707636" y="7620"/>
                  </a:lnTo>
                  <a:lnTo>
                    <a:pt x="4707636" y="3048"/>
                  </a:lnTo>
                  <a:close/>
                </a:path>
              </a:pathLst>
            </a:custGeom>
            <a:solidFill>
              <a:srgbClr val="ED7C31"/>
            </a:solidFill>
          </p:spPr>
          <p:txBody>
            <a:bodyPr wrap="square" lIns="0" tIns="0" rIns="0" bIns="0" rtlCol="0"/>
            <a:lstStyle/>
            <a:p>
              <a:endParaRPr sz="1539"/>
            </a:p>
          </p:txBody>
        </p:sp>
      </p:grpSp>
      <p:sp>
        <p:nvSpPr>
          <p:cNvPr id="27" name="object 27"/>
          <p:cNvSpPr txBox="1"/>
          <p:nvPr/>
        </p:nvSpPr>
        <p:spPr>
          <a:xfrm>
            <a:off x="335787" y="4328255"/>
            <a:ext cx="3836245" cy="1892753"/>
          </a:xfrm>
          <a:prstGeom prst="rect">
            <a:avLst/>
          </a:prstGeom>
        </p:spPr>
        <p:txBody>
          <a:bodyPr vert="horz" wrap="square" lIns="0" tIns="57014" rIns="0" bIns="0" rtlCol="0">
            <a:spAutoFit/>
          </a:bodyPr>
          <a:lstStyle/>
          <a:p>
            <a:pPr marL="48326">
              <a:spcBef>
                <a:spcPts val="449"/>
              </a:spcBef>
            </a:pPr>
            <a:r>
              <a:rPr sz="1454" spc="-9" dirty="0">
                <a:latin typeface="HGSｺﾞｼｯｸM"/>
                <a:cs typeface="HGSｺﾞｼｯｸM"/>
              </a:rPr>
              <a:t>④補修・修繕</a:t>
            </a:r>
            <a:endParaRPr sz="1454">
              <a:latin typeface="HGSｺﾞｼｯｸM"/>
              <a:cs typeface="HGSｺﾞｼｯｸM"/>
            </a:endParaRPr>
          </a:p>
          <a:p>
            <a:pPr marL="212851" marR="4344" indent="-164526">
              <a:lnSpc>
                <a:spcPts val="1856"/>
              </a:lnSpc>
              <a:spcBef>
                <a:spcPts val="115"/>
              </a:spcBef>
            </a:pPr>
            <a:r>
              <a:rPr sz="1283" spc="-4" dirty="0">
                <a:latin typeface="HGSｺﾞｼｯｸM"/>
                <a:cs typeface="HGSｺﾞｼｯｸM"/>
              </a:rPr>
              <a:t>・今後計画通りに補修・修繕等の措置を講じること</a:t>
            </a:r>
            <a:r>
              <a:rPr sz="1283" dirty="0">
                <a:latin typeface="HGSｺﾞｼｯｸM"/>
                <a:cs typeface="HGSｺﾞｼｯｸM"/>
              </a:rPr>
              <a:t>に不安（理由:予算の不足、担い手の不足</a:t>
            </a:r>
            <a:r>
              <a:rPr sz="1283" spc="-43" dirty="0">
                <a:latin typeface="HGSｺﾞｼｯｸM"/>
                <a:cs typeface="HGSｺﾞｼｯｸM"/>
              </a:rPr>
              <a:t>）</a:t>
            </a:r>
            <a:endParaRPr sz="1283">
              <a:latin typeface="HGSｺﾞｼｯｸM"/>
              <a:cs typeface="HGSｺﾞｼｯｸM"/>
            </a:endParaRPr>
          </a:p>
          <a:p>
            <a:pPr>
              <a:lnSpc>
                <a:spcPct val="100000"/>
              </a:lnSpc>
            </a:pPr>
            <a:endParaRPr sz="1283">
              <a:latin typeface="HGSｺﾞｼｯｸM"/>
              <a:cs typeface="HGSｺﾞｼｯｸM"/>
            </a:endParaRPr>
          </a:p>
          <a:p>
            <a:pPr>
              <a:spcBef>
                <a:spcPts val="248"/>
              </a:spcBef>
            </a:pPr>
            <a:endParaRPr sz="1283">
              <a:latin typeface="HGSｺﾞｼｯｸM"/>
              <a:cs typeface="HGSｺﾞｼｯｸM"/>
            </a:endParaRPr>
          </a:p>
          <a:p>
            <a:pPr marL="10860"/>
            <a:r>
              <a:rPr sz="1454" spc="-4" dirty="0">
                <a:latin typeface="HGSｺﾞｼｯｸM"/>
                <a:cs typeface="HGSｺﾞｼｯｸM"/>
              </a:rPr>
              <a:t>⑤点検・補修データの記録</a:t>
            </a:r>
            <a:endParaRPr sz="1454">
              <a:latin typeface="HGSｺﾞｼｯｸM"/>
              <a:cs typeface="HGSｺﾞｼｯｸM"/>
            </a:endParaRPr>
          </a:p>
          <a:p>
            <a:pPr marL="174842" marR="41810" indent="-164526">
              <a:lnSpc>
                <a:spcPts val="1856"/>
              </a:lnSpc>
              <a:spcBef>
                <a:spcPts val="90"/>
              </a:spcBef>
            </a:pPr>
            <a:r>
              <a:rPr sz="1283" spc="-4" dirty="0">
                <a:latin typeface="HGSｺﾞｼｯｸM"/>
                <a:cs typeface="HGSｺﾞｼｯｸM"/>
              </a:rPr>
              <a:t>・点検・補修等の維持管理情報等のデータの記録が</a:t>
            </a:r>
            <a:r>
              <a:rPr sz="1283" spc="-9" dirty="0">
                <a:latin typeface="HGSｺﾞｼｯｸM"/>
                <a:cs typeface="HGSｺﾞｼｯｸM"/>
              </a:rPr>
              <a:t>進んでいない</a:t>
            </a:r>
            <a:endParaRPr sz="1283">
              <a:latin typeface="HGSｺﾞｼｯｸM"/>
              <a:cs typeface="HGSｺﾞｼｯｸM"/>
            </a:endParaRPr>
          </a:p>
        </p:txBody>
      </p:sp>
      <p:grpSp>
        <p:nvGrpSpPr>
          <p:cNvPr id="28" name="object 28"/>
          <p:cNvGrpSpPr/>
          <p:nvPr/>
        </p:nvGrpSpPr>
        <p:grpSpPr>
          <a:xfrm>
            <a:off x="4748798" y="3209738"/>
            <a:ext cx="4025749" cy="337742"/>
            <a:chOff x="5553455" y="3525011"/>
            <a:chExt cx="4707890" cy="394970"/>
          </a:xfrm>
        </p:grpSpPr>
        <p:pic>
          <p:nvPicPr>
            <p:cNvPr id="29" name="object 29"/>
            <p:cNvPicPr/>
            <p:nvPr/>
          </p:nvPicPr>
          <p:blipFill>
            <a:blip r:embed="rId2" cstate="print"/>
            <a:stretch>
              <a:fillRect/>
            </a:stretch>
          </p:blipFill>
          <p:spPr>
            <a:xfrm>
              <a:off x="5556503" y="3528059"/>
              <a:ext cx="4700015" cy="388620"/>
            </a:xfrm>
            <a:prstGeom prst="rect">
              <a:avLst/>
            </a:prstGeom>
          </p:spPr>
        </p:pic>
        <p:sp>
          <p:nvSpPr>
            <p:cNvPr id="30" name="object 30"/>
            <p:cNvSpPr/>
            <p:nvPr/>
          </p:nvSpPr>
          <p:spPr>
            <a:xfrm>
              <a:off x="5553455" y="3525011"/>
              <a:ext cx="4707890" cy="394970"/>
            </a:xfrm>
            <a:custGeom>
              <a:avLst/>
              <a:gdLst/>
              <a:ahLst/>
              <a:cxnLst/>
              <a:rect l="l" t="t" r="r" b="b"/>
              <a:pathLst>
                <a:path w="4707890" h="394970">
                  <a:moveTo>
                    <a:pt x="4707636" y="0"/>
                  </a:moveTo>
                  <a:lnTo>
                    <a:pt x="0" y="0"/>
                  </a:lnTo>
                  <a:lnTo>
                    <a:pt x="0" y="394715"/>
                  </a:lnTo>
                  <a:lnTo>
                    <a:pt x="4707636" y="394715"/>
                  </a:lnTo>
                  <a:lnTo>
                    <a:pt x="4707636" y="391668"/>
                  </a:lnTo>
                  <a:lnTo>
                    <a:pt x="6096" y="391668"/>
                  </a:lnTo>
                  <a:lnTo>
                    <a:pt x="3048" y="388620"/>
                  </a:lnTo>
                  <a:lnTo>
                    <a:pt x="6096" y="388620"/>
                  </a:lnTo>
                  <a:lnTo>
                    <a:pt x="6096" y="6096"/>
                  </a:lnTo>
                  <a:lnTo>
                    <a:pt x="3048" y="6096"/>
                  </a:lnTo>
                  <a:lnTo>
                    <a:pt x="6096" y="3048"/>
                  </a:lnTo>
                  <a:lnTo>
                    <a:pt x="4707636" y="3048"/>
                  </a:lnTo>
                  <a:lnTo>
                    <a:pt x="4707636" y="0"/>
                  </a:lnTo>
                  <a:close/>
                </a:path>
                <a:path w="4707890" h="394970">
                  <a:moveTo>
                    <a:pt x="6096" y="388620"/>
                  </a:moveTo>
                  <a:lnTo>
                    <a:pt x="3048" y="388620"/>
                  </a:lnTo>
                  <a:lnTo>
                    <a:pt x="6096" y="391668"/>
                  </a:lnTo>
                  <a:lnTo>
                    <a:pt x="6096" y="388620"/>
                  </a:lnTo>
                  <a:close/>
                </a:path>
                <a:path w="4707890" h="394970">
                  <a:moveTo>
                    <a:pt x="4700016" y="388620"/>
                  </a:moveTo>
                  <a:lnTo>
                    <a:pt x="6096" y="388620"/>
                  </a:lnTo>
                  <a:lnTo>
                    <a:pt x="6096" y="391668"/>
                  </a:lnTo>
                  <a:lnTo>
                    <a:pt x="4700016" y="391668"/>
                  </a:lnTo>
                  <a:lnTo>
                    <a:pt x="4700016" y="388620"/>
                  </a:lnTo>
                  <a:close/>
                </a:path>
                <a:path w="4707890" h="394970">
                  <a:moveTo>
                    <a:pt x="4700016" y="3048"/>
                  </a:moveTo>
                  <a:lnTo>
                    <a:pt x="4700016" y="391668"/>
                  </a:lnTo>
                  <a:lnTo>
                    <a:pt x="4703064" y="388620"/>
                  </a:lnTo>
                  <a:lnTo>
                    <a:pt x="4707636" y="388620"/>
                  </a:lnTo>
                  <a:lnTo>
                    <a:pt x="4707636" y="6096"/>
                  </a:lnTo>
                  <a:lnTo>
                    <a:pt x="4703064" y="6096"/>
                  </a:lnTo>
                  <a:lnTo>
                    <a:pt x="4700016" y="3048"/>
                  </a:lnTo>
                  <a:close/>
                </a:path>
                <a:path w="4707890" h="394970">
                  <a:moveTo>
                    <a:pt x="4707636" y="388620"/>
                  </a:moveTo>
                  <a:lnTo>
                    <a:pt x="4703064" y="388620"/>
                  </a:lnTo>
                  <a:lnTo>
                    <a:pt x="4700016" y="391668"/>
                  </a:lnTo>
                  <a:lnTo>
                    <a:pt x="4707636" y="391668"/>
                  </a:lnTo>
                  <a:lnTo>
                    <a:pt x="4707636" y="388620"/>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grpSp>
      <p:sp>
        <p:nvSpPr>
          <p:cNvPr id="31" name="object 31"/>
          <p:cNvSpPr txBox="1"/>
          <p:nvPr/>
        </p:nvSpPr>
        <p:spPr>
          <a:xfrm>
            <a:off x="4807007" y="1830537"/>
            <a:ext cx="3786832" cy="1664310"/>
          </a:xfrm>
          <a:prstGeom prst="rect">
            <a:avLst/>
          </a:prstGeom>
        </p:spPr>
        <p:txBody>
          <a:bodyPr vert="horz" wrap="square" lIns="0" tIns="11946" rIns="0" bIns="0" rtlCol="0">
            <a:spAutoFit/>
          </a:bodyPr>
          <a:lstStyle/>
          <a:p>
            <a:pPr marL="162897" indent="-152037">
              <a:spcBef>
                <a:spcPts val="94"/>
              </a:spcBef>
              <a:buSzPct val="93333"/>
              <a:buAutoNum type="arabicParenR"/>
              <a:tabLst>
                <a:tab pos="162897" algn="l"/>
              </a:tabLst>
            </a:pPr>
            <a:r>
              <a:rPr sz="1283" spc="-4" dirty="0">
                <a:latin typeface="HGSｺﾞｼｯｸM"/>
                <a:cs typeface="HGSｺﾞｼｯｸM"/>
              </a:rPr>
              <a:t>個別施設計画策定状況や課題の更なる把握</a:t>
            </a:r>
            <a:endParaRPr sz="1283">
              <a:latin typeface="HGSｺﾞｼｯｸM"/>
              <a:cs typeface="HGSｺﾞｼｯｸM"/>
            </a:endParaRPr>
          </a:p>
          <a:p>
            <a:pPr>
              <a:spcBef>
                <a:spcPts val="150"/>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4" dirty="0">
                <a:latin typeface="HGSｺﾞｼｯｸM"/>
                <a:cs typeface="HGSｺﾞｼｯｸM"/>
              </a:rPr>
              <a:t>老朽化やメンテナンスの状況の見える化</a:t>
            </a:r>
            <a:endParaRPr sz="1283">
              <a:latin typeface="HGSｺﾞｼｯｸM"/>
              <a:cs typeface="HGSｺﾞｼｯｸM"/>
            </a:endParaRPr>
          </a:p>
          <a:p>
            <a:pPr marL="162354" marR="4344" indent="-152037">
              <a:lnSpc>
                <a:spcPct val="120700"/>
              </a:lnSpc>
              <a:spcBef>
                <a:spcPts val="1219"/>
              </a:spcBef>
              <a:buSzPct val="93333"/>
              <a:buAutoNum type="arabicParenR"/>
              <a:tabLst>
                <a:tab pos="174842" algn="l"/>
              </a:tabLst>
            </a:pPr>
            <a:r>
              <a:rPr sz="1283" spc="-4" dirty="0">
                <a:latin typeface="HGSｺﾞｼｯｸM"/>
                <a:cs typeface="HGSｺﾞｼｯｸM"/>
              </a:rPr>
              <a:t>個別施設計画策定上の技術的知見に関する支援の	</a:t>
            </a:r>
            <a:r>
              <a:rPr sz="1283" spc="-21" dirty="0">
                <a:latin typeface="HGSｺﾞｼｯｸM"/>
                <a:cs typeface="HGSｺﾞｼｯｸM"/>
              </a:rPr>
              <a:t>充実</a:t>
            </a:r>
            <a:endParaRPr sz="1283">
              <a:latin typeface="HGSｺﾞｼｯｸM"/>
              <a:cs typeface="HGSｺﾞｼｯｸM"/>
            </a:endParaRPr>
          </a:p>
          <a:p>
            <a:pPr marL="162897" indent="-152037">
              <a:spcBef>
                <a:spcPts val="1551"/>
              </a:spcBef>
              <a:buSzPct val="93333"/>
              <a:buAutoNum type="arabicParenR"/>
              <a:tabLst>
                <a:tab pos="162897" algn="l"/>
              </a:tabLst>
            </a:pPr>
            <a:r>
              <a:rPr sz="1283" spc="-9" dirty="0">
                <a:latin typeface="HGSｺﾞｼｯｸM"/>
                <a:cs typeface="HGSｺﾞｼｯｸM"/>
              </a:rPr>
              <a:t>財政面の支援の充実</a:t>
            </a:r>
            <a:endParaRPr sz="1283">
              <a:latin typeface="HGSｺﾞｼｯｸM"/>
              <a:cs typeface="HGSｺﾞｼｯｸM"/>
            </a:endParaRPr>
          </a:p>
        </p:txBody>
      </p:sp>
      <p:grpSp>
        <p:nvGrpSpPr>
          <p:cNvPr id="32" name="object 32"/>
          <p:cNvGrpSpPr/>
          <p:nvPr/>
        </p:nvGrpSpPr>
        <p:grpSpPr>
          <a:xfrm>
            <a:off x="4748798" y="5161908"/>
            <a:ext cx="4025749" cy="894308"/>
            <a:chOff x="5553455" y="5807964"/>
            <a:chExt cx="4707890" cy="1045844"/>
          </a:xfrm>
        </p:grpSpPr>
        <p:pic>
          <p:nvPicPr>
            <p:cNvPr id="33" name="object 33"/>
            <p:cNvPicPr/>
            <p:nvPr/>
          </p:nvPicPr>
          <p:blipFill>
            <a:blip r:embed="rId2" cstate="print"/>
            <a:stretch>
              <a:fillRect/>
            </a:stretch>
          </p:blipFill>
          <p:spPr>
            <a:xfrm>
              <a:off x="5556503" y="5811012"/>
              <a:ext cx="4700015" cy="388620"/>
            </a:xfrm>
            <a:prstGeom prst="rect">
              <a:avLst/>
            </a:prstGeom>
          </p:spPr>
        </p:pic>
        <p:sp>
          <p:nvSpPr>
            <p:cNvPr id="34" name="object 34"/>
            <p:cNvSpPr/>
            <p:nvPr/>
          </p:nvSpPr>
          <p:spPr>
            <a:xfrm>
              <a:off x="5553455" y="5807964"/>
              <a:ext cx="4707890" cy="394970"/>
            </a:xfrm>
            <a:custGeom>
              <a:avLst/>
              <a:gdLst/>
              <a:ahLst/>
              <a:cxnLst/>
              <a:rect l="l" t="t" r="r" b="b"/>
              <a:pathLst>
                <a:path w="4707890" h="394970">
                  <a:moveTo>
                    <a:pt x="4707636" y="0"/>
                  </a:moveTo>
                  <a:lnTo>
                    <a:pt x="0" y="0"/>
                  </a:lnTo>
                  <a:lnTo>
                    <a:pt x="0" y="394716"/>
                  </a:lnTo>
                  <a:lnTo>
                    <a:pt x="4707636" y="394716"/>
                  </a:lnTo>
                  <a:lnTo>
                    <a:pt x="4707636" y="391668"/>
                  </a:lnTo>
                  <a:lnTo>
                    <a:pt x="6096" y="391668"/>
                  </a:lnTo>
                  <a:lnTo>
                    <a:pt x="3048" y="388620"/>
                  </a:lnTo>
                  <a:lnTo>
                    <a:pt x="6096" y="388620"/>
                  </a:lnTo>
                  <a:lnTo>
                    <a:pt x="6096" y="6096"/>
                  </a:lnTo>
                  <a:lnTo>
                    <a:pt x="3048" y="6096"/>
                  </a:lnTo>
                  <a:lnTo>
                    <a:pt x="6096" y="3048"/>
                  </a:lnTo>
                  <a:lnTo>
                    <a:pt x="4707636" y="3048"/>
                  </a:lnTo>
                  <a:lnTo>
                    <a:pt x="4707636" y="0"/>
                  </a:lnTo>
                  <a:close/>
                </a:path>
                <a:path w="4707890" h="394970">
                  <a:moveTo>
                    <a:pt x="6096" y="388620"/>
                  </a:moveTo>
                  <a:lnTo>
                    <a:pt x="3048" y="388620"/>
                  </a:lnTo>
                  <a:lnTo>
                    <a:pt x="6096" y="391668"/>
                  </a:lnTo>
                  <a:lnTo>
                    <a:pt x="6096" y="388620"/>
                  </a:lnTo>
                  <a:close/>
                </a:path>
                <a:path w="4707890" h="394970">
                  <a:moveTo>
                    <a:pt x="4700016" y="388620"/>
                  </a:moveTo>
                  <a:lnTo>
                    <a:pt x="6096" y="388620"/>
                  </a:lnTo>
                  <a:lnTo>
                    <a:pt x="6096" y="391668"/>
                  </a:lnTo>
                  <a:lnTo>
                    <a:pt x="4700016" y="391668"/>
                  </a:lnTo>
                  <a:lnTo>
                    <a:pt x="4700016" y="388620"/>
                  </a:lnTo>
                  <a:close/>
                </a:path>
                <a:path w="4707890" h="394970">
                  <a:moveTo>
                    <a:pt x="4700016" y="3048"/>
                  </a:moveTo>
                  <a:lnTo>
                    <a:pt x="4700016" y="391668"/>
                  </a:lnTo>
                  <a:lnTo>
                    <a:pt x="4703064" y="388620"/>
                  </a:lnTo>
                  <a:lnTo>
                    <a:pt x="4707636" y="388620"/>
                  </a:lnTo>
                  <a:lnTo>
                    <a:pt x="4707636" y="6096"/>
                  </a:lnTo>
                  <a:lnTo>
                    <a:pt x="4703064" y="6096"/>
                  </a:lnTo>
                  <a:lnTo>
                    <a:pt x="4700016" y="3048"/>
                  </a:lnTo>
                  <a:close/>
                </a:path>
                <a:path w="4707890" h="394970">
                  <a:moveTo>
                    <a:pt x="4707636" y="388620"/>
                  </a:moveTo>
                  <a:lnTo>
                    <a:pt x="4703064" y="388620"/>
                  </a:lnTo>
                  <a:lnTo>
                    <a:pt x="4700016" y="391668"/>
                  </a:lnTo>
                  <a:lnTo>
                    <a:pt x="4707636" y="391668"/>
                  </a:lnTo>
                  <a:lnTo>
                    <a:pt x="4707636" y="388620"/>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pic>
          <p:nvPicPr>
            <p:cNvPr id="35" name="object 35"/>
            <p:cNvPicPr/>
            <p:nvPr/>
          </p:nvPicPr>
          <p:blipFill>
            <a:blip r:embed="rId2" cstate="print"/>
            <a:stretch>
              <a:fillRect/>
            </a:stretch>
          </p:blipFill>
          <p:spPr>
            <a:xfrm>
              <a:off x="5556503" y="6461765"/>
              <a:ext cx="4698492" cy="388620"/>
            </a:xfrm>
            <a:prstGeom prst="rect">
              <a:avLst/>
            </a:prstGeom>
          </p:spPr>
        </p:pic>
        <p:sp>
          <p:nvSpPr>
            <p:cNvPr id="36" name="object 36"/>
            <p:cNvSpPr/>
            <p:nvPr/>
          </p:nvSpPr>
          <p:spPr>
            <a:xfrm>
              <a:off x="5553455" y="6458717"/>
              <a:ext cx="4704715" cy="394970"/>
            </a:xfrm>
            <a:custGeom>
              <a:avLst/>
              <a:gdLst/>
              <a:ahLst/>
              <a:cxnLst/>
              <a:rect l="l" t="t" r="r" b="b"/>
              <a:pathLst>
                <a:path w="4704715" h="394970">
                  <a:moveTo>
                    <a:pt x="4704588" y="0"/>
                  </a:moveTo>
                  <a:lnTo>
                    <a:pt x="0" y="0"/>
                  </a:lnTo>
                  <a:lnTo>
                    <a:pt x="0" y="394716"/>
                  </a:lnTo>
                  <a:lnTo>
                    <a:pt x="4704588" y="394716"/>
                  </a:lnTo>
                  <a:lnTo>
                    <a:pt x="4704588" y="391668"/>
                  </a:lnTo>
                  <a:lnTo>
                    <a:pt x="6096" y="391667"/>
                  </a:lnTo>
                  <a:lnTo>
                    <a:pt x="3048" y="387095"/>
                  </a:lnTo>
                  <a:lnTo>
                    <a:pt x="6096" y="387095"/>
                  </a:lnTo>
                  <a:lnTo>
                    <a:pt x="6096" y="6095"/>
                  </a:lnTo>
                  <a:lnTo>
                    <a:pt x="3048" y="6095"/>
                  </a:lnTo>
                  <a:lnTo>
                    <a:pt x="6096" y="3047"/>
                  </a:lnTo>
                  <a:lnTo>
                    <a:pt x="4704588" y="3047"/>
                  </a:lnTo>
                  <a:lnTo>
                    <a:pt x="4704588" y="0"/>
                  </a:lnTo>
                  <a:close/>
                </a:path>
                <a:path w="4704715" h="394970">
                  <a:moveTo>
                    <a:pt x="6096" y="387095"/>
                  </a:moveTo>
                  <a:lnTo>
                    <a:pt x="3048" y="387095"/>
                  </a:lnTo>
                  <a:lnTo>
                    <a:pt x="6096" y="391667"/>
                  </a:lnTo>
                  <a:lnTo>
                    <a:pt x="6096" y="387095"/>
                  </a:lnTo>
                  <a:close/>
                </a:path>
                <a:path w="4704715" h="394970">
                  <a:moveTo>
                    <a:pt x="4696968" y="387095"/>
                  </a:moveTo>
                  <a:lnTo>
                    <a:pt x="6096" y="387095"/>
                  </a:lnTo>
                  <a:lnTo>
                    <a:pt x="6096" y="391667"/>
                  </a:lnTo>
                  <a:lnTo>
                    <a:pt x="4696968" y="391667"/>
                  </a:lnTo>
                  <a:lnTo>
                    <a:pt x="4696968" y="387095"/>
                  </a:lnTo>
                  <a:close/>
                </a:path>
                <a:path w="4704715" h="394970">
                  <a:moveTo>
                    <a:pt x="4696968" y="3047"/>
                  </a:moveTo>
                  <a:lnTo>
                    <a:pt x="4696968" y="391667"/>
                  </a:lnTo>
                  <a:lnTo>
                    <a:pt x="4701540" y="387095"/>
                  </a:lnTo>
                  <a:lnTo>
                    <a:pt x="4704588" y="387095"/>
                  </a:lnTo>
                  <a:lnTo>
                    <a:pt x="4704588" y="6095"/>
                  </a:lnTo>
                  <a:lnTo>
                    <a:pt x="4701540" y="6095"/>
                  </a:lnTo>
                  <a:lnTo>
                    <a:pt x="4696968" y="3047"/>
                  </a:lnTo>
                  <a:close/>
                </a:path>
                <a:path w="4704715" h="394970">
                  <a:moveTo>
                    <a:pt x="4704588" y="387095"/>
                  </a:moveTo>
                  <a:lnTo>
                    <a:pt x="4701540" y="387095"/>
                  </a:lnTo>
                  <a:lnTo>
                    <a:pt x="4696968" y="391667"/>
                  </a:lnTo>
                  <a:lnTo>
                    <a:pt x="4704588" y="391668"/>
                  </a:lnTo>
                  <a:lnTo>
                    <a:pt x="4704588" y="387095"/>
                  </a:lnTo>
                  <a:close/>
                </a:path>
                <a:path w="4704715" h="394970">
                  <a:moveTo>
                    <a:pt x="6096" y="3047"/>
                  </a:moveTo>
                  <a:lnTo>
                    <a:pt x="3048" y="6095"/>
                  </a:lnTo>
                  <a:lnTo>
                    <a:pt x="6096" y="6095"/>
                  </a:lnTo>
                  <a:lnTo>
                    <a:pt x="6096" y="3047"/>
                  </a:lnTo>
                  <a:close/>
                </a:path>
                <a:path w="4704715" h="394970">
                  <a:moveTo>
                    <a:pt x="4696968" y="3047"/>
                  </a:moveTo>
                  <a:lnTo>
                    <a:pt x="6096" y="3047"/>
                  </a:lnTo>
                  <a:lnTo>
                    <a:pt x="6096" y="6095"/>
                  </a:lnTo>
                  <a:lnTo>
                    <a:pt x="4696968" y="6095"/>
                  </a:lnTo>
                  <a:lnTo>
                    <a:pt x="4696968" y="3047"/>
                  </a:lnTo>
                  <a:close/>
                </a:path>
                <a:path w="4704715" h="394970">
                  <a:moveTo>
                    <a:pt x="4704588" y="3047"/>
                  </a:moveTo>
                  <a:lnTo>
                    <a:pt x="4696968" y="3047"/>
                  </a:lnTo>
                  <a:lnTo>
                    <a:pt x="4701540" y="6095"/>
                  </a:lnTo>
                  <a:lnTo>
                    <a:pt x="4704588" y="6095"/>
                  </a:lnTo>
                  <a:lnTo>
                    <a:pt x="4704588" y="3047"/>
                  </a:lnTo>
                  <a:close/>
                </a:path>
              </a:pathLst>
            </a:custGeom>
            <a:solidFill>
              <a:srgbClr val="70AC46"/>
            </a:solidFill>
          </p:spPr>
          <p:txBody>
            <a:bodyPr wrap="square" lIns="0" tIns="0" rIns="0" bIns="0" rtlCol="0"/>
            <a:lstStyle/>
            <a:p>
              <a:endParaRPr sz="1539"/>
            </a:p>
          </p:txBody>
        </p:sp>
      </p:grpSp>
      <p:sp>
        <p:nvSpPr>
          <p:cNvPr id="37" name="object 37"/>
          <p:cNvSpPr txBox="1"/>
          <p:nvPr/>
        </p:nvSpPr>
        <p:spPr>
          <a:xfrm>
            <a:off x="4807007" y="4009459"/>
            <a:ext cx="3129811" cy="1950542"/>
          </a:xfrm>
          <a:prstGeom prst="rect">
            <a:avLst/>
          </a:prstGeom>
        </p:spPr>
        <p:txBody>
          <a:bodyPr vert="horz" wrap="square" lIns="0" tIns="11946" rIns="0" bIns="0" rtlCol="0">
            <a:spAutoFit/>
          </a:bodyPr>
          <a:lstStyle/>
          <a:p>
            <a:pPr marL="162897" indent="-152037">
              <a:spcBef>
                <a:spcPts val="94"/>
              </a:spcBef>
              <a:buSzPct val="93333"/>
              <a:buAutoNum type="arabicParenR"/>
              <a:tabLst>
                <a:tab pos="162897" algn="l"/>
              </a:tabLst>
            </a:pPr>
            <a:r>
              <a:rPr sz="1283" spc="-9" dirty="0">
                <a:latin typeface="HGSｺﾞｼｯｸM"/>
                <a:cs typeface="HGSｺﾞｼｯｸM"/>
              </a:rPr>
              <a:t>技術的支援の充実</a:t>
            </a:r>
            <a:endParaRPr sz="1283">
              <a:latin typeface="HGSｺﾞｼｯｸM"/>
              <a:cs typeface="HGSｺﾞｼｯｸM"/>
            </a:endParaRPr>
          </a:p>
          <a:p>
            <a:pPr>
              <a:spcBef>
                <a:spcPts val="26"/>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4" dirty="0">
                <a:latin typeface="HGSｺﾞｼｯｸM"/>
                <a:cs typeface="HGSｺﾞｼｯｸM"/>
              </a:rPr>
              <a:t>新たな工法・新材料の活用促進</a:t>
            </a:r>
            <a:endParaRPr sz="1283">
              <a:latin typeface="HGSｺﾞｼｯｸM"/>
              <a:cs typeface="HGSｺﾞｼｯｸM"/>
            </a:endParaRPr>
          </a:p>
          <a:p>
            <a:pPr marL="162897" indent="-152037">
              <a:spcBef>
                <a:spcPts val="1599"/>
              </a:spcBef>
              <a:buSzPct val="93333"/>
              <a:buAutoNum type="arabicParenR"/>
              <a:tabLst>
                <a:tab pos="162897" algn="l"/>
              </a:tabLst>
            </a:pPr>
            <a:r>
              <a:rPr sz="1283" spc="-9" dirty="0">
                <a:latin typeface="HGSｺﾞｼｯｸM"/>
                <a:cs typeface="HGSｺﾞｼｯｸM"/>
              </a:rPr>
              <a:t>人材や体制面の充実</a:t>
            </a:r>
            <a:endParaRPr sz="1283">
              <a:latin typeface="HGSｺﾞｼｯｸM"/>
              <a:cs typeface="HGSｺﾞｼｯｸM"/>
            </a:endParaRPr>
          </a:p>
          <a:p>
            <a:pPr>
              <a:spcBef>
                <a:spcPts val="9"/>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9" dirty="0">
                <a:latin typeface="HGSｺﾞｼｯｸM"/>
                <a:cs typeface="HGSｺﾞｼｯｸM"/>
              </a:rPr>
              <a:t>財政面の支援の充実</a:t>
            </a:r>
            <a:endParaRPr sz="1283">
              <a:latin typeface="HGSｺﾞｼｯｸM"/>
              <a:cs typeface="HGSｺﾞｼｯｸM"/>
            </a:endParaRPr>
          </a:p>
          <a:p>
            <a:pPr>
              <a:spcBef>
                <a:spcPts val="1171"/>
              </a:spcBef>
            </a:pPr>
            <a:endParaRPr sz="1283">
              <a:latin typeface="HGSｺﾞｼｯｸM"/>
              <a:cs typeface="HGSｺﾞｼｯｸM"/>
            </a:endParaRPr>
          </a:p>
          <a:p>
            <a:pPr marL="162897" indent="-152037">
              <a:spcBef>
                <a:spcPts val="4"/>
              </a:spcBef>
              <a:buSzPct val="93333"/>
              <a:buAutoNum type="arabicParenR"/>
              <a:tabLst>
                <a:tab pos="162897" algn="l"/>
              </a:tabLst>
            </a:pPr>
            <a:r>
              <a:rPr sz="1283" spc="-4" dirty="0">
                <a:latin typeface="HGSｺﾞｼｯｸM"/>
                <a:cs typeface="HGSｺﾞｼｯｸM"/>
              </a:rPr>
              <a:t>データ記録・蓄積の必要性に関する啓発</a:t>
            </a:r>
            <a:endParaRPr sz="1283">
              <a:latin typeface="HGSｺﾞｼｯｸM"/>
              <a:cs typeface="HGSｺﾞｼｯｸM"/>
            </a:endParaRPr>
          </a:p>
        </p:txBody>
      </p:sp>
      <p:grpSp>
        <p:nvGrpSpPr>
          <p:cNvPr id="38" name="object 38"/>
          <p:cNvGrpSpPr/>
          <p:nvPr/>
        </p:nvGrpSpPr>
        <p:grpSpPr>
          <a:xfrm>
            <a:off x="276275" y="2105943"/>
            <a:ext cx="4475347" cy="3228636"/>
            <a:chOff x="323088" y="2234183"/>
            <a:chExt cx="5233670" cy="3775710"/>
          </a:xfrm>
        </p:grpSpPr>
        <p:sp>
          <p:nvSpPr>
            <p:cNvPr id="39" name="object 39"/>
            <p:cNvSpPr/>
            <p:nvPr/>
          </p:nvSpPr>
          <p:spPr>
            <a:xfrm>
              <a:off x="5071872" y="4578095"/>
              <a:ext cx="485140" cy="1431290"/>
            </a:xfrm>
            <a:custGeom>
              <a:avLst/>
              <a:gdLst/>
              <a:ahLst/>
              <a:cxnLst/>
              <a:rect l="l" t="t" r="r" b="b"/>
              <a:pathLst>
                <a:path w="485139" h="1431289">
                  <a:moveTo>
                    <a:pt x="484632" y="0"/>
                  </a:moveTo>
                  <a:lnTo>
                    <a:pt x="239268" y="0"/>
                  </a:lnTo>
                  <a:lnTo>
                    <a:pt x="239268" y="480060"/>
                  </a:lnTo>
                  <a:lnTo>
                    <a:pt x="239268" y="714756"/>
                  </a:lnTo>
                  <a:lnTo>
                    <a:pt x="0" y="714756"/>
                  </a:lnTo>
                  <a:lnTo>
                    <a:pt x="0" y="714959"/>
                  </a:lnTo>
                  <a:lnTo>
                    <a:pt x="0" y="717499"/>
                  </a:lnTo>
                  <a:lnTo>
                    <a:pt x="0" y="720852"/>
                  </a:lnTo>
                  <a:lnTo>
                    <a:pt x="0" y="721309"/>
                  </a:lnTo>
                  <a:lnTo>
                    <a:pt x="239268" y="721309"/>
                  </a:lnTo>
                  <a:lnTo>
                    <a:pt x="239268" y="1423619"/>
                  </a:lnTo>
                  <a:lnTo>
                    <a:pt x="239268" y="1426159"/>
                  </a:lnTo>
                  <a:lnTo>
                    <a:pt x="239268" y="1431239"/>
                  </a:lnTo>
                  <a:lnTo>
                    <a:pt x="484632" y="1431239"/>
                  </a:lnTo>
                  <a:lnTo>
                    <a:pt x="484632" y="1426464"/>
                  </a:lnTo>
                  <a:lnTo>
                    <a:pt x="484632" y="1426159"/>
                  </a:lnTo>
                  <a:lnTo>
                    <a:pt x="484632" y="1423416"/>
                  </a:lnTo>
                  <a:lnTo>
                    <a:pt x="245364" y="1423416"/>
                  </a:lnTo>
                  <a:lnTo>
                    <a:pt x="245364" y="721309"/>
                  </a:lnTo>
                  <a:lnTo>
                    <a:pt x="245059" y="721309"/>
                  </a:lnTo>
                  <a:lnTo>
                    <a:pt x="245059" y="1426159"/>
                  </a:lnTo>
                  <a:lnTo>
                    <a:pt x="243789" y="1426159"/>
                  </a:lnTo>
                  <a:lnTo>
                    <a:pt x="243789" y="1424889"/>
                  </a:lnTo>
                  <a:lnTo>
                    <a:pt x="245059" y="1426159"/>
                  </a:lnTo>
                  <a:lnTo>
                    <a:pt x="245059" y="721309"/>
                  </a:lnTo>
                  <a:lnTo>
                    <a:pt x="240868" y="721309"/>
                  </a:lnTo>
                  <a:lnTo>
                    <a:pt x="240868" y="720852"/>
                  </a:lnTo>
                  <a:lnTo>
                    <a:pt x="242316" y="720852"/>
                  </a:lnTo>
                  <a:lnTo>
                    <a:pt x="245364" y="720852"/>
                  </a:lnTo>
                  <a:lnTo>
                    <a:pt x="245364" y="487680"/>
                  </a:lnTo>
                  <a:lnTo>
                    <a:pt x="484632" y="487680"/>
                  </a:lnTo>
                  <a:lnTo>
                    <a:pt x="484632" y="484632"/>
                  </a:lnTo>
                  <a:lnTo>
                    <a:pt x="484632" y="480060"/>
                  </a:lnTo>
                  <a:lnTo>
                    <a:pt x="245364" y="480060"/>
                  </a:lnTo>
                  <a:lnTo>
                    <a:pt x="245364" y="7620"/>
                  </a:lnTo>
                  <a:lnTo>
                    <a:pt x="484632" y="7620"/>
                  </a:lnTo>
                  <a:lnTo>
                    <a:pt x="484632" y="4572"/>
                  </a:lnTo>
                  <a:lnTo>
                    <a:pt x="484632" y="0"/>
                  </a:lnTo>
                  <a:close/>
                </a:path>
              </a:pathLst>
            </a:custGeom>
            <a:solidFill>
              <a:srgbClr val="000000"/>
            </a:solidFill>
          </p:spPr>
          <p:txBody>
            <a:bodyPr wrap="square" lIns="0" tIns="0" rIns="0" bIns="0" rtlCol="0"/>
            <a:lstStyle/>
            <a:p>
              <a:endParaRPr sz="1539"/>
            </a:p>
          </p:txBody>
        </p:sp>
        <p:pic>
          <p:nvPicPr>
            <p:cNvPr id="40" name="object 40"/>
            <p:cNvPicPr/>
            <p:nvPr/>
          </p:nvPicPr>
          <p:blipFill>
            <a:blip r:embed="rId6" cstate="print"/>
            <a:stretch>
              <a:fillRect/>
            </a:stretch>
          </p:blipFill>
          <p:spPr>
            <a:xfrm>
              <a:off x="327660" y="2237231"/>
              <a:ext cx="4700016" cy="1232915"/>
            </a:xfrm>
            <a:prstGeom prst="rect">
              <a:avLst/>
            </a:prstGeom>
          </p:spPr>
        </p:pic>
        <p:sp>
          <p:nvSpPr>
            <p:cNvPr id="41" name="object 41"/>
            <p:cNvSpPr/>
            <p:nvPr/>
          </p:nvSpPr>
          <p:spPr>
            <a:xfrm>
              <a:off x="323088" y="2234183"/>
              <a:ext cx="4707890" cy="1239520"/>
            </a:xfrm>
            <a:custGeom>
              <a:avLst/>
              <a:gdLst/>
              <a:ahLst/>
              <a:cxnLst/>
              <a:rect l="l" t="t" r="r" b="b"/>
              <a:pathLst>
                <a:path w="4707890" h="1239520">
                  <a:moveTo>
                    <a:pt x="4707636" y="0"/>
                  </a:moveTo>
                  <a:lnTo>
                    <a:pt x="0" y="0"/>
                  </a:lnTo>
                  <a:lnTo>
                    <a:pt x="0" y="1239012"/>
                  </a:lnTo>
                  <a:lnTo>
                    <a:pt x="4707636" y="1239012"/>
                  </a:lnTo>
                  <a:lnTo>
                    <a:pt x="4707636" y="1235964"/>
                  </a:lnTo>
                  <a:lnTo>
                    <a:pt x="7619" y="1235964"/>
                  </a:lnTo>
                  <a:lnTo>
                    <a:pt x="4571" y="1231391"/>
                  </a:lnTo>
                  <a:lnTo>
                    <a:pt x="7619" y="1231391"/>
                  </a:lnTo>
                  <a:lnTo>
                    <a:pt x="7619" y="6096"/>
                  </a:lnTo>
                  <a:lnTo>
                    <a:pt x="4571" y="6096"/>
                  </a:lnTo>
                  <a:lnTo>
                    <a:pt x="7619" y="3048"/>
                  </a:lnTo>
                  <a:lnTo>
                    <a:pt x="4707636" y="3048"/>
                  </a:lnTo>
                  <a:lnTo>
                    <a:pt x="4707636" y="0"/>
                  </a:lnTo>
                  <a:close/>
                </a:path>
                <a:path w="4707890" h="1239520">
                  <a:moveTo>
                    <a:pt x="7619" y="1231391"/>
                  </a:moveTo>
                  <a:lnTo>
                    <a:pt x="4571" y="1231391"/>
                  </a:lnTo>
                  <a:lnTo>
                    <a:pt x="7619" y="1235964"/>
                  </a:lnTo>
                  <a:lnTo>
                    <a:pt x="7619" y="1231391"/>
                  </a:lnTo>
                  <a:close/>
                </a:path>
                <a:path w="4707890" h="1239520">
                  <a:moveTo>
                    <a:pt x="4701540" y="1231391"/>
                  </a:moveTo>
                  <a:lnTo>
                    <a:pt x="7619" y="1231391"/>
                  </a:lnTo>
                  <a:lnTo>
                    <a:pt x="7619" y="1235964"/>
                  </a:lnTo>
                  <a:lnTo>
                    <a:pt x="4701540" y="1235964"/>
                  </a:lnTo>
                  <a:lnTo>
                    <a:pt x="4701540" y="1231391"/>
                  </a:lnTo>
                  <a:close/>
                </a:path>
                <a:path w="4707890" h="1239520">
                  <a:moveTo>
                    <a:pt x="4701540" y="3048"/>
                  </a:moveTo>
                  <a:lnTo>
                    <a:pt x="4701540" y="1235964"/>
                  </a:lnTo>
                  <a:lnTo>
                    <a:pt x="4704588" y="1231391"/>
                  </a:lnTo>
                  <a:lnTo>
                    <a:pt x="4707636" y="1231391"/>
                  </a:lnTo>
                  <a:lnTo>
                    <a:pt x="4707636" y="6096"/>
                  </a:lnTo>
                  <a:lnTo>
                    <a:pt x="4704588" y="6096"/>
                  </a:lnTo>
                  <a:lnTo>
                    <a:pt x="4701540" y="3048"/>
                  </a:lnTo>
                  <a:close/>
                </a:path>
                <a:path w="4707890" h="1239520">
                  <a:moveTo>
                    <a:pt x="4707636" y="1231391"/>
                  </a:moveTo>
                  <a:lnTo>
                    <a:pt x="4704588" y="1231391"/>
                  </a:lnTo>
                  <a:lnTo>
                    <a:pt x="4701540" y="1235964"/>
                  </a:lnTo>
                  <a:lnTo>
                    <a:pt x="4707636" y="1235964"/>
                  </a:lnTo>
                  <a:lnTo>
                    <a:pt x="4707636" y="1231391"/>
                  </a:lnTo>
                  <a:close/>
                </a:path>
                <a:path w="4707890" h="1239520">
                  <a:moveTo>
                    <a:pt x="7619" y="3048"/>
                  </a:moveTo>
                  <a:lnTo>
                    <a:pt x="4571" y="6096"/>
                  </a:lnTo>
                  <a:lnTo>
                    <a:pt x="7619" y="6096"/>
                  </a:lnTo>
                  <a:lnTo>
                    <a:pt x="7619" y="3048"/>
                  </a:lnTo>
                  <a:close/>
                </a:path>
                <a:path w="4707890" h="1239520">
                  <a:moveTo>
                    <a:pt x="4701540" y="3048"/>
                  </a:moveTo>
                  <a:lnTo>
                    <a:pt x="7619" y="3048"/>
                  </a:lnTo>
                  <a:lnTo>
                    <a:pt x="7619" y="6096"/>
                  </a:lnTo>
                  <a:lnTo>
                    <a:pt x="4701540" y="6096"/>
                  </a:lnTo>
                  <a:lnTo>
                    <a:pt x="4701540" y="3048"/>
                  </a:lnTo>
                  <a:close/>
                </a:path>
                <a:path w="4707890" h="1239520">
                  <a:moveTo>
                    <a:pt x="4707636" y="3048"/>
                  </a:moveTo>
                  <a:lnTo>
                    <a:pt x="4701540" y="3048"/>
                  </a:lnTo>
                  <a:lnTo>
                    <a:pt x="4704588" y="6096"/>
                  </a:lnTo>
                  <a:lnTo>
                    <a:pt x="4707636" y="6096"/>
                  </a:lnTo>
                  <a:lnTo>
                    <a:pt x="4707636" y="3048"/>
                  </a:lnTo>
                  <a:close/>
                </a:path>
              </a:pathLst>
            </a:custGeom>
            <a:solidFill>
              <a:srgbClr val="ED7C31"/>
            </a:solidFill>
          </p:spPr>
          <p:txBody>
            <a:bodyPr wrap="square" lIns="0" tIns="0" rIns="0" bIns="0" rtlCol="0"/>
            <a:lstStyle/>
            <a:p>
              <a:endParaRPr sz="1539"/>
            </a:p>
          </p:txBody>
        </p:sp>
      </p:grpSp>
      <p:sp>
        <p:nvSpPr>
          <p:cNvPr id="42" name="object 42"/>
          <p:cNvSpPr txBox="1"/>
          <p:nvPr/>
        </p:nvSpPr>
        <p:spPr>
          <a:xfrm>
            <a:off x="335787" y="2239253"/>
            <a:ext cx="3634251" cy="748337"/>
          </a:xfrm>
          <a:prstGeom prst="rect">
            <a:avLst/>
          </a:prstGeom>
        </p:spPr>
        <p:txBody>
          <a:bodyPr vert="horz" wrap="square" lIns="0" tIns="57014" rIns="0" bIns="0" rtlCol="0">
            <a:spAutoFit/>
          </a:bodyPr>
          <a:lstStyle/>
          <a:p>
            <a:pPr marL="10860">
              <a:spcBef>
                <a:spcPts val="449"/>
              </a:spcBef>
            </a:pPr>
            <a:r>
              <a:rPr sz="1454" spc="-9" dirty="0">
                <a:latin typeface="HGSｺﾞｼｯｸM"/>
                <a:cs typeface="HGSｺﾞｼｯｸM"/>
              </a:rPr>
              <a:t>③個別施設計画</a:t>
            </a:r>
            <a:endParaRPr sz="1454">
              <a:latin typeface="HGSｺﾞｼｯｸM"/>
              <a:cs typeface="HGSｺﾞｼｯｸM"/>
            </a:endParaRPr>
          </a:p>
          <a:p>
            <a:pPr marL="174842" marR="4344" indent="-164526">
              <a:lnSpc>
                <a:spcPts val="1856"/>
              </a:lnSpc>
              <a:spcBef>
                <a:spcPts val="90"/>
              </a:spcBef>
            </a:pPr>
            <a:r>
              <a:rPr sz="1283" spc="-4" dirty="0">
                <a:latin typeface="HGSｺﾞｼｯｸM"/>
                <a:cs typeface="HGSｺﾞｼｯｸM"/>
              </a:rPr>
              <a:t>・個別施設計画の策定にあたり課題を抱えている</a:t>
            </a:r>
            <a:r>
              <a:rPr sz="1283" dirty="0">
                <a:latin typeface="HGSｺﾞｼｯｸM"/>
                <a:cs typeface="HGSｺﾞｼｯｸM"/>
              </a:rPr>
              <a:t>分野がある（理由:予算不足等</a:t>
            </a:r>
            <a:r>
              <a:rPr sz="1283" spc="-43" dirty="0">
                <a:latin typeface="HGSｺﾞｼｯｸM"/>
                <a:cs typeface="HGSｺﾞｼｯｸM"/>
              </a:rPr>
              <a:t>）</a:t>
            </a:r>
            <a:endParaRPr sz="1283">
              <a:latin typeface="HGSｺﾞｼｯｸM"/>
              <a:cs typeface="HGSｺﾞｼｯｸM"/>
            </a:endParaRPr>
          </a:p>
        </p:txBody>
      </p:sp>
      <p:sp>
        <p:nvSpPr>
          <p:cNvPr id="43" name="object 43"/>
          <p:cNvSpPr/>
          <p:nvPr/>
        </p:nvSpPr>
        <p:spPr>
          <a:xfrm>
            <a:off x="4729251" y="979993"/>
            <a:ext cx="4136520" cy="284528"/>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sp>
        <p:nvSpPr>
          <p:cNvPr id="44" name="object 44"/>
          <p:cNvSpPr txBox="1"/>
          <p:nvPr/>
        </p:nvSpPr>
        <p:spPr>
          <a:xfrm>
            <a:off x="6052850" y="1005623"/>
            <a:ext cx="1493230" cy="237487"/>
          </a:xfrm>
          <a:prstGeom prst="rect">
            <a:avLst/>
          </a:prstGeom>
        </p:spPr>
        <p:txBody>
          <a:bodyPr vert="horz" wrap="square" lIns="0" tIns="13575" rIns="0" bIns="0" rtlCol="0">
            <a:spAutoFit/>
          </a:bodyPr>
          <a:lstStyle/>
          <a:p>
            <a:pPr marL="10860">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p:txBody>
      </p:sp>
      <p:sp>
        <p:nvSpPr>
          <p:cNvPr id="46" name="object 46"/>
          <p:cNvSpPr txBox="1">
            <a:spLocks noGrp="1"/>
          </p:cNvSpPr>
          <p:nvPr>
            <p:ph type="sldNum" sz="quarter" idx="7"/>
          </p:nvPr>
        </p:nvSpPr>
        <p:spPr>
          <a:xfrm>
            <a:off x="5522237" y="5690767"/>
            <a:ext cx="1759297" cy="192360"/>
          </a:xfrm>
          <a:prstGeom prst="rect">
            <a:avLst/>
          </a:prstGeom>
        </p:spPr>
        <p:txBody>
          <a:bodyPr vert="horz" wrap="square" lIns="0" tIns="0" rIns="0" bIns="0" rtlCol="0" anchor="ctr">
            <a:spAutoFit/>
          </a:bodyPr>
          <a:lstStyle/>
          <a:p>
            <a:pPr marL="99367">
              <a:lnSpc>
                <a:spcPts val="1548"/>
              </a:lnSpc>
            </a:pPr>
            <a:fld id="{81D60167-4931-47E6-BA6A-407CBD079E47}" type="slidenum">
              <a:rPr spc="-43" dirty="0"/>
              <a:pPr marL="99367">
                <a:lnSpc>
                  <a:spcPts val="1548"/>
                </a:lnSpc>
              </a:pPr>
              <a:t>49</a:t>
            </a:fld>
            <a:endParaRPr spc="-43" dirty="0"/>
          </a:p>
        </p:txBody>
      </p:sp>
      <p:sp>
        <p:nvSpPr>
          <p:cNvPr id="45" name="object 45"/>
          <p:cNvSpPr txBox="1">
            <a:spLocks noGrp="1"/>
          </p:cNvSpPr>
          <p:nvPr>
            <p:ph type="title"/>
          </p:nvPr>
        </p:nvSpPr>
        <p:spPr>
          <a:xfrm>
            <a:off x="537563" y="128799"/>
            <a:ext cx="6743971" cy="694031"/>
          </a:xfrm>
          <a:prstGeom prst="rect">
            <a:avLst/>
          </a:prstGeom>
        </p:spPr>
        <p:txBody>
          <a:bodyPr vert="horz" wrap="square" lIns="0" tIns="9774" rIns="0" bIns="0" rtlCol="0" anchor="ctr">
            <a:spAutoFit/>
          </a:bodyPr>
          <a:lstStyle/>
          <a:p>
            <a:pPr marL="18462">
              <a:lnSpc>
                <a:spcPct val="100000"/>
              </a:lnSpc>
              <a:spcBef>
                <a:spcPts val="77"/>
              </a:spcBef>
            </a:pPr>
            <a:r>
              <a:rPr spc="-38" dirty="0"/>
              <a:t>インフラメンテナンスにおける取り組むべき項目の課題と当面の進め方</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0F4196F9-1FBA-EC8A-19E4-DC31186160FF}"/>
              </a:ext>
            </a:extLst>
          </p:cNvPr>
          <p:cNvSpPr>
            <a:spLocks noGrp="1"/>
          </p:cNvSpPr>
          <p:nvPr>
            <p:ph type="sldNum" sz="quarter" idx="12"/>
          </p:nvPr>
        </p:nvSpPr>
        <p:spPr/>
        <p:txBody>
          <a:bodyPr/>
          <a:lstStyle/>
          <a:p>
            <a:fld id="{66545E97-F017-4993-8E0F-1F0B98A93716}" type="slidenum">
              <a:rPr kumimoji="1" lang="ja-JP" altLang="en-US" smtClean="0"/>
              <a:t>5</a:t>
            </a:fld>
            <a:endParaRPr kumimoji="1" lang="ja-JP" altLang="en-US"/>
          </a:p>
        </p:txBody>
      </p:sp>
      <p:pic>
        <p:nvPicPr>
          <p:cNvPr id="4" name="図 3">
            <a:extLst>
              <a:ext uri="{FF2B5EF4-FFF2-40B4-BE49-F238E27FC236}">
                <a16:creationId xmlns:a16="http://schemas.microsoft.com/office/drawing/2014/main" id="{C115CF29-7084-F6E1-3194-0DA9975E6274}"/>
              </a:ext>
            </a:extLst>
          </p:cNvPr>
          <p:cNvPicPr>
            <a:picLocks noChangeAspect="1"/>
          </p:cNvPicPr>
          <p:nvPr/>
        </p:nvPicPr>
        <p:blipFill>
          <a:blip r:embed="rId2"/>
          <a:stretch>
            <a:fillRect/>
          </a:stretch>
        </p:blipFill>
        <p:spPr>
          <a:xfrm>
            <a:off x="0" y="216793"/>
            <a:ext cx="9144000" cy="6424413"/>
          </a:xfrm>
          <a:prstGeom prst="rect">
            <a:avLst/>
          </a:prstGeom>
        </p:spPr>
      </p:pic>
    </p:spTree>
    <p:extLst>
      <p:ext uri="{BB962C8B-B14F-4D97-AF65-F5344CB8AC3E}">
        <p14:creationId xmlns:p14="http://schemas.microsoft.com/office/powerpoint/2010/main" val="3282101487"/>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81143" y="938292"/>
            <a:ext cx="8779652" cy="5364227"/>
            <a:chOff x="211836" y="868680"/>
            <a:chExt cx="10267315" cy="6273165"/>
          </a:xfrm>
        </p:grpSpPr>
        <p:sp>
          <p:nvSpPr>
            <p:cNvPr id="3" name="object 3"/>
            <p:cNvSpPr/>
            <p:nvPr/>
          </p:nvSpPr>
          <p:spPr>
            <a:xfrm>
              <a:off x="211836" y="868680"/>
              <a:ext cx="10267315" cy="6273165"/>
            </a:xfrm>
            <a:custGeom>
              <a:avLst/>
              <a:gdLst/>
              <a:ahLst/>
              <a:cxnLst/>
              <a:rect l="l" t="t" r="r" b="b"/>
              <a:pathLst>
                <a:path w="10267315" h="6273165">
                  <a:moveTo>
                    <a:pt x="10265664" y="0"/>
                  </a:moveTo>
                  <a:lnTo>
                    <a:pt x="3048" y="0"/>
                  </a:lnTo>
                  <a:lnTo>
                    <a:pt x="0" y="3048"/>
                  </a:lnTo>
                  <a:lnTo>
                    <a:pt x="0" y="6271265"/>
                  </a:lnTo>
                  <a:lnTo>
                    <a:pt x="3048" y="6272789"/>
                  </a:lnTo>
                  <a:lnTo>
                    <a:pt x="10265664" y="6272789"/>
                  </a:lnTo>
                  <a:lnTo>
                    <a:pt x="10267188" y="6271265"/>
                  </a:lnTo>
                  <a:lnTo>
                    <a:pt x="10267188" y="6268217"/>
                  </a:lnTo>
                  <a:lnTo>
                    <a:pt x="10667" y="6268217"/>
                  </a:lnTo>
                  <a:lnTo>
                    <a:pt x="4572" y="6262121"/>
                  </a:lnTo>
                  <a:lnTo>
                    <a:pt x="10667" y="6262121"/>
                  </a:lnTo>
                  <a:lnTo>
                    <a:pt x="10667" y="10668"/>
                  </a:lnTo>
                  <a:lnTo>
                    <a:pt x="4571" y="10668"/>
                  </a:lnTo>
                  <a:lnTo>
                    <a:pt x="10667" y="6096"/>
                  </a:lnTo>
                  <a:lnTo>
                    <a:pt x="10267188" y="6096"/>
                  </a:lnTo>
                  <a:lnTo>
                    <a:pt x="10267188" y="3048"/>
                  </a:lnTo>
                  <a:lnTo>
                    <a:pt x="10265664" y="0"/>
                  </a:lnTo>
                  <a:close/>
                </a:path>
                <a:path w="10267315" h="6273165">
                  <a:moveTo>
                    <a:pt x="10667" y="6262121"/>
                  </a:moveTo>
                  <a:lnTo>
                    <a:pt x="4572" y="6262121"/>
                  </a:lnTo>
                  <a:lnTo>
                    <a:pt x="10667" y="6268217"/>
                  </a:lnTo>
                  <a:lnTo>
                    <a:pt x="10667" y="6262121"/>
                  </a:lnTo>
                  <a:close/>
                </a:path>
                <a:path w="10267315" h="6273165">
                  <a:moveTo>
                    <a:pt x="10258044" y="6262121"/>
                  </a:moveTo>
                  <a:lnTo>
                    <a:pt x="10667" y="6262121"/>
                  </a:lnTo>
                  <a:lnTo>
                    <a:pt x="10667" y="6268217"/>
                  </a:lnTo>
                  <a:lnTo>
                    <a:pt x="10258044" y="6268217"/>
                  </a:lnTo>
                  <a:lnTo>
                    <a:pt x="10258044" y="6262121"/>
                  </a:lnTo>
                  <a:close/>
                </a:path>
                <a:path w="10267315" h="6273165">
                  <a:moveTo>
                    <a:pt x="10258044" y="6096"/>
                  </a:moveTo>
                  <a:lnTo>
                    <a:pt x="10258044" y="6268217"/>
                  </a:lnTo>
                  <a:lnTo>
                    <a:pt x="10262616" y="6262121"/>
                  </a:lnTo>
                  <a:lnTo>
                    <a:pt x="10267188" y="6262121"/>
                  </a:lnTo>
                  <a:lnTo>
                    <a:pt x="10267188" y="10668"/>
                  </a:lnTo>
                  <a:lnTo>
                    <a:pt x="10262616" y="10668"/>
                  </a:lnTo>
                  <a:lnTo>
                    <a:pt x="10258044" y="6096"/>
                  </a:lnTo>
                  <a:close/>
                </a:path>
                <a:path w="10267315" h="6273165">
                  <a:moveTo>
                    <a:pt x="10267188" y="6262121"/>
                  </a:moveTo>
                  <a:lnTo>
                    <a:pt x="10262616" y="6262121"/>
                  </a:lnTo>
                  <a:lnTo>
                    <a:pt x="10258044" y="6268217"/>
                  </a:lnTo>
                  <a:lnTo>
                    <a:pt x="10267188" y="6268217"/>
                  </a:lnTo>
                  <a:lnTo>
                    <a:pt x="10267188" y="6262121"/>
                  </a:lnTo>
                  <a:close/>
                </a:path>
                <a:path w="10267315" h="6273165">
                  <a:moveTo>
                    <a:pt x="10667" y="6096"/>
                  </a:moveTo>
                  <a:lnTo>
                    <a:pt x="4571" y="10668"/>
                  </a:lnTo>
                  <a:lnTo>
                    <a:pt x="10667" y="10668"/>
                  </a:lnTo>
                  <a:lnTo>
                    <a:pt x="10667" y="6096"/>
                  </a:lnTo>
                  <a:close/>
                </a:path>
                <a:path w="10267315" h="6273165">
                  <a:moveTo>
                    <a:pt x="10258044" y="6096"/>
                  </a:moveTo>
                  <a:lnTo>
                    <a:pt x="10667" y="6096"/>
                  </a:lnTo>
                  <a:lnTo>
                    <a:pt x="10667" y="10668"/>
                  </a:lnTo>
                  <a:lnTo>
                    <a:pt x="10258044" y="10668"/>
                  </a:lnTo>
                  <a:lnTo>
                    <a:pt x="10258044" y="6096"/>
                  </a:lnTo>
                  <a:close/>
                </a:path>
                <a:path w="10267315" h="6273165">
                  <a:moveTo>
                    <a:pt x="10267188" y="6096"/>
                  </a:moveTo>
                  <a:lnTo>
                    <a:pt x="10258044" y="6096"/>
                  </a:lnTo>
                  <a:lnTo>
                    <a:pt x="10262616" y="10668"/>
                  </a:lnTo>
                  <a:lnTo>
                    <a:pt x="10267188" y="10668"/>
                  </a:lnTo>
                  <a:lnTo>
                    <a:pt x="10267188" y="6096"/>
                  </a:lnTo>
                  <a:close/>
                </a:path>
              </a:pathLst>
            </a:custGeom>
            <a:solidFill>
              <a:srgbClr val="4472C3"/>
            </a:solidFill>
          </p:spPr>
          <p:txBody>
            <a:bodyPr wrap="square" lIns="0" tIns="0" rIns="0" bIns="0" rtlCol="0"/>
            <a:lstStyle/>
            <a:p>
              <a:endParaRPr sz="1539"/>
            </a:p>
          </p:txBody>
        </p:sp>
        <p:sp>
          <p:nvSpPr>
            <p:cNvPr id="4" name="object 4"/>
            <p:cNvSpPr/>
            <p:nvPr/>
          </p:nvSpPr>
          <p:spPr>
            <a:xfrm>
              <a:off x="5027676" y="1839467"/>
              <a:ext cx="528955" cy="1983105"/>
            </a:xfrm>
            <a:custGeom>
              <a:avLst/>
              <a:gdLst/>
              <a:ahLst/>
              <a:cxnLst/>
              <a:rect l="l" t="t" r="r" b="b"/>
              <a:pathLst>
                <a:path w="528954" h="1983104">
                  <a:moveTo>
                    <a:pt x="515112" y="1976628"/>
                  </a:moveTo>
                  <a:lnTo>
                    <a:pt x="0" y="1976628"/>
                  </a:lnTo>
                  <a:lnTo>
                    <a:pt x="0" y="1982724"/>
                  </a:lnTo>
                  <a:lnTo>
                    <a:pt x="515112" y="1982724"/>
                  </a:lnTo>
                  <a:lnTo>
                    <a:pt x="515112" y="1976628"/>
                  </a:lnTo>
                  <a:close/>
                </a:path>
                <a:path w="528954" h="1983104">
                  <a:moveTo>
                    <a:pt x="528828" y="1524"/>
                  </a:moveTo>
                  <a:lnTo>
                    <a:pt x="268224" y="774"/>
                  </a:lnTo>
                  <a:lnTo>
                    <a:pt x="268224" y="457"/>
                  </a:lnTo>
                  <a:lnTo>
                    <a:pt x="158648" y="457"/>
                  </a:lnTo>
                  <a:lnTo>
                    <a:pt x="0" y="0"/>
                  </a:lnTo>
                  <a:lnTo>
                    <a:pt x="0" y="457"/>
                  </a:lnTo>
                  <a:lnTo>
                    <a:pt x="0" y="2997"/>
                  </a:lnTo>
                  <a:lnTo>
                    <a:pt x="0" y="5537"/>
                  </a:lnTo>
                  <a:lnTo>
                    <a:pt x="0" y="6096"/>
                  </a:lnTo>
                  <a:lnTo>
                    <a:pt x="260604" y="6858"/>
                  </a:lnTo>
                  <a:lnTo>
                    <a:pt x="260604" y="566877"/>
                  </a:lnTo>
                  <a:lnTo>
                    <a:pt x="260604" y="571957"/>
                  </a:lnTo>
                  <a:lnTo>
                    <a:pt x="260604" y="574497"/>
                  </a:lnTo>
                  <a:lnTo>
                    <a:pt x="528828" y="574497"/>
                  </a:lnTo>
                  <a:lnTo>
                    <a:pt x="528828" y="571957"/>
                  </a:lnTo>
                  <a:lnTo>
                    <a:pt x="266128" y="571957"/>
                  </a:lnTo>
                  <a:lnTo>
                    <a:pt x="266128" y="569404"/>
                  </a:lnTo>
                  <a:lnTo>
                    <a:pt x="268224" y="571500"/>
                  </a:lnTo>
                  <a:lnTo>
                    <a:pt x="528828" y="571500"/>
                  </a:lnTo>
                  <a:lnTo>
                    <a:pt x="528828" y="566928"/>
                  </a:lnTo>
                  <a:lnTo>
                    <a:pt x="268224" y="566928"/>
                  </a:lnTo>
                  <a:lnTo>
                    <a:pt x="266128" y="566928"/>
                  </a:lnTo>
                  <a:lnTo>
                    <a:pt x="268224" y="566877"/>
                  </a:lnTo>
                  <a:lnTo>
                    <a:pt x="268224" y="6870"/>
                  </a:lnTo>
                  <a:lnTo>
                    <a:pt x="528828" y="7620"/>
                  </a:lnTo>
                  <a:lnTo>
                    <a:pt x="528828" y="1524"/>
                  </a:lnTo>
                  <a:close/>
                </a:path>
              </a:pathLst>
            </a:custGeom>
            <a:solidFill>
              <a:srgbClr val="000000"/>
            </a:solidFill>
          </p:spPr>
          <p:txBody>
            <a:bodyPr wrap="square" lIns="0" tIns="0" rIns="0" bIns="0" rtlCol="0"/>
            <a:lstStyle/>
            <a:p>
              <a:endParaRPr sz="1539"/>
            </a:p>
          </p:txBody>
        </p:sp>
        <p:pic>
          <p:nvPicPr>
            <p:cNvPr id="5" name="object 5"/>
            <p:cNvPicPr/>
            <p:nvPr/>
          </p:nvPicPr>
          <p:blipFill>
            <a:blip r:embed="rId2" cstate="print"/>
            <a:stretch>
              <a:fillRect/>
            </a:stretch>
          </p:blipFill>
          <p:spPr>
            <a:xfrm>
              <a:off x="5542788" y="2685287"/>
              <a:ext cx="4701540" cy="388620"/>
            </a:xfrm>
            <a:prstGeom prst="rect">
              <a:avLst/>
            </a:prstGeom>
          </p:spPr>
        </p:pic>
        <p:sp>
          <p:nvSpPr>
            <p:cNvPr id="6" name="object 6"/>
            <p:cNvSpPr/>
            <p:nvPr/>
          </p:nvSpPr>
          <p:spPr>
            <a:xfrm>
              <a:off x="5539739" y="2682240"/>
              <a:ext cx="4707890" cy="396240"/>
            </a:xfrm>
            <a:custGeom>
              <a:avLst/>
              <a:gdLst/>
              <a:ahLst/>
              <a:cxnLst/>
              <a:rect l="l" t="t" r="r" b="b"/>
              <a:pathLst>
                <a:path w="4707890" h="396239">
                  <a:moveTo>
                    <a:pt x="4707636" y="0"/>
                  </a:moveTo>
                  <a:lnTo>
                    <a:pt x="0" y="0"/>
                  </a:lnTo>
                  <a:lnTo>
                    <a:pt x="0" y="396240"/>
                  </a:lnTo>
                  <a:lnTo>
                    <a:pt x="4707636" y="396240"/>
                  </a:lnTo>
                  <a:lnTo>
                    <a:pt x="4707636" y="391668"/>
                  </a:lnTo>
                  <a:lnTo>
                    <a:pt x="6096" y="391668"/>
                  </a:lnTo>
                  <a:lnTo>
                    <a:pt x="3048" y="388620"/>
                  </a:lnTo>
                  <a:lnTo>
                    <a:pt x="6096" y="388620"/>
                  </a:lnTo>
                  <a:lnTo>
                    <a:pt x="6096" y="7620"/>
                  </a:lnTo>
                  <a:lnTo>
                    <a:pt x="3048" y="7620"/>
                  </a:lnTo>
                  <a:lnTo>
                    <a:pt x="6096" y="3048"/>
                  </a:lnTo>
                  <a:lnTo>
                    <a:pt x="4707636" y="3048"/>
                  </a:lnTo>
                  <a:lnTo>
                    <a:pt x="4707636" y="0"/>
                  </a:lnTo>
                  <a:close/>
                </a:path>
                <a:path w="4707890" h="396239">
                  <a:moveTo>
                    <a:pt x="6096" y="388620"/>
                  </a:moveTo>
                  <a:lnTo>
                    <a:pt x="3048" y="388620"/>
                  </a:lnTo>
                  <a:lnTo>
                    <a:pt x="6096" y="391668"/>
                  </a:lnTo>
                  <a:lnTo>
                    <a:pt x="6096" y="388620"/>
                  </a:lnTo>
                  <a:close/>
                </a:path>
                <a:path w="4707890" h="396239">
                  <a:moveTo>
                    <a:pt x="4701540" y="388620"/>
                  </a:moveTo>
                  <a:lnTo>
                    <a:pt x="6096" y="388620"/>
                  </a:lnTo>
                  <a:lnTo>
                    <a:pt x="6096" y="391668"/>
                  </a:lnTo>
                  <a:lnTo>
                    <a:pt x="4701540" y="391668"/>
                  </a:lnTo>
                  <a:lnTo>
                    <a:pt x="4701540" y="388620"/>
                  </a:lnTo>
                  <a:close/>
                </a:path>
                <a:path w="4707890" h="396239">
                  <a:moveTo>
                    <a:pt x="4701540" y="3048"/>
                  </a:moveTo>
                  <a:lnTo>
                    <a:pt x="4701540" y="391668"/>
                  </a:lnTo>
                  <a:lnTo>
                    <a:pt x="4704588" y="388620"/>
                  </a:lnTo>
                  <a:lnTo>
                    <a:pt x="4707636" y="388620"/>
                  </a:lnTo>
                  <a:lnTo>
                    <a:pt x="4707636" y="7620"/>
                  </a:lnTo>
                  <a:lnTo>
                    <a:pt x="4704588" y="7620"/>
                  </a:lnTo>
                  <a:lnTo>
                    <a:pt x="4701540" y="3048"/>
                  </a:lnTo>
                  <a:close/>
                </a:path>
                <a:path w="4707890" h="396239">
                  <a:moveTo>
                    <a:pt x="4707636" y="388620"/>
                  </a:moveTo>
                  <a:lnTo>
                    <a:pt x="4704588" y="388620"/>
                  </a:lnTo>
                  <a:lnTo>
                    <a:pt x="4701540" y="391668"/>
                  </a:lnTo>
                  <a:lnTo>
                    <a:pt x="4707636" y="391668"/>
                  </a:lnTo>
                  <a:lnTo>
                    <a:pt x="4707636" y="388620"/>
                  </a:lnTo>
                  <a:close/>
                </a:path>
                <a:path w="4707890" h="396239">
                  <a:moveTo>
                    <a:pt x="6096" y="3048"/>
                  </a:moveTo>
                  <a:lnTo>
                    <a:pt x="3048" y="7620"/>
                  </a:lnTo>
                  <a:lnTo>
                    <a:pt x="6096" y="7620"/>
                  </a:lnTo>
                  <a:lnTo>
                    <a:pt x="6096" y="3048"/>
                  </a:lnTo>
                  <a:close/>
                </a:path>
                <a:path w="4707890" h="396239">
                  <a:moveTo>
                    <a:pt x="4701540" y="3048"/>
                  </a:moveTo>
                  <a:lnTo>
                    <a:pt x="6096" y="3048"/>
                  </a:lnTo>
                  <a:lnTo>
                    <a:pt x="6096" y="7620"/>
                  </a:lnTo>
                  <a:lnTo>
                    <a:pt x="4701540" y="7620"/>
                  </a:lnTo>
                  <a:lnTo>
                    <a:pt x="4701540" y="3048"/>
                  </a:lnTo>
                  <a:close/>
                </a:path>
                <a:path w="4707890" h="396239">
                  <a:moveTo>
                    <a:pt x="4707636" y="3048"/>
                  </a:moveTo>
                  <a:lnTo>
                    <a:pt x="4701540" y="3048"/>
                  </a:lnTo>
                  <a:lnTo>
                    <a:pt x="4704588" y="7620"/>
                  </a:lnTo>
                  <a:lnTo>
                    <a:pt x="4707636" y="7620"/>
                  </a:lnTo>
                  <a:lnTo>
                    <a:pt x="4707636" y="3048"/>
                  </a:lnTo>
                  <a:close/>
                </a:path>
              </a:pathLst>
            </a:custGeom>
            <a:solidFill>
              <a:srgbClr val="70AC46"/>
            </a:solidFill>
          </p:spPr>
          <p:txBody>
            <a:bodyPr wrap="square" lIns="0" tIns="0" rIns="0" bIns="0" rtlCol="0"/>
            <a:lstStyle/>
            <a:p>
              <a:endParaRPr sz="1539"/>
            </a:p>
          </p:txBody>
        </p:sp>
        <p:pic>
          <p:nvPicPr>
            <p:cNvPr id="7" name="object 7"/>
            <p:cNvPicPr/>
            <p:nvPr/>
          </p:nvPicPr>
          <p:blipFill>
            <a:blip r:embed="rId3" cstate="print"/>
            <a:stretch>
              <a:fillRect/>
            </a:stretch>
          </p:blipFill>
          <p:spPr>
            <a:xfrm>
              <a:off x="327660" y="1648968"/>
              <a:ext cx="4700016" cy="388620"/>
            </a:xfrm>
            <a:prstGeom prst="rect">
              <a:avLst/>
            </a:prstGeom>
          </p:spPr>
        </p:pic>
        <p:sp>
          <p:nvSpPr>
            <p:cNvPr id="8" name="object 8"/>
            <p:cNvSpPr/>
            <p:nvPr/>
          </p:nvSpPr>
          <p:spPr>
            <a:xfrm>
              <a:off x="323088" y="1644396"/>
              <a:ext cx="4707890" cy="396240"/>
            </a:xfrm>
            <a:custGeom>
              <a:avLst/>
              <a:gdLst/>
              <a:ahLst/>
              <a:cxnLst/>
              <a:rect l="l" t="t" r="r" b="b"/>
              <a:pathLst>
                <a:path w="4707890" h="396239">
                  <a:moveTo>
                    <a:pt x="4707636" y="0"/>
                  </a:moveTo>
                  <a:lnTo>
                    <a:pt x="0" y="0"/>
                  </a:lnTo>
                  <a:lnTo>
                    <a:pt x="0" y="396239"/>
                  </a:lnTo>
                  <a:lnTo>
                    <a:pt x="4707636" y="396239"/>
                  </a:lnTo>
                  <a:lnTo>
                    <a:pt x="4707636" y="393191"/>
                  </a:lnTo>
                  <a:lnTo>
                    <a:pt x="7619" y="393191"/>
                  </a:lnTo>
                  <a:lnTo>
                    <a:pt x="4571" y="388619"/>
                  </a:lnTo>
                  <a:lnTo>
                    <a:pt x="7619" y="388619"/>
                  </a:lnTo>
                  <a:lnTo>
                    <a:pt x="7619" y="7619"/>
                  </a:lnTo>
                  <a:lnTo>
                    <a:pt x="4571" y="7619"/>
                  </a:lnTo>
                  <a:lnTo>
                    <a:pt x="7619" y="4572"/>
                  </a:lnTo>
                  <a:lnTo>
                    <a:pt x="4707636" y="4572"/>
                  </a:lnTo>
                  <a:lnTo>
                    <a:pt x="4707636" y="0"/>
                  </a:lnTo>
                  <a:close/>
                </a:path>
                <a:path w="4707890" h="396239">
                  <a:moveTo>
                    <a:pt x="7619" y="388619"/>
                  </a:moveTo>
                  <a:lnTo>
                    <a:pt x="4571" y="388619"/>
                  </a:lnTo>
                  <a:lnTo>
                    <a:pt x="7619" y="393191"/>
                  </a:lnTo>
                  <a:lnTo>
                    <a:pt x="7619" y="388619"/>
                  </a:lnTo>
                  <a:close/>
                </a:path>
                <a:path w="4707890" h="396239">
                  <a:moveTo>
                    <a:pt x="4701540" y="388619"/>
                  </a:moveTo>
                  <a:lnTo>
                    <a:pt x="7619" y="388619"/>
                  </a:lnTo>
                  <a:lnTo>
                    <a:pt x="7619" y="393191"/>
                  </a:lnTo>
                  <a:lnTo>
                    <a:pt x="4701540" y="393191"/>
                  </a:lnTo>
                  <a:lnTo>
                    <a:pt x="4701540" y="388619"/>
                  </a:lnTo>
                  <a:close/>
                </a:path>
                <a:path w="4707890" h="396239">
                  <a:moveTo>
                    <a:pt x="4701540" y="4572"/>
                  </a:moveTo>
                  <a:lnTo>
                    <a:pt x="4701540" y="393191"/>
                  </a:lnTo>
                  <a:lnTo>
                    <a:pt x="4704588" y="388619"/>
                  </a:lnTo>
                  <a:lnTo>
                    <a:pt x="4707636" y="388619"/>
                  </a:lnTo>
                  <a:lnTo>
                    <a:pt x="4707636" y="7619"/>
                  </a:lnTo>
                  <a:lnTo>
                    <a:pt x="4704588" y="7619"/>
                  </a:lnTo>
                  <a:lnTo>
                    <a:pt x="4701540" y="4572"/>
                  </a:lnTo>
                  <a:close/>
                </a:path>
                <a:path w="4707890" h="396239">
                  <a:moveTo>
                    <a:pt x="4707636" y="388619"/>
                  </a:moveTo>
                  <a:lnTo>
                    <a:pt x="4704588" y="388619"/>
                  </a:lnTo>
                  <a:lnTo>
                    <a:pt x="4701540" y="393191"/>
                  </a:lnTo>
                  <a:lnTo>
                    <a:pt x="4707636" y="393191"/>
                  </a:lnTo>
                  <a:lnTo>
                    <a:pt x="4707636" y="388619"/>
                  </a:lnTo>
                  <a:close/>
                </a:path>
                <a:path w="4707890" h="396239">
                  <a:moveTo>
                    <a:pt x="7619" y="4572"/>
                  </a:moveTo>
                  <a:lnTo>
                    <a:pt x="4571" y="7619"/>
                  </a:lnTo>
                  <a:lnTo>
                    <a:pt x="7619" y="7619"/>
                  </a:lnTo>
                  <a:lnTo>
                    <a:pt x="7619" y="4572"/>
                  </a:lnTo>
                  <a:close/>
                </a:path>
                <a:path w="4707890" h="396239">
                  <a:moveTo>
                    <a:pt x="4701540" y="4572"/>
                  </a:moveTo>
                  <a:lnTo>
                    <a:pt x="7619" y="4572"/>
                  </a:lnTo>
                  <a:lnTo>
                    <a:pt x="7619" y="7619"/>
                  </a:lnTo>
                  <a:lnTo>
                    <a:pt x="4701540" y="7619"/>
                  </a:lnTo>
                  <a:lnTo>
                    <a:pt x="4701540" y="4572"/>
                  </a:lnTo>
                  <a:close/>
                </a:path>
                <a:path w="4707890" h="396239">
                  <a:moveTo>
                    <a:pt x="4707636" y="4572"/>
                  </a:moveTo>
                  <a:lnTo>
                    <a:pt x="4701540" y="4572"/>
                  </a:lnTo>
                  <a:lnTo>
                    <a:pt x="4704588" y="7619"/>
                  </a:lnTo>
                  <a:lnTo>
                    <a:pt x="4707636" y="7619"/>
                  </a:lnTo>
                  <a:lnTo>
                    <a:pt x="4707636" y="4572"/>
                  </a:lnTo>
                  <a:close/>
                </a:path>
              </a:pathLst>
            </a:custGeom>
            <a:solidFill>
              <a:srgbClr val="ED7C31"/>
            </a:solidFill>
          </p:spPr>
          <p:txBody>
            <a:bodyPr wrap="square" lIns="0" tIns="0" rIns="0" bIns="0" rtlCol="0"/>
            <a:lstStyle/>
            <a:p>
              <a:endParaRPr sz="1539"/>
            </a:p>
          </p:txBody>
        </p:sp>
        <p:pic>
          <p:nvPicPr>
            <p:cNvPr id="9" name="object 9"/>
            <p:cNvPicPr/>
            <p:nvPr/>
          </p:nvPicPr>
          <p:blipFill>
            <a:blip r:embed="rId3" cstate="print"/>
            <a:stretch>
              <a:fillRect/>
            </a:stretch>
          </p:blipFill>
          <p:spPr>
            <a:xfrm>
              <a:off x="327660" y="2685287"/>
              <a:ext cx="4700016" cy="388620"/>
            </a:xfrm>
            <a:prstGeom prst="rect">
              <a:avLst/>
            </a:prstGeom>
          </p:spPr>
        </p:pic>
        <p:sp>
          <p:nvSpPr>
            <p:cNvPr id="10" name="object 10"/>
            <p:cNvSpPr/>
            <p:nvPr/>
          </p:nvSpPr>
          <p:spPr>
            <a:xfrm>
              <a:off x="323088" y="2682240"/>
              <a:ext cx="4707890" cy="396240"/>
            </a:xfrm>
            <a:custGeom>
              <a:avLst/>
              <a:gdLst/>
              <a:ahLst/>
              <a:cxnLst/>
              <a:rect l="l" t="t" r="r" b="b"/>
              <a:pathLst>
                <a:path w="4707890" h="396239">
                  <a:moveTo>
                    <a:pt x="4707636" y="0"/>
                  </a:moveTo>
                  <a:lnTo>
                    <a:pt x="0" y="0"/>
                  </a:lnTo>
                  <a:lnTo>
                    <a:pt x="0" y="396240"/>
                  </a:lnTo>
                  <a:lnTo>
                    <a:pt x="4707636" y="396240"/>
                  </a:lnTo>
                  <a:lnTo>
                    <a:pt x="4707636" y="391668"/>
                  </a:lnTo>
                  <a:lnTo>
                    <a:pt x="7619" y="391668"/>
                  </a:lnTo>
                  <a:lnTo>
                    <a:pt x="4571" y="388620"/>
                  </a:lnTo>
                  <a:lnTo>
                    <a:pt x="7619" y="388620"/>
                  </a:lnTo>
                  <a:lnTo>
                    <a:pt x="7619" y="7620"/>
                  </a:lnTo>
                  <a:lnTo>
                    <a:pt x="4571" y="7620"/>
                  </a:lnTo>
                  <a:lnTo>
                    <a:pt x="7619" y="3048"/>
                  </a:lnTo>
                  <a:lnTo>
                    <a:pt x="4707636" y="3048"/>
                  </a:lnTo>
                  <a:lnTo>
                    <a:pt x="4707636" y="0"/>
                  </a:lnTo>
                  <a:close/>
                </a:path>
                <a:path w="4707890" h="396239">
                  <a:moveTo>
                    <a:pt x="7619" y="388620"/>
                  </a:moveTo>
                  <a:lnTo>
                    <a:pt x="4571" y="388620"/>
                  </a:lnTo>
                  <a:lnTo>
                    <a:pt x="7619" y="391668"/>
                  </a:lnTo>
                  <a:lnTo>
                    <a:pt x="7619" y="388620"/>
                  </a:lnTo>
                  <a:close/>
                </a:path>
                <a:path w="4707890" h="396239">
                  <a:moveTo>
                    <a:pt x="4701540" y="388620"/>
                  </a:moveTo>
                  <a:lnTo>
                    <a:pt x="7619" y="388620"/>
                  </a:lnTo>
                  <a:lnTo>
                    <a:pt x="7619" y="391668"/>
                  </a:lnTo>
                  <a:lnTo>
                    <a:pt x="4701540" y="391668"/>
                  </a:lnTo>
                  <a:lnTo>
                    <a:pt x="4701540" y="388620"/>
                  </a:lnTo>
                  <a:close/>
                </a:path>
                <a:path w="4707890" h="396239">
                  <a:moveTo>
                    <a:pt x="4701540" y="3048"/>
                  </a:moveTo>
                  <a:lnTo>
                    <a:pt x="4701540" y="391668"/>
                  </a:lnTo>
                  <a:lnTo>
                    <a:pt x="4704588" y="388620"/>
                  </a:lnTo>
                  <a:lnTo>
                    <a:pt x="4707636" y="388620"/>
                  </a:lnTo>
                  <a:lnTo>
                    <a:pt x="4707636" y="7620"/>
                  </a:lnTo>
                  <a:lnTo>
                    <a:pt x="4704588" y="7620"/>
                  </a:lnTo>
                  <a:lnTo>
                    <a:pt x="4701540" y="3048"/>
                  </a:lnTo>
                  <a:close/>
                </a:path>
                <a:path w="4707890" h="396239">
                  <a:moveTo>
                    <a:pt x="4707636" y="388620"/>
                  </a:moveTo>
                  <a:lnTo>
                    <a:pt x="4704588" y="388620"/>
                  </a:lnTo>
                  <a:lnTo>
                    <a:pt x="4701540" y="391668"/>
                  </a:lnTo>
                  <a:lnTo>
                    <a:pt x="4707636" y="391668"/>
                  </a:lnTo>
                  <a:lnTo>
                    <a:pt x="4707636" y="388620"/>
                  </a:lnTo>
                  <a:close/>
                </a:path>
                <a:path w="4707890" h="396239">
                  <a:moveTo>
                    <a:pt x="7619" y="3048"/>
                  </a:moveTo>
                  <a:lnTo>
                    <a:pt x="4571" y="7620"/>
                  </a:lnTo>
                  <a:lnTo>
                    <a:pt x="7619" y="7620"/>
                  </a:lnTo>
                  <a:lnTo>
                    <a:pt x="7619" y="3048"/>
                  </a:lnTo>
                  <a:close/>
                </a:path>
                <a:path w="4707890" h="396239">
                  <a:moveTo>
                    <a:pt x="4701540" y="3048"/>
                  </a:moveTo>
                  <a:lnTo>
                    <a:pt x="7619" y="3048"/>
                  </a:lnTo>
                  <a:lnTo>
                    <a:pt x="7619" y="7620"/>
                  </a:lnTo>
                  <a:lnTo>
                    <a:pt x="4701540" y="7620"/>
                  </a:lnTo>
                  <a:lnTo>
                    <a:pt x="4701540" y="3048"/>
                  </a:lnTo>
                  <a:close/>
                </a:path>
                <a:path w="4707890" h="396239">
                  <a:moveTo>
                    <a:pt x="4707636" y="3048"/>
                  </a:moveTo>
                  <a:lnTo>
                    <a:pt x="4701540" y="3048"/>
                  </a:lnTo>
                  <a:lnTo>
                    <a:pt x="4704588" y="7620"/>
                  </a:lnTo>
                  <a:lnTo>
                    <a:pt x="4707636" y="7620"/>
                  </a:lnTo>
                  <a:lnTo>
                    <a:pt x="4707636" y="3048"/>
                  </a:lnTo>
                  <a:close/>
                </a:path>
              </a:pathLst>
            </a:custGeom>
            <a:solidFill>
              <a:srgbClr val="ED7C31"/>
            </a:solidFill>
          </p:spPr>
          <p:txBody>
            <a:bodyPr wrap="square" lIns="0" tIns="0" rIns="0" bIns="0" rtlCol="0"/>
            <a:lstStyle/>
            <a:p>
              <a:endParaRPr sz="1539"/>
            </a:p>
          </p:txBody>
        </p:sp>
      </p:grpSp>
      <p:sp>
        <p:nvSpPr>
          <p:cNvPr id="11" name="object 11"/>
          <p:cNvSpPr txBox="1"/>
          <p:nvPr/>
        </p:nvSpPr>
        <p:spPr>
          <a:xfrm>
            <a:off x="335787" y="2555107"/>
            <a:ext cx="1335762"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合意形成が困難</a:t>
            </a:r>
            <a:endParaRPr sz="1283">
              <a:latin typeface="HGSｺﾞｼｯｸM"/>
              <a:cs typeface="HGSｺﾞｼｯｸM"/>
            </a:endParaRPr>
          </a:p>
        </p:txBody>
      </p:sp>
      <p:grpSp>
        <p:nvGrpSpPr>
          <p:cNvPr id="12" name="object 12"/>
          <p:cNvGrpSpPr/>
          <p:nvPr/>
        </p:nvGrpSpPr>
        <p:grpSpPr>
          <a:xfrm>
            <a:off x="276275" y="1519511"/>
            <a:ext cx="8498381" cy="4699603"/>
            <a:chOff x="323088" y="1548383"/>
            <a:chExt cx="9938385" cy="5495925"/>
          </a:xfrm>
        </p:grpSpPr>
        <p:pic>
          <p:nvPicPr>
            <p:cNvPr id="13" name="object 13"/>
            <p:cNvPicPr/>
            <p:nvPr/>
          </p:nvPicPr>
          <p:blipFill>
            <a:blip r:embed="rId3" cstate="print"/>
            <a:stretch>
              <a:fillRect/>
            </a:stretch>
          </p:blipFill>
          <p:spPr>
            <a:xfrm>
              <a:off x="327660" y="3625595"/>
              <a:ext cx="4700016" cy="388620"/>
            </a:xfrm>
            <a:prstGeom prst="rect">
              <a:avLst/>
            </a:prstGeom>
          </p:spPr>
        </p:pic>
        <p:sp>
          <p:nvSpPr>
            <p:cNvPr id="14" name="object 14"/>
            <p:cNvSpPr/>
            <p:nvPr/>
          </p:nvSpPr>
          <p:spPr>
            <a:xfrm>
              <a:off x="323088" y="3621023"/>
              <a:ext cx="4707890" cy="396240"/>
            </a:xfrm>
            <a:custGeom>
              <a:avLst/>
              <a:gdLst/>
              <a:ahLst/>
              <a:cxnLst/>
              <a:rect l="l" t="t" r="r" b="b"/>
              <a:pathLst>
                <a:path w="4707890" h="396239">
                  <a:moveTo>
                    <a:pt x="4707636" y="0"/>
                  </a:moveTo>
                  <a:lnTo>
                    <a:pt x="0" y="0"/>
                  </a:lnTo>
                  <a:lnTo>
                    <a:pt x="0" y="396239"/>
                  </a:lnTo>
                  <a:lnTo>
                    <a:pt x="4707636" y="396239"/>
                  </a:lnTo>
                  <a:lnTo>
                    <a:pt x="4707636" y="393191"/>
                  </a:lnTo>
                  <a:lnTo>
                    <a:pt x="7619" y="393191"/>
                  </a:lnTo>
                  <a:lnTo>
                    <a:pt x="4571" y="388620"/>
                  </a:lnTo>
                  <a:lnTo>
                    <a:pt x="7619" y="388620"/>
                  </a:lnTo>
                  <a:lnTo>
                    <a:pt x="7619" y="7620"/>
                  </a:lnTo>
                  <a:lnTo>
                    <a:pt x="4571" y="7620"/>
                  </a:lnTo>
                  <a:lnTo>
                    <a:pt x="7619" y="4572"/>
                  </a:lnTo>
                  <a:lnTo>
                    <a:pt x="4707636" y="4572"/>
                  </a:lnTo>
                  <a:lnTo>
                    <a:pt x="4707636" y="0"/>
                  </a:lnTo>
                  <a:close/>
                </a:path>
                <a:path w="4707890" h="396239">
                  <a:moveTo>
                    <a:pt x="7619" y="388620"/>
                  </a:moveTo>
                  <a:lnTo>
                    <a:pt x="4571" y="388620"/>
                  </a:lnTo>
                  <a:lnTo>
                    <a:pt x="7619" y="393191"/>
                  </a:lnTo>
                  <a:lnTo>
                    <a:pt x="7619" y="388620"/>
                  </a:lnTo>
                  <a:close/>
                </a:path>
                <a:path w="4707890" h="396239">
                  <a:moveTo>
                    <a:pt x="4701540" y="388620"/>
                  </a:moveTo>
                  <a:lnTo>
                    <a:pt x="7619" y="388620"/>
                  </a:lnTo>
                  <a:lnTo>
                    <a:pt x="7619" y="393191"/>
                  </a:lnTo>
                  <a:lnTo>
                    <a:pt x="4701540" y="393191"/>
                  </a:lnTo>
                  <a:lnTo>
                    <a:pt x="4701540" y="388620"/>
                  </a:lnTo>
                  <a:close/>
                </a:path>
                <a:path w="4707890" h="396239">
                  <a:moveTo>
                    <a:pt x="4701540" y="4572"/>
                  </a:moveTo>
                  <a:lnTo>
                    <a:pt x="4701540" y="393191"/>
                  </a:lnTo>
                  <a:lnTo>
                    <a:pt x="4704588" y="388620"/>
                  </a:lnTo>
                  <a:lnTo>
                    <a:pt x="4707636" y="388620"/>
                  </a:lnTo>
                  <a:lnTo>
                    <a:pt x="4707636" y="7620"/>
                  </a:lnTo>
                  <a:lnTo>
                    <a:pt x="4704588" y="7620"/>
                  </a:lnTo>
                  <a:lnTo>
                    <a:pt x="4701540" y="4572"/>
                  </a:lnTo>
                  <a:close/>
                </a:path>
                <a:path w="4707890" h="396239">
                  <a:moveTo>
                    <a:pt x="4707636" y="388620"/>
                  </a:moveTo>
                  <a:lnTo>
                    <a:pt x="4704588" y="388620"/>
                  </a:lnTo>
                  <a:lnTo>
                    <a:pt x="4701540" y="393191"/>
                  </a:lnTo>
                  <a:lnTo>
                    <a:pt x="4707636" y="393191"/>
                  </a:lnTo>
                  <a:lnTo>
                    <a:pt x="4707636" y="388620"/>
                  </a:lnTo>
                  <a:close/>
                </a:path>
                <a:path w="4707890" h="396239">
                  <a:moveTo>
                    <a:pt x="7619" y="4572"/>
                  </a:moveTo>
                  <a:lnTo>
                    <a:pt x="4571" y="7620"/>
                  </a:lnTo>
                  <a:lnTo>
                    <a:pt x="7619" y="7620"/>
                  </a:lnTo>
                  <a:lnTo>
                    <a:pt x="7619" y="4572"/>
                  </a:lnTo>
                  <a:close/>
                </a:path>
                <a:path w="4707890" h="396239">
                  <a:moveTo>
                    <a:pt x="4701540" y="4572"/>
                  </a:moveTo>
                  <a:lnTo>
                    <a:pt x="7619" y="4572"/>
                  </a:lnTo>
                  <a:lnTo>
                    <a:pt x="7619" y="7620"/>
                  </a:lnTo>
                  <a:lnTo>
                    <a:pt x="4701540" y="7620"/>
                  </a:lnTo>
                  <a:lnTo>
                    <a:pt x="4701540" y="4572"/>
                  </a:lnTo>
                  <a:close/>
                </a:path>
                <a:path w="4707890" h="396239">
                  <a:moveTo>
                    <a:pt x="4707636" y="4572"/>
                  </a:moveTo>
                  <a:lnTo>
                    <a:pt x="4701540" y="4572"/>
                  </a:lnTo>
                  <a:lnTo>
                    <a:pt x="4704588" y="7620"/>
                  </a:lnTo>
                  <a:lnTo>
                    <a:pt x="4707636" y="7620"/>
                  </a:lnTo>
                  <a:lnTo>
                    <a:pt x="4707636" y="4572"/>
                  </a:lnTo>
                  <a:close/>
                </a:path>
              </a:pathLst>
            </a:custGeom>
            <a:solidFill>
              <a:srgbClr val="ED7C31"/>
            </a:solidFill>
          </p:spPr>
          <p:txBody>
            <a:bodyPr wrap="square" lIns="0" tIns="0" rIns="0" bIns="0" rtlCol="0"/>
            <a:lstStyle/>
            <a:p>
              <a:endParaRPr sz="1539"/>
            </a:p>
          </p:txBody>
        </p:sp>
        <p:pic>
          <p:nvPicPr>
            <p:cNvPr id="15" name="object 15"/>
            <p:cNvPicPr/>
            <p:nvPr/>
          </p:nvPicPr>
          <p:blipFill>
            <a:blip r:embed="rId2" cstate="print"/>
            <a:stretch>
              <a:fillRect/>
            </a:stretch>
          </p:blipFill>
          <p:spPr>
            <a:xfrm>
              <a:off x="5542788" y="3625595"/>
              <a:ext cx="4701540" cy="388620"/>
            </a:xfrm>
            <a:prstGeom prst="rect">
              <a:avLst/>
            </a:prstGeom>
          </p:spPr>
        </p:pic>
        <p:sp>
          <p:nvSpPr>
            <p:cNvPr id="16" name="object 16"/>
            <p:cNvSpPr/>
            <p:nvPr/>
          </p:nvSpPr>
          <p:spPr>
            <a:xfrm>
              <a:off x="5539740" y="3621023"/>
              <a:ext cx="4707890" cy="396240"/>
            </a:xfrm>
            <a:custGeom>
              <a:avLst/>
              <a:gdLst/>
              <a:ahLst/>
              <a:cxnLst/>
              <a:rect l="l" t="t" r="r" b="b"/>
              <a:pathLst>
                <a:path w="4707890" h="396239">
                  <a:moveTo>
                    <a:pt x="4707636" y="0"/>
                  </a:moveTo>
                  <a:lnTo>
                    <a:pt x="0" y="0"/>
                  </a:lnTo>
                  <a:lnTo>
                    <a:pt x="0" y="396239"/>
                  </a:lnTo>
                  <a:lnTo>
                    <a:pt x="4707636" y="396239"/>
                  </a:lnTo>
                  <a:lnTo>
                    <a:pt x="4707636" y="393191"/>
                  </a:lnTo>
                  <a:lnTo>
                    <a:pt x="6096" y="393191"/>
                  </a:lnTo>
                  <a:lnTo>
                    <a:pt x="3048" y="388620"/>
                  </a:lnTo>
                  <a:lnTo>
                    <a:pt x="6096" y="388620"/>
                  </a:lnTo>
                  <a:lnTo>
                    <a:pt x="6096" y="7620"/>
                  </a:lnTo>
                  <a:lnTo>
                    <a:pt x="3048" y="7620"/>
                  </a:lnTo>
                  <a:lnTo>
                    <a:pt x="6096" y="4572"/>
                  </a:lnTo>
                  <a:lnTo>
                    <a:pt x="4707636" y="4572"/>
                  </a:lnTo>
                  <a:lnTo>
                    <a:pt x="4707636" y="0"/>
                  </a:lnTo>
                  <a:close/>
                </a:path>
                <a:path w="4707890" h="396239">
                  <a:moveTo>
                    <a:pt x="6096" y="388620"/>
                  </a:moveTo>
                  <a:lnTo>
                    <a:pt x="3048" y="388620"/>
                  </a:lnTo>
                  <a:lnTo>
                    <a:pt x="6096" y="393191"/>
                  </a:lnTo>
                  <a:lnTo>
                    <a:pt x="6096" y="388620"/>
                  </a:lnTo>
                  <a:close/>
                </a:path>
                <a:path w="4707890" h="396239">
                  <a:moveTo>
                    <a:pt x="4701540" y="388620"/>
                  </a:moveTo>
                  <a:lnTo>
                    <a:pt x="6096" y="388620"/>
                  </a:lnTo>
                  <a:lnTo>
                    <a:pt x="6096" y="393191"/>
                  </a:lnTo>
                  <a:lnTo>
                    <a:pt x="4701540" y="393191"/>
                  </a:lnTo>
                  <a:lnTo>
                    <a:pt x="4701540" y="388620"/>
                  </a:lnTo>
                  <a:close/>
                </a:path>
                <a:path w="4707890" h="396239">
                  <a:moveTo>
                    <a:pt x="4701540" y="4572"/>
                  </a:moveTo>
                  <a:lnTo>
                    <a:pt x="4701540" y="393191"/>
                  </a:lnTo>
                  <a:lnTo>
                    <a:pt x="4704588" y="388620"/>
                  </a:lnTo>
                  <a:lnTo>
                    <a:pt x="4707636" y="388620"/>
                  </a:lnTo>
                  <a:lnTo>
                    <a:pt x="4707636" y="7620"/>
                  </a:lnTo>
                  <a:lnTo>
                    <a:pt x="4704588" y="7620"/>
                  </a:lnTo>
                  <a:lnTo>
                    <a:pt x="4701540" y="4572"/>
                  </a:lnTo>
                  <a:close/>
                </a:path>
                <a:path w="4707890" h="396239">
                  <a:moveTo>
                    <a:pt x="4707636" y="388620"/>
                  </a:moveTo>
                  <a:lnTo>
                    <a:pt x="4704588" y="388620"/>
                  </a:lnTo>
                  <a:lnTo>
                    <a:pt x="4701540" y="393191"/>
                  </a:lnTo>
                  <a:lnTo>
                    <a:pt x="4707636" y="393191"/>
                  </a:lnTo>
                  <a:lnTo>
                    <a:pt x="4707636" y="388620"/>
                  </a:lnTo>
                  <a:close/>
                </a:path>
                <a:path w="4707890" h="396239">
                  <a:moveTo>
                    <a:pt x="6096" y="4572"/>
                  </a:moveTo>
                  <a:lnTo>
                    <a:pt x="3048" y="7620"/>
                  </a:lnTo>
                  <a:lnTo>
                    <a:pt x="6096" y="7620"/>
                  </a:lnTo>
                  <a:lnTo>
                    <a:pt x="6096" y="4572"/>
                  </a:lnTo>
                  <a:close/>
                </a:path>
                <a:path w="4707890" h="396239">
                  <a:moveTo>
                    <a:pt x="4701540" y="4572"/>
                  </a:moveTo>
                  <a:lnTo>
                    <a:pt x="6096" y="4572"/>
                  </a:lnTo>
                  <a:lnTo>
                    <a:pt x="6096" y="7620"/>
                  </a:lnTo>
                  <a:lnTo>
                    <a:pt x="4701540" y="7620"/>
                  </a:lnTo>
                  <a:lnTo>
                    <a:pt x="4701540" y="4572"/>
                  </a:lnTo>
                  <a:close/>
                </a:path>
                <a:path w="4707890" h="396239">
                  <a:moveTo>
                    <a:pt x="4707636" y="4572"/>
                  </a:moveTo>
                  <a:lnTo>
                    <a:pt x="4701540" y="4572"/>
                  </a:lnTo>
                  <a:lnTo>
                    <a:pt x="4704588" y="7620"/>
                  </a:lnTo>
                  <a:lnTo>
                    <a:pt x="4707636" y="7620"/>
                  </a:lnTo>
                  <a:lnTo>
                    <a:pt x="4707636" y="4572"/>
                  </a:lnTo>
                  <a:close/>
                </a:path>
              </a:pathLst>
            </a:custGeom>
            <a:solidFill>
              <a:srgbClr val="70AC46"/>
            </a:solidFill>
          </p:spPr>
          <p:txBody>
            <a:bodyPr wrap="square" lIns="0" tIns="0" rIns="0" bIns="0" rtlCol="0"/>
            <a:lstStyle/>
            <a:p>
              <a:endParaRPr sz="1539"/>
            </a:p>
          </p:txBody>
        </p:sp>
        <p:pic>
          <p:nvPicPr>
            <p:cNvPr id="17" name="object 17"/>
            <p:cNvPicPr/>
            <p:nvPr/>
          </p:nvPicPr>
          <p:blipFill>
            <a:blip r:embed="rId4" cstate="print"/>
            <a:stretch>
              <a:fillRect/>
            </a:stretch>
          </p:blipFill>
          <p:spPr>
            <a:xfrm>
              <a:off x="5556503" y="1552955"/>
              <a:ext cx="4700015" cy="582167"/>
            </a:xfrm>
            <a:prstGeom prst="rect">
              <a:avLst/>
            </a:prstGeom>
          </p:spPr>
        </p:pic>
        <p:sp>
          <p:nvSpPr>
            <p:cNvPr id="18" name="object 18"/>
            <p:cNvSpPr/>
            <p:nvPr/>
          </p:nvSpPr>
          <p:spPr>
            <a:xfrm>
              <a:off x="5553455" y="1548383"/>
              <a:ext cx="4707890" cy="589915"/>
            </a:xfrm>
            <a:custGeom>
              <a:avLst/>
              <a:gdLst/>
              <a:ahLst/>
              <a:cxnLst/>
              <a:rect l="l" t="t" r="r" b="b"/>
              <a:pathLst>
                <a:path w="4707890" h="589914">
                  <a:moveTo>
                    <a:pt x="4707636" y="0"/>
                  </a:moveTo>
                  <a:lnTo>
                    <a:pt x="0" y="0"/>
                  </a:lnTo>
                  <a:lnTo>
                    <a:pt x="0" y="589788"/>
                  </a:lnTo>
                  <a:lnTo>
                    <a:pt x="4707636" y="589788"/>
                  </a:lnTo>
                  <a:lnTo>
                    <a:pt x="4707636" y="586739"/>
                  </a:lnTo>
                  <a:lnTo>
                    <a:pt x="6096" y="586739"/>
                  </a:lnTo>
                  <a:lnTo>
                    <a:pt x="3048" y="583691"/>
                  </a:lnTo>
                  <a:lnTo>
                    <a:pt x="6096" y="583691"/>
                  </a:lnTo>
                  <a:lnTo>
                    <a:pt x="6096" y="7620"/>
                  </a:lnTo>
                  <a:lnTo>
                    <a:pt x="3048" y="7620"/>
                  </a:lnTo>
                  <a:lnTo>
                    <a:pt x="6096" y="4572"/>
                  </a:lnTo>
                  <a:lnTo>
                    <a:pt x="4707636" y="4572"/>
                  </a:lnTo>
                  <a:lnTo>
                    <a:pt x="4707636" y="0"/>
                  </a:lnTo>
                  <a:close/>
                </a:path>
                <a:path w="4707890" h="589914">
                  <a:moveTo>
                    <a:pt x="6096" y="583691"/>
                  </a:moveTo>
                  <a:lnTo>
                    <a:pt x="3048" y="583691"/>
                  </a:lnTo>
                  <a:lnTo>
                    <a:pt x="6096" y="586739"/>
                  </a:lnTo>
                  <a:lnTo>
                    <a:pt x="6096" y="583691"/>
                  </a:lnTo>
                  <a:close/>
                </a:path>
                <a:path w="4707890" h="589914">
                  <a:moveTo>
                    <a:pt x="4700016" y="583691"/>
                  </a:moveTo>
                  <a:lnTo>
                    <a:pt x="6096" y="583691"/>
                  </a:lnTo>
                  <a:lnTo>
                    <a:pt x="6096" y="586739"/>
                  </a:lnTo>
                  <a:lnTo>
                    <a:pt x="4700016" y="586739"/>
                  </a:lnTo>
                  <a:lnTo>
                    <a:pt x="4700016" y="583691"/>
                  </a:lnTo>
                  <a:close/>
                </a:path>
                <a:path w="4707890" h="589914">
                  <a:moveTo>
                    <a:pt x="4700016" y="4572"/>
                  </a:moveTo>
                  <a:lnTo>
                    <a:pt x="4700016" y="586739"/>
                  </a:lnTo>
                  <a:lnTo>
                    <a:pt x="4703064" y="583691"/>
                  </a:lnTo>
                  <a:lnTo>
                    <a:pt x="4707636" y="583691"/>
                  </a:lnTo>
                  <a:lnTo>
                    <a:pt x="4707636" y="7620"/>
                  </a:lnTo>
                  <a:lnTo>
                    <a:pt x="4703064" y="7620"/>
                  </a:lnTo>
                  <a:lnTo>
                    <a:pt x="4700016" y="4572"/>
                  </a:lnTo>
                  <a:close/>
                </a:path>
                <a:path w="4707890" h="589914">
                  <a:moveTo>
                    <a:pt x="4707636" y="583691"/>
                  </a:moveTo>
                  <a:lnTo>
                    <a:pt x="4703064" y="583691"/>
                  </a:lnTo>
                  <a:lnTo>
                    <a:pt x="4700016" y="586739"/>
                  </a:lnTo>
                  <a:lnTo>
                    <a:pt x="4707636" y="586739"/>
                  </a:lnTo>
                  <a:lnTo>
                    <a:pt x="4707636" y="583691"/>
                  </a:lnTo>
                  <a:close/>
                </a:path>
                <a:path w="4707890" h="589914">
                  <a:moveTo>
                    <a:pt x="6096" y="4572"/>
                  </a:moveTo>
                  <a:lnTo>
                    <a:pt x="3048" y="7620"/>
                  </a:lnTo>
                  <a:lnTo>
                    <a:pt x="6096" y="7620"/>
                  </a:lnTo>
                  <a:lnTo>
                    <a:pt x="6096" y="4572"/>
                  </a:lnTo>
                  <a:close/>
                </a:path>
                <a:path w="4707890" h="589914">
                  <a:moveTo>
                    <a:pt x="4700016" y="4572"/>
                  </a:moveTo>
                  <a:lnTo>
                    <a:pt x="6096" y="4572"/>
                  </a:lnTo>
                  <a:lnTo>
                    <a:pt x="6096" y="7620"/>
                  </a:lnTo>
                  <a:lnTo>
                    <a:pt x="4700016" y="7620"/>
                  </a:lnTo>
                  <a:lnTo>
                    <a:pt x="4700016" y="4572"/>
                  </a:lnTo>
                  <a:close/>
                </a:path>
                <a:path w="4707890" h="589914">
                  <a:moveTo>
                    <a:pt x="4707636" y="4572"/>
                  </a:moveTo>
                  <a:lnTo>
                    <a:pt x="4700016" y="4572"/>
                  </a:lnTo>
                  <a:lnTo>
                    <a:pt x="4703064" y="7620"/>
                  </a:lnTo>
                  <a:lnTo>
                    <a:pt x="4707636" y="7620"/>
                  </a:lnTo>
                  <a:lnTo>
                    <a:pt x="4707636" y="4572"/>
                  </a:lnTo>
                  <a:close/>
                </a:path>
              </a:pathLst>
            </a:custGeom>
            <a:solidFill>
              <a:srgbClr val="70AC46"/>
            </a:solidFill>
          </p:spPr>
          <p:txBody>
            <a:bodyPr wrap="square" lIns="0" tIns="0" rIns="0" bIns="0" rtlCol="0"/>
            <a:lstStyle/>
            <a:p>
              <a:endParaRPr sz="1539"/>
            </a:p>
          </p:txBody>
        </p:sp>
        <p:pic>
          <p:nvPicPr>
            <p:cNvPr id="19" name="object 19"/>
            <p:cNvPicPr/>
            <p:nvPr/>
          </p:nvPicPr>
          <p:blipFill>
            <a:blip r:embed="rId2" cstate="print"/>
            <a:stretch>
              <a:fillRect/>
            </a:stretch>
          </p:blipFill>
          <p:spPr>
            <a:xfrm>
              <a:off x="5556503" y="2215895"/>
              <a:ext cx="4700015" cy="388620"/>
            </a:xfrm>
            <a:prstGeom prst="rect">
              <a:avLst/>
            </a:prstGeom>
          </p:spPr>
        </p:pic>
        <p:sp>
          <p:nvSpPr>
            <p:cNvPr id="20" name="object 20"/>
            <p:cNvSpPr/>
            <p:nvPr/>
          </p:nvSpPr>
          <p:spPr>
            <a:xfrm>
              <a:off x="5553455" y="2212847"/>
              <a:ext cx="4707890" cy="394970"/>
            </a:xfrm>
            <a:custGeom>
              <a:avLst/>
              <a:gdLst/>
              <a:ahLst/>
              <a:cxnLst/>
              <a:rect l="l" t="t" r="r" b="b"/>
              <a:pathLst>
                <a:path w="4707890" h="394969">
                  <a:moveTo>
                    <a:pt x="4707636" y="0"/>
                  </a:moveTo>
                  <a:lnTo>
                    <a:pt x="0" y="0"/>
                  </a:lnTo>
                  <a:lnTo>
                    <a:pt x="0" y="394715"/>
                  </a:lnTo>
                  <a:lnTo>
                    <a:pt x="4707636" y="394715"/>
                  </a:lnTo>
                  <a:lnTo>
                    <a:pt x="4707636" y="391667"/>
                  </a:lnTo>
                  <a:lnTo>
                    <a:pt x="6096" y="391667"/>
                  </a:lnTo>
                  <a:lnTo>
                    <a:pt x="3048" y="388620"/>
                  </a:lnTo>
                  <a:lnTo>
                    <a:pt x="6096" y="388620"/>
                  </a:lnTo>
                  <a:lnTo>
                    <a:pt x="6096" y="6096"/>
                  </a:lnTo>
                  <a:lnTo>
                    <a:pt x="3048" y="6096"/>
                  </a:lnTo>
                  <a:lnTo>
                    <a:pt x="6096" y="3048"/>
                  </a:lnTo>
                  <a:lnTo>
                    <a:pt x="4707636" y="3048"/>
                  </a:lnTo>
                  <a:lnTo>
                    <a:pt x="4707636" y="0"/>
                  </a:lnTo>
                  <a:close/>
                </a:path>
                <a:path w="4707890" h="394969">
                  <a:moveTo>
                    <a:pt x="6096" y="388620"/>
                  </a:moveTo>
                  <a:lnTo>
                    <a:pt x="3048" y="388620"/>
                  </a:lnTo>
                  <a:lnTo>
                    <a:pt x="6096" y="391667"/>
                  </a:lnTo>
                  <a:lnTo>
                    <a:pt x="6096" y="388620"/>
                  </a:lnTo>
                  <a:close/>
                </a:path>
                <a:path w="4707890" h="394969">
                  <a:moveTo>
                    <a:pt x="4700016" y="388620"/>
                  </a:moveTo>
                  <a:lnTo>
                    <a:pt x="6096" y="388620"/>
                  </a:lnTo>
                  <a:lnTo>
                    <a:pt x="6096" y="391667"/>
                  </a:lnTo>
                  <a:lnTo>
                    <a:pt x="4700016" y="391667"/>
                  </a:lnTo>
                  <a:lnTo>
                    <a:pt x="4700016" y="388620"/>
                  </a:lnTo>
                  <a:close/>
                </a:path>
                <a:path w="4707890" h="394969">
                  <a:moveTo>
                    <a:pt x="4700016" y="3048"/>
                  </a:moveTo>
                  <a:lnTo>
                    <a:pt x="4700016" y="391667"/>
                  </a:lnTo>
                  <a:lnTo>
                    <a:pt x="4703064" y="388620"/>
                  </a:lnTo>
                  <a:lnTo>
                    <a:pt x="4707636" y="388620"/>
                  </a:lnTo>
                  <a:lnTo>
                    <a:pt x="4707636" y="6096"/>
                  </a:lnTo>
                  <a:lnTo>
                    <a:pt x="4703064" y="6096"/>
                  </a:lnTo>
                  <a:lnTo>
                    <a:pt x="4700016" y="3048"/>
                  </a:lnTo>
                  <a:close/>
                </a:path>
                <a:path w="4707890" h="394969">
                  <a:moveTo>
                    <a:pt x="4707636" y="388620"/>
                  </a:moveTo>
                  <a:lnTo>
                    <a:pt x="4703064" y="388620"/>
                  </a:lnTo>
                  <a:lnTo>
                    <a:pt x="4700016" y="391667"/>
                  </a:lnTo>
                  <a:lnTo>
                    <a:pt x="4707636" y="391667"/>
                  </a:lnTo>
                  <a:lnTo>
                    <a:pt x="4707636" y="388620"/>
                  </a:lnTo>
                  <a:close/>
                </a:path>
                <a:path w="4707890" h="394969">
                  <a:moveTo>
                    <a:pt x="6096" y="3048"/>
                  </a:moveTo>
                  <a:lnTo>
                    <a:pt x="3048" y="6096"/>
                  </a:lnTo>
                  <a:lnTo>
                    <a:pt x="6096" y="6096"/>
                  </a:lnTo>
                  <a:lnTo>
                    <a:pt x="6096" y="3048"/>
                  </a:lnTo>
                  <a:close/>
                </a:path>
                <a:path w="4707890" h="394969">
                  <a:moveTo>
                    <a:pt x="4700016" y="3048"/>
                  </a:moveTo>
                  <a:lnTo>
                    <a:pt x="6096" y="3048"/>
                  </a:lnTo>
                  <a:lnTo>
                    <a:pt x="6096" y="6096"/>
                  </a:lnTo>
                  <a:lnTo>
                    <a:pt x="4700016" y="6096"/>
                  </a:lnTo>
                  <a:lnTo>
                    <a:pt x="4700016" y="3048"/>
                  </a:lnTo>
                  <a:close/>
                </a:path>
                <a:path w="4707890" h="394969">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pic>
          <p:nvPicPr>
            <p:cNvPr id="21" name="object 21"/>
            <p:cNvPicPr/>
            <p:nvPr/>
          </p:nvPicPr>
          <p:blipFill>
            <a:blip r:embed="rId5" cstate="print"/>
            <a:stretch>
              <a:fillRect/>
            </a:stretch>
          </p:blipFill>
          <p:spPr>
            <a:xfrm>
              <a:off x="5556503" y="6457192"/>
              <a:ext cx="4700015" cy="583692"/>
            </a:xfrm>
            <a:prstGeom prst="rect">
              <a:avLst/>
            </a:prstGeom>
          </p:spPr>
        </p:pic>
        <p:sp>
          <p:nvSpPr>
            <p:cNvPr id="22" name="object 22"/>
            <p:cNvSpPr/>
            <p:nvPr/>
          </p:nvSpPr>
          <p:spPr>
            <a:xfrm>
              <a:off x="5553455" y="6454144"/>
              <a:ext cx="4707890" cy="589915"/>
            </a:xfrm>
            <a:custGeom>
              <a:avLst/>
              <a:gdLst/>
              <a:ahLst/>
              <a:cxnLst/>
              <a:rect l="l" t="t" r="r" b="b"/>
              <a:pathLst>
                <a:path w="4707890" h="589915">
                  <a:moveTo>
                    <a:pt x="4707636" y="0"/>
                  </a:moveTo>
                  <a:lnTo>
                    <a:pt x="0" y="0"/>
                  </a:lnTo>
                  <a:lnTo>
                    <a:pt x="0" y="589788"/>
                  </a:lnTo>
                  <a:lnTo>
                    <a:pt x="4707636" y="589788"/>
                  </a:lnTo>
                  <a:lnTo>
                    <a:pt x="4707636" y="586740"/>
                  </a:lnTo>
                  <a:lnTo>
                    <a:pt x="6096" y="586740"/>
                  </a:lnTo>
                  <a:lnTo>
                    <a:pt x="3048" y="582168"/>
                  </a:lnTo>
                  <a:lnTo>
                    <a:pt x="6096" y="582168"/>
                  </a:lnTo>
                  <a:lnTo>
                    <a:pt x="6096" y="6096"/>
                  </a:lnTo>
                  <a:lnTo>
                    <a:pt x="3048" y="6096"/>
                  </a:lnTo>
                  <a:lnTo>
                    <a:pt x="6096" y="3048"/>
                  </a:lnTo>
                  <a:lnTo>
                    <a:pt x="4707636" y="3048"/>
                  </a:lnTo>
                  <a:lnTo>
                    <a:pt x="4707636" y="0"/>
                  </a:lnTo>
                  <a:close/>
                </a:path>
                <a:path w="4707890" h="589915">
                  <a:moveTo>
                    <a:pt x="6096" y="582168"/>
                  </a:moveTo>
                  <a:lnTo>
                    <a:pt x="3048" y="582168"/>
                  </a:lnTo>
                  <a:lnTo>
                    <a:pt x="6096" y="586740"/>
                  </a:lnTo>
                  <a:lnTo>
                    <a:pt x="6096" y="582168"/>
                  </a:lnTo>
                  <a:close/>
                </a:path>
                <a:path w="4707890" h="589915">
                  <a:moveTo>
                    <a:pt x="4700016" y="582168"/>
                  </a:moveTo>
                  <a:lnTo>
                    <a:pt x="6096" y="582168"/>
                  </a:lnTo>
                  <a:lnTo>
                    <a:pt x="6096" y="586740"/>
                  </a:lnTo>
                  <a:lnTo>
                    <a:pt x="4700016" y="586740"/>
                  </a:lnTo>
                  <a:lnTo>
                    <a:pt x="4700016" y="582168"/>
                  </a:lnTo>
                  <a:close/>
                </a:path>
                <a:path w="4707890" h="589915">
                  <a:moveTo>
                    <a:pt x="4700016" y="3048"/>
                  </a:moveTo>
                  <a:lnTo>
                    <a:pt x="4700016" y="586740"/>
                  </a:lnTo>
                  <a:lnTo>
                    <a:pt x="4703064" y="582168"/>
                  </a:lnTo>
                  <a:lnTo>
                    <a:pt x="4707636" y="582168"/>
                  </a:lnTo>
                  <a:lnTo>
                    <a:pt x="4707636" y="6096"/>
                  </a:lnTo>
                  <a:lnTo>
                    <a:pt x="4703064" y="6096"/>
                  </a:lnTo>
                  <a:lnTo>
                    <a:pt x="4700016" y="3048"/>
                  </a:lnTo>
                  <a:close/>
                </a:path>
                <a:path w="4707890" h="589915">
                  <a:moveTo>
                    <a:pt x="4707636" y="582168"/>
                  </a:moveTo>
                  <a:lnTo>
                    <a:pt x="4703064" y="582168"/>
                  </a:lnTo>
                  <a:lnTo>
                    <a:pt x="4700016" y="586740"/>
                  </a:lnTo>
                  <a:lnTo>
                    <a:pt x="4707636" y="586740"/>
                  </a:lnTo>
                  <a:lnTo>
                    <a:pt x="4707636" y="582168"/>
                  </a:lnTo>
                  <a:close/>
                </a:path>
                <a:path w="4707890" h="589915">
                  <a:moveTo>
                    <a:pt x="6096" y="3048"/>
                  </a:moveTo>
                  <a:lnTo>
                    <a:pt x="3048" y="6096"/>
                  </a:lnTo>
                  <a:lnTo>
                    <a:pt x="6096" y="6096"/>
                  </a:lnTo>
                  <a:lnTo>
                    <a:pt x="6096" y="3048"/>
                  </a:lnTo>
                  <a:close/>
                </a:path>
                <a:path w="4707890" h="589915">
                  <a:moveTo>
                    <a:pt x="4700016" y="3048"/>
                  </a:moveTo>
                  <a:lnTo>
                    <a:pt x="6096" y="3048"/>
                  </a:lnTo>
                  <a:lnTo>
                    <a:pt x="6096" y="6096"/>
                  </a:lnTo>
                  <a:lnTo>
                    <a:pt x="4700016" y="6096"/>
                  </a:lnTo>
                  <a:lnTo>
                    <a:pt x="4700016" y="3048"/>
                  </a:lnTo>
                  <a:close/>
                </a:path>
                <a:path w="4707890" h="589915">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pic>
          <p:nvPicPr>
            <p:cNvPr id="23" name="object 23"/>
            <p:cNvPicPr/>
            <p:nvPr/>
          </p:nvPicPr>
          <p:blipFill>
            <a:blip r:embed="rId3" cstate="print"/>
            <a:stretch>
              <a:fillRect/>
            </a:stretch>
          </p:blipFill>
          <p:spPr>
            <a:xfrm>
              <a:off x="327660" y="4578095"/>
              <a:ext cx="4700016" cy="388619"/>
            </a:xfrm>
            <a:prstGeom prst="rect">
              <a:avLst/>
            </a:prstGeom>
          </p:spPr>
        </p:pic>
        <p:sp>
          <p:nvSpPr>
            <p:cNvPr id="24" name="object 24"/>
            <p:cNvSpPr/>
            <p:nvPr/>
          </p:nvSpPr>
          <p:spPr>
            <a:xfrm>
              <a:off x="323088" y="4575048"/>
              <a:ext cx="4707890" cy="396240"/>
            </a:xfrm>
            <a:custGeom>
              <a:avLst/>
              <a:gdLst/>
              <a:ahLst/>
              <a:cxnLst/>
              <a:rect l="l" t="t" r="r" b="b"/>
              <a:pathLst>
                <a:path w="4707890" h="396239">
                  <a:moveTo>
                    <a:pt x="4707636" y="0"/>
                  </a:moveTo>
                  <a:lnTo>
                    <a:pt x="0" y="0"/>
                  </a:lnTo>
                  <a:lnTo>
                    <a:pt x="0" y="396239"/>
                  </a:lnTo>
                  <a:lnTo>
                    <a:pt x="4707636" y="396239"/>
                  </a:lnTo>
                  <a:lnTo>
                    <a:pt x="4707636" y="391668"/>
                  </a:lnTo>
                  <a:lnTo>
                    <a:pt x="7619" y="391668"/>
                  </a:lnTo>
                  <a:lnTo>
                    <a:pt x="4571" y="388619"/>
                  </a:lnTo>
                  <a:lnTo>
                    <a:pt x="7619" y="388619"/>
                  </a:lnTo>
                  <a:lnTo>
                    <a:pt x="7619" y="7619"/>
                  </a:lnTo>
                  <a:lnTo>
                    <a:pt x="4571" y="7619"/>
                  </a:lnTo>
                  <a:lnTo>
                    <a:pt x="7619" y="3048"/>
                  </a:lnTo>
                  <a:lnTo>
                    <a:pt x="4707636" y="3048"/>
                  </a:lnTo>
                  <a:lnTo>
                    <a:pt x="4707636" y="0"/>
                  </a:lnTo>
                  <a:close/>
                </a:path>
                <a:path w="4707890" h="396239">
                  <a:moveTo>
                    <a:pt x="7619" y="388619"/>
                  </a:moveTo>
                  <a:lnTo>
                    <a:pt x="4571" y="388619"/>
                  </a:lnTo>
                  <a:lnTo>
                    <a:pt x="7619" y="391668"/>
                  </a:lnTo>
                  <a:lnTo>
                    <a:pt x="7619" y="388619"/>
                  </a:lnTo>
                  <a:close/>
                </a:path>
                <a:path w="4707890" h="396239">
                  <a:moveTo>
                    <a:pt x="4701540" y="388619"/>
                  </a:moveTo>
                  <a:lnTo>
                    <a:pt x="7619" y="388619"/>
                  </a:lnTo>
                  <a:lnTo>
                    <a:pt x="7619" y="391668"/>
                  </a:lnTo>
                  <a:lnTo>
                    <a:pt x="4701540" y="391668"/>
                  </a:lnTo>
                  <a:lnTo>
                    <a:pt x="4701540" y="388619"/>
                  </a:lnTo>
                  <a:close/>
                </a:path>
                <a:path w="4707890" h="396239">
                  <a:moveTo>
                    <a:pt x="4701540" y="3048"/>
                  </a:moveTo>
                  <a:lnTo>
                    <a:pt x="4701540" y="391668"/>
                  </a:lnTo>
                  <a:lnTo>
                    <a:pt x="4704588" y="388619"/>
                  </a:lnTo>
                  <a:lnTo>
                    <a:pt x="4707636" y="388619"/>
                  </a:lnTo>
                  <a:lnTo>
                    <a:pt x="4707636" y="7619"/>
                  </a:lnTo>
                  <a:lnTo>
                    <a:pt x="4704588" y="7619"/>
                  </a:lnTo>
                  <a:lnTo>
                    <a:pt x="4701540" y="3048"/>
                  </a:lnTo>
                  <a:close/>
                </a:path>
                <a:path w="4707890" h="396239">
                  <a:moveTo>
                    <a:pt x="4707636" y="388619"/>
                  </a:moveTo>
                  <a:lnTo>
                    <a:pt x="4704588" y="388619"/>
                  </a:lnTo>
                  <a:lnTo>
                    <a:pt x="4701540" y="391668"/>
                  </a:lnTo>
                  <a:lnTo>
                    <a:pt x="4707636" y="391668"/>
                  </a:lnTo>
                  <a:lnTo>
                    <a:pt x="4707636" y="388619"/>
                  </a:lnTo>
                  <a:close/>
                </a:path>
                <a:path w="4707890" h="396239">
                  <a:moveTo>
                    <a:pt x="7619" y="3048"/>
                  </a:moveTo>
                  <a:lnTo>
                    <a:pt x="4571" y="7619"/>
                  </a:lnTo>
                  <a:lnTo>
                    <a:pt x="7619" y="7619"/>
                  </a:lnTo>
                  <a:lnTo>
                    <a:pt x="7619" y="3048"/>
                  </a:lnTo>
                  <a:close/>
                </a:path>
                <a:path w="4707890" h="396239">
                  <a:moveTo>
                    <a:pt x="4701540" y="3048"/>
                  </a:moveTo>
                  <a:lnTo>
                    <a:pt x="7619" y="3048"/>
                  </a:lnTo>
                  <a:lnTo>
                    <a:pt x="7619" y="7619"/>
                  </a:lnTo>
                  <a:lnTo>
                    <a:pt x="4701540" y="7619"/>
                  </a:lnTo>
                  <a:lnTo>
                    <a:pt x="4701540" y="3048"/>
                  </a:lnTo>
                  <a:close/>
                </a:path>
                <a:path w="4707890" h="396239">
                  <a:moveTo>
                    <a:pt x="4707636" y="3048"/>
                  </a:moveTo>
                  <a:lnTo>
                    <a:pt x="4701540" y="3048"/>
                  </a:lnTo>
                  <a:lnTo>
                    <a:pt x="4704588" y="7619"/>
                  </a:lnTo>
                  <a:lnTo>
                    <a:pt x="4707636" y="7619"/>
                  </a:lnTo>
                  <a:lnTo>
                    <a:pt x="4707636" y="3048"/>
                  </a:lnTo>
                  <a:close/>
                </a:path>
              </a:pathLst>
            </a:custGeom>
            <a:solidFill>
              <a:srgbClr val="ED7C31"/>
            </a:solidFill>
          </p:spPr>
          <p:txBody>
            <a:bodyPr wrap="square" lIns="0" tIns="0" rIns="0" bIns="0" rtlCol="0"/>
            <a:lstStyle/>
            <a:p>
              <a:endParaRPr sz="1539"/>
            </a:p>
          </p:txBody>
        </p:sp>
      </p:grpSp>
      <p:sp>
        <p:nvSpPr>
          <p:cNvPr id="25" name="object 25"/>
          <p:cNvSpPr txBox="1"/>
          <p:nvPr/>
        </p:nvSpPr>
        <p:spPr>
          <a:xfrm>
            <a:off x="240654" y="3357868"/>
            <a:ext cx="3729275" cy="1014773"/>
          </a:xfrm>
          <a:prstGeom prst="rect">
            <a:avLst/>
          </a:prstGeom>
        </p:spPr>
        <p:txBody>
          <a:bodyPr vert="horz" wrap="square" lIns="0" tIns="11946" rIns="0" bIns="0" rtlCol="0">
            <a:spAutoFit/>
          </a:bodyPr>
          <a:lstStyle/>
          <a:p>
            <a:pPr marL="105883">
              <a:spcBef>
                <a:spcPts val="94"/>
              </a:spcBef>
            </a:pPr>
            <a:r>
              <a:rPr sz="1283" spc="-4" dirty="0">
                <a:latin typeface="HGSｺﾞｼｯｸM"/>
                <a:cs typeface="HGSｺﾞｼｯｸM"/>
              </a:rPr>
              <a:t>・集約・再編等に係る予算の不足</a:t>
            </a:r>
            <a:endParaRPr sz="1283">
              <a:latin typeface="HGSｺﾞｼｯｸM"/>
              <a:cs typeface="HGSｺﾞｼｯｸM"/>
            </a:endParaRPr>
          </a:p>
          <a:p>
            <a:pPr>
              <a:spcBef>
                <a:spcPts val="248"/>
              </a:spcBef>
            </a:pPr>
            <a:endParaRPr sz="1283">
              <a:latin typeface="HGSｺﾞｼｯｸM"/>
              <a:cs typeface="HGSｺﾞｼｯｸM"/>
            </a:endParaRPr>
          </a:p>
          <a:p>
            <a:pPr marL="10860"/>
            <a:r>
              <a:rPr sz="1667" b="1" spc="-9" dirty="0">
                <a:solidFill>
                  <a:srgbClr val="0070BF"/>
                </a:solidFill>
                <a:latin typeface="ＭＳ Ｐゴシック"/>
                <a:cs typeface="ＭＳ Ｐゴシック"/>
              </a:rPr>
              <a:t>（３）</a:t>
            </a:r>
            <a:r>
              <a:rPr sz="1667" b="1" spc="-17" dirty="0">
                <a:solidFill>
                  <a:srgbClr val="0070BF"/>
                </a:solidFill>
                <a:latin typeface="ＭＳ Ｐゴシック"/>
                <a:cs typeface="ＭＳ Ｐゴシック"/>
              </a:rPr>
              <a:t>多様な契約方法の導入</a:t>
            </a:r>
            <a:endParaRPr sz="1667">
              <a:latin typeface="ＭＳ Ｐゴシック"/>
              <a:cs typeface="ＭＳ Ｐゴシック"/>
            </a:endParaRPr>
          </a:p>
          <a:p>
            <a:pPr marL="105883">
              <a:spcBef>
                <a:spcPts val="966"/>
              </a:spcBef>
            </a:pPr>
            <a:r>
              <a:rPr sz="1283" spc="-4" dirty="0">
                <a:latin typeface="HGSｺﾞｼｯｸM"/>
                <a:cs typeface="HGSｺﾞｼｯｸM"/>
              </a:rPr>
              <a:t>・契約業務は自治体担当者にとって負担が大きい</a:t>
            </a:r>
            <a:endParaRPr sz="1283">
              <a:latin typeface="HGSｺﾞｼｯｸM"/>
              <a:cs typeface="HGSｺﾞｼｯｸM"/>
            </a:endParaRPr>
          </a:p>
        </p:txBody>
      </p:sp>
      <p:grpSp>
        <p:nvGrpSpPr>
          <p:cNvPr id="26" name="object 26"/>
          <p:cNvGrpSpPr/>
          <p:nvPr/>
        </p:nvGrpSpPr>
        <p:grpSpPr>
          <a:xfrm>
            <a:off x="276275" y="972175"/>
            <a:ext cx="8498381" cy="5243139"/>
            <a:chOff x="323088" y="908304"/>
            <a:chExt cx="9938385" cy="6131560"/>
          </a:xfrm>
        </p:grpSpPr>
        <p:pic>
          <p:nvPicPr>
            <p:cNvPr id="27" name="object 27"/>
            <p:cNvPicPr/>
            <p:nvPr/>
          </p:nvPicPr>
          <p:blipFill>
            <a:blip r:embed="rId6" cstate="print"/>
            <a:stretch>
              <a:fillRect/>
            </a:stretch>
          </p:blipFill>
          <p:spPr>
            <a:xfrm>
              <a:off x="327660" y="6454144"/>
              <a:ext cx="4700016" cy="582168"/>
            </a:xfrm>
            <a:prstGeom prst="rect">
              <a:avLst/>
            </a:prstGeom>
          </p:spPr>
        </p:pic>
        <p:sp>
          <p:nvSpPr>
            <p:cNvPr id="28" name="object 28"/>
            <p:cNvSpPr/>
            <p:nvPr/>
          </p:nvSpPr>
          <p:spPr>
            <a:xfrm>
              <a:off x="323088" y="6449573"/>
              <a:ext cx="4707890" cy="589915"/>
            </a:xfrm>
            <a:custGeom>
              <a:avLst/>
              <a:gdLst/>
              <a:ahLst/>
              <a:cxnLst/>
              <a:rect l="l" t="t" r="r" b="b"/>
              <a:pathLst>
                <a:path w="4707890" h="589915">
                  <a:moveTo>
                    <a:pt x="4707636" y="0"/>
                  </a:moveTo>
                  <a:lnTo>
                    <a:pt x="0" y="0"/>
                  </a:lnTo>
                  <a:lnTo>
                    <a:pt x="0" y="589788"/>
                  </a:lnTo>
                  <a:lnTo>
                    <a:pt x="4707636" y="589788"/>
                  </a:lnTo>
                  <a:lnTo>
                    <a:pt x="4707636" y="586740"/>
                  </a:lnTo>
                  <a:lnTo>
                    <a:pt x="7619" y="586740"/>
                  </a:lnTo>
                  <a:lnTo>
                    <a:pt x="4571" y="583692"/>
                  </a:lnTo>
                  <a:lnTo>
                    <a:pt x="7619" y="583692"/>
                  </a:lnTo>
                  <a:lnTo>
                    <a:pt x="7619" y="7620"/>
                  </a:lnTo>
                  <a:lnTo>
                    <a:pt x="4571" y="7620"/>
                  </a:lnTo>
                  <a:lnTo>
                    <a:pt x="7619" y="4572"/>
                  </a:lnTo>
                  <a:lnTo>
                    <a:pt x="4707636" y="4572"/>
                  </a:lnTo>
                  <a:lnTo>
                    <a:pt x="4707636" y="0"/>
                  </a:lnTo>
                  <a:close/>
                </a:path>
                <a:path w="4707890" h="589915">
                  <a:moveTo>
                    <a:pt x="7619" y="583692"/>
                  </a:moveTo>
                  <a:lnTo>
                    <a:pt x="4571" y="583692"/>
                  </a:lnTo>
                  <a:lnTo>
                    <a:pt x="7619" y="586740"/>
                  </a:lnTo>
                  <a:lnTo>
                    <a:pt x="7619" y="583692"/>
                  </a:lnTo>
                  <a:close/>
                </a:path>
                <a:path w="4707890" h="589915">
                  <a:moveTo>
                    <a:pt x="4701540" y="583692"/>
                  </a:moveTo>
                  <a:lnTo>
                    <a:pt x="7619" y="583692"/>
                  </a:lnTo>
                  <a:lnTo>
                    <a:pt x="7619" y="586740"/>
                  </a:lnTo>
                  <a:lnTo>
                    <a:pt x="4701540" y="586740"/>
                  </a:lnTo>
                  <a:lnTo>
                    <a:pt x="4701540" y="583692"/>
                  </a:lnTo>
                  <a:close/>
                </a:path>
                <a:path w="4707890" h="589915">
                  <a:moveTo>
                    <a:pt x="4701540" y="4572"/>
                  </a:moveTo>
                  <a:lnTo>
                    <a:pt x="4701540" y="586740"/>
                  </a:lnTo>
                  <a:lnTo>
                    <a:pt x="4704588" y="583692"/>
                  </a:lnTo>
                  <a:lnTo>
                    <a:pt x="4707636" y="583692"/>
                  </a:lnTo>
                  <a:lnTo>
                    <a:pt x="4707636" y="7620"/>
                  </a:lnTo>
                  <a:lnTo>
                    <a:pt x="4704588" y="7620"/>
                  </a:lnTo>
                  <a:lnTo>
                    <a:pt x="4701540" y="4572"/>
                  </a:lnTo>
                  <a:close/>
                </a:path>
                <a:path w="4707890" h="589915">
                  <a:moveTo>
                    <a:pt x="4707636" y="583692"/>
                  </a:moveTo>
                  <a:lnTo>
                    <a:pt x="4704588" y="583692"/>
                  </a:lnTo>
                  <a:lnTo>
                    <a:pt x="4701540" y="586740"/>
                  </a:lnTo>
                  <a:lnTo>
                    <a:pt x="4707636" y="586740"/>
                  </a:lnTo>
                  <a:lnTo>
                    <a:pt x="4707636" y="583692"/>
                  </a:lnTo>
                  <a:close/>
                </a:path>
                <a:path w="4707890" h="589915">
                  <a:moveTo>
                    <a:pt x="7619" y="4572"/>
                  </a:moveTo>
                  <a:lnTo>
                    <a:pt x="4571" y="7620"/>
                  </a:lnTo>
                  <a:lnTo>
                    <a:pt x="7619" y="7620"/>
                  </a:lnTo>
                  <a:lnTo>
                    <a:pt x="7619" y="4572"/>
                  </a:lnTo>
                  <a:close/>
                </a:path>
                <a:path w="4707890" h="589915">
                  <a:moveTo>
                    <a:pt x="4701540" y="4572"/>
                  </a:moveTo>
                  <a:lnTo>
                    <a:pt x="7619" y="4572"/>
                  </a:lnTo>
                  <a:lnTo>
                    <a:pt x="7619" y="7620"/>
                  </a:lnTo>
                  <a:lnTo>
                    <a:pt x="4701540" y="7620"/>
                  </a:lnTo>
                  <a:lnTo>
                    <a:pt x="4701540" y="4572"/>
                  </a:lnTo>
                  <a:close/>
                </a:path>
                <a:path w="4707890" h="589915">
                  <a:moveTo>
                    <a:pt x="4707636" y="4572"/>
                  </a:moveTo>
                  <a:lnTo>
                    <a:pt x="4701540" y="4572"/>
                  </a:lnTo>
                  <a:lnTo>
                    <a:pt x="4704588" y="7620"/>
                  </a:lnTo>
                  <a:lnTo>
                    <a:pt x="4707636" y="7620"/>
                  </a:lnTo>
                  <a:lnTo>
                    <a:pt x="4707636" y="4572"/>
                  </a:lnTo>
                  <a:close/>
                </a:path>
              </a:pathLst>
            </a:custGeom>
            <a:solidFill>
              <a:srgbClr val="ED7C31"/>
            </a:solidFill>
          </p:spPr>
          <p:txBody>
            <a:bodyPr wrap="square" lIns="0" tIns="0" rIns="0" bIns="0" rtlCol="0"/>
            <a:lstStyle/>
            <a:p>
              <a:endParaRPr sz="1539"/>
            </a:p>
          </p:txBody>
        </p:sp>
        <p:pic>
          <p:nvPicPr>
            <p:cNvPr id="29" name="object 29"/>
            <p:cNvPicPr/>
            <p:nvPr/>
          </p:nvPicPr>
          <p:blipFill>
            <a:blip r:embed="rId4" cstate="print"/>
            <a:stretch>
              <a:fillRect/>
            </a:stretch>
          </p:blipFill>
          <p:spPr>
            <a:xfrm>
              <a:off x="5556503" y="5798825"/>
              <a:ext cx="4700015" cy="582168"/>
            </a:xfrm>
            <a:prstGeom prst="rect">
              <a:avLst/>
            </a:prstGeom>
          </p:spPr>
        </p:pic>
        <p:sp>
          <p:nvSpPr>
            <p:cNvPr id="30" name="object 30"/>
            <p:cNvSpPr/>
            <p:nvPr/>
          </p:nvSpPr>
          <p:spPr>
            <a:xfrm>
              <a:off x="5553455" y="5794248"/>
              <a:ext cx="4707890" cy="589915"/>
            </a:xfrm>
            <a:custGeom>
              <a:avLst/>
              <a:gdLst/>
              <a:ahLst/>
              <a:cxnLst/>
              <a:rect l="l" t="t" r="r" b="b"/>
              <a:pathLst>
                <a:path w="4707890" h="589914">
                  <a:moveTo>
                    <a:pt x="4707636" y="0"/>
                  </a:moveTo>
                  <a:lnTo>
                    <a:pt x="0" y="0"/>
                  </a:lnTo>
                  <a:lnTo>
                    <a:pt x="0" y="589793"/>
                  </a:lnTo>
                  <a:lnTo>
                    <a:pt x="4707636" y="589793"/>
                  </a:lnTo>
                  <a:lnTo>
                    <a:pt x="4707636" y="586745"/>
                  </a:lnTo>
                  <a:lnTo>
                    <a:pt x="6096" y="586745"/>
                  </a:lnTo>
                  <a:lnTo>
                    <a:pt x="3048" y="583697"/>
                  </a:lnTo>
                  <a:lnTo>
                    <a:pt x="6096" y="583697"/>
                  </a:lnTo>
                  <a:lnTo>
                    <a:pt x="6096" y="7619"/>
                  </a:lnTo>
                  <a:lnTo>
                    <a:pt x="3048" y="7619"/>
                  </a:lnTo>
                  <a:lnTo>
                    <a:pt x="6096" y="4572"/>
                  </a:lnTo>
                  <a:lnTo>
                    <a:pt x="4707636" y="4572"/>
                  </a:lnTo>
                  <a:lnTo>
                    <a:pt x="4707636" y="0"/>
                  </a:lnTo>
                  <a:close/>
                </a:path>
                <a:path w="4707890" h="589914">
                  <a:moveTo>
                    <a:pt x="6096" y="583697"/>
                  </a:moveTo>
                  <a:lnTo>
                    <a:pt x="3048" y="583697"/>
                  </a:lnTo>
                  <a:lnTo>
                    <a:pt x="6096" y="586745"/>
                  </a:lnTo>
                  <a:lnTo>
                    <a:pt x="6096" y="583697"/>
                  </a:lnTo>
                  <a:close/>
                </a:path>
                <a:path w="4707890" h="589914">
                  <a:moveTo>
                    <a:pt x="4700016" y="583697"/>
                  </a:moveTo>
                  <a:lnTo>
                    <a:pt x="6096" y="583697"/>
                  </a:lnTo>
                  <a:lnTo>
                    <a:pt x="6096" y="586745"/>
                  </a:lnTo>
                  <a:lnTo>
                    <a:pt x="4700016" y="586745"/>
                  </a:lnTo>
                  <a:lnTo>
                    <a:pt x="4700016" y="583697"/>
                  </a:lnTo>
                  <a:close/>
                </a:path>
                <a:path w="4707890" h="589914">
                  <a:moveTo>
                    <a:pt x="4700016" y="4572"/>
                  </a:moveTo>
                  <a:lnTo>
                    <a:pt x="4700016" y="586745"/>
                  </a:lnTo>
                  <a:lnTo>
                    <a:pt x="4703064" y="583697"/>
                  </a:lnTo>
                  <a:lnTo>
                    <a:pt x="4707636" y="583697"/>
                  </a:lnTo>
                  <a:lnTo>
                    <a:pt x="4707636" y="7619"/>
                  </a:lnTo>
                  <a:lnTo>
                    <a:pt x="4703064" y="7619"/>
                  </a:lnTo>
                  <a:lnTo>
                    <a:pt x="4700016" y="4572"/>
                  </a:lnTo>
                  <a:close/>
                </a:path>
                <a:path w="4707890" h="589914">
                  <a:moveTo>
                    <a:pt x="4707636" y="583697"/>
                  </a:moveTo>
                  <a:lnTo>
                    <a:pt x="4703064" y="583697"/>
                  </a:lnTo>
                  <a:lnTo>
                    <a:pt x="4700016" y="586745"/>
                  </a:lnTo>
                  <a:lnTo>
                    <a:pt x="4707636" y="586745"/>
                  </a:lnTo>
                  <a:lnTo>
                    <a:pt x="4707636" y="583697"/>
                  </a:lnTo>
                  <a:close/>
                </a:path>
                <a:path w="4707890" h="589914">
                  <a:moveTo>
                    <a:pt x="6096" y="4572"/>
                  </a:moveTo>
                  <a:lnTo>
                    <a:pt x="3048" y="7619"/>
                  </a:lnTo>
                  <a:lnTo>
                    <a:pt x="6096" y="7619"/>
                  </a:lnTo>
                  <a:lnTo>
                    <a:pt x="6096" y="4572"/>
                  </a:lnTo>
                  <a:close/>
                </a:path>
                <a:path w="4707890" h="589914">
                  <a:moveTo>
                    <a:pt x="4700016" y="4572"/>
                  </a:moveTo>
                  <a:lnTo>
                    <a:pt x="6096" y="4572"/>
                  </a:lnTo>
                  <a:lnTo>
                    <a:pt x="6096" y="7619"/>
                  </a:lnTo>
                  <a:lnTo>
                    <a:pt x="4700016" y="7619"/>
                  </a:lnTo>
                  <a:lnTo>
                    <a:pt x="4700016" y="4572"/>
                  </a:lnTo>
                  <a:close/>
                </a:path>
                <a:path w="4707890" h="589914">
                  <a:moveTo>
                    <a:pt x="4707636" y="4572"/>
                  </a:moveTo>
                  <a:lnTo>
                    <a:pt x="4700016" y="4572"/>
                  </a:lnTo>
                  <a:lnTo>
                    <a:pt x="4703064" y="7619"/>
                  </a:lnTo>
                  <a:lnTo>
                    <a:pt x="4707636" y="7619"/>
                  </a:lnTo>
                  <a:lnTo>
                    <a:pt x="4707636" y="4572"/>
                  </a:lnTo>
                  <a:close/>
                </a:path>
              </a:pathLst>
            </a:custGeom>
            <a:solidFill>
              <a:srgbClr val="70AC46"/>
            </a:solidFill>
          </p:spPr>
          <p:txBody>
            <a:bodyPr wrap="square" lIns="0" tIns="0" rIns="0" bIns="0" rtlCol="0"/>
            <a:lstStyle/>
            <a:p>
              <a:endParaRPr sz="1539"/>
            </a:p>
          </p:txBody>
        </p:sp>
        <p:sp>
          <p:nvSpPr>
            <p:cNvPr id="31" name="object 31"/>
            <p:cNvSpPr/>
            <p:nvPr/>
          </p:nvSpPr>
          <p:spPr>
            <a:xfrm>
              <a:off x="361188" y="908304"/>
              <a:ext cx="4721860" cy="330835"/>
            </a:xfrm>
            <a:custGeom>
              <a:avLst/>
              <a:gdLst/>
              <a:ahLst/>
              <a:cxnLst/>
              <a:rect l="l" t="t" r="r" b="b"/>
              <a:pathLst>
                <a:path w="4721860" h="330834">
                  <a:moveTo>
                    <a:pt x="4671060" y="0"/>
                  </a:moveTo>
                  <a:lnTo>
                    <a:pt x="48768" y="0"/>
                  </a:lnTo>
                  <a:lnTo>
                    <a:pt x="38100" y="4572"/>
                  </a:lnTo>
                  <a:lnTo>
                    <a:pt x="4571" y="38100"/>
                  </a:lnTo>
                  <a:lnTo>
                    <a:pt x="0" y="60959"/>
                  </a:lnTo>
                  <a:lnTo>
                    <a:pt x="0" y="269747"/>
                  </a:lnTo>
                  <a:lnTo>
                    <a:pt x="18287" y="312419"/>
                  </a:lnTo>
                  <a:lnTo>
                    <a:pt x="60960" y="330707"/>
                  </a:lnTo>
                  <a:lnTo>
                    <a:pt x="4658868" y="330707"/>
                  </a:lnTo>
                  <a:lnTo>
                    <a:pt x="4703064" y="312419"/>
                  </a:lnTo>
                  <a:lnTo>
                    <a:pt x="4704334" y="310895"/>
                  </a:lnTo>
                  <a:lnTo>
                    <a:pt x="62483" y="310895"/>
                  </a:lnTo>
                  <a:lnTo>
                    <a:pt x="51816" y="309371"/>
                  </a:lnTo>
                  <a:lnTo>
                    <a:pt x="54863" y="309371"/>
                  </a:lnTo>
                  <a:lnTo>
                    <a:pt x="49530" y="307847"/>
                  </a:lnTo>
                  <a:lnTo>
                    <a:pt x="45719" y="307847"/>
                  </a:lnTo>
                  <a:lnTo>
                    <a:pt x="38100" y="303275"/>
                  </a:lnTo>
                  <a:lnTo>
                    <a:pt x="39623" y="303275"/>
                  </a:lnTo>
                  <a:lnTo>
                    <a:pt x="33908" y="298703"/>
                  </a:lnTo>
                  <a:lnTo>
                    <a:pt x="33527" y="298703"/>
                  </a:lnTo>
                  <a:lnTo>
                    <a:pt x="25907" y="291083"/>
                  </a:lnTo>
                  <a:lnTo>
                    <a:pt x="26669" y="291083"/>
                  </a:lnTo>
                  <a:lnTo>
                    <a:pt x="22859" y="283463"/>
                  </a:lnTo>
                  <a:lnTo>
                    <a:pt x="23513" y="283463"/>
                  </a:lnTo>
                  <a:lnTo>
                    <a:pt x="22206" y="278891"/>
                  </a:lnTo>
                  <a:lnTo>
                    <a:pt x="21335" y="278891"/>
                  </a:lnTo>
                  <a:lnTo>
                    <a:pt x="19811" y="268223"/>
                  </a:lnTo>
                  <a:lnTo>
                    <a:pt x="19811" y="60959"/>
                  </a:lnTo>
                  <a:lnTo>
                    <a:pt x="20029" y="60959"/>
                  </a:lnTo>
                  <a:lnTo>
                    <a:pt x="21335" y="51815"/>
                  </a:lnTo>
                  <a:lnTo>
                    <a:pt x="22206" y="51815"/>
                  </a:lnTo>
                  <a:lnTo>
                    <a:pt x="23948" y="45720"/>
                  </a:lnTo>
                  <a:lnTo>
                    <a:pt x="22859" y="45720"/>
                  </a:lnTo>
                  <a:lnTo>
                    <a:pt x="26517" y="39624"/>
                  </a:lnTo>
                  <a:lnTo>
                    <a:pt x="25907" y="39624"/>
                  </a:lnTo>
                  <a:lnTo>
                    <a:pt x="39623" y="25907"/>
                  </a:lnTo>
                  <a:lnTo>
                    <a:pt x="40639" y="25907"/>
                  </a:lnTo>
                  <a:lnTo>
                    <a:pt x="45719" y="22859"/>
                  </a:lnTo>
                  <a:lnTo>
                    <a:pt x="49530" y="22859"/>
                  </a:lnTo>
                  <a:lnTo>
                    <a:pt x="54863" y="21335"/>
                  </a:lnTo>
                  <a:lnTo>
                    <a:pt x="51816" y="21335"/>
                  </a:lnTo>
                  <a:lnTo>
                    <a:pt x="62483" y="19811"/>
                  </a:lnTo>
                  <a:lnTo>
                    <a:pt x="4704334" y="19811"/>
                  </a:lnTo>
                  <a:lnTo>
                    <a:pt x="4703064" y="18287"/>
                  </a:lnTo>
                  <a:lnTo>
                    <a:pt x="4693920" y="10667"/>
                  </a:lnTo>
                  <a:lnTo>
                    <a:pt x="4683252" y="4572"/>
                  </a:lnTo>
                  <a:lnTo>
                    <a:pt x="4671060" y="0"/>
                  </a:lnTo>
                  <a:close/>
                </a:path>
                <a:path w="4721860" h="330834">
                  <a:moveTo>
                    <a:pt x="4675632" y="306323"/>
                  </a:moveTo>
                  <a:lnTo>
                    <a:pt x="4666488" y="309371"/>
                  </a:lnTo>
                  <a:lnTo>
                    <a:pt x="4668012" y="309371"/>
                  </a:lnTo>
                  <a:lnTo>
                    <a:pt x="4657344" y="310895"/>
                  </a:lnTo>
                  <a:lnTo>
                    <a:pt x="4704334" y="310895"/>
                  </a:lnTo>
                  <a:lnTo>
                    <a:pt x="4706874" y="307847"/>
                  </a:lnTo>
                  <a:lnTo>
                    <a:pt x="4674108" y="307847"/>
                  </a:lnTo>
                  <a:lnTo>
                    <a:pt x="4675632" y="306323"/>
                  </a:lnTo>
                  <a:close/>
                </a:path>
                <a:path w="4721860" h="330834">
                  <a:moveTo>
                    <a:pt x="44196" y="306323"/>
                  </a:moveTo>
                  <a:lnTo>
                    <a:pt x="45719" y="307847"/>
                  </a:lnTo>
                  <a:lnTo>
                    <a:pt x="49530" y="307847"/>
                  </a:lnTo>
                  <a:lnTo>
                    <a:pt x="44196" y="306323"/>
                  </a:lnTo>
                  <a:close/>
                </a:path>
                <a:path w="4721860" h="330834">
                  <a:moveTo>
                    <a:pt x="4688501" y="297857"/>
                  </a:moveTo>
                  <a:lnTo>
                    <a:pt x="4681728" y="303275"/>
                  </a:lnTo>
                  <a:lnTo>
                    <a:pt x="4683252" y="303275"/>
                  </a:lnTo>
                  <a:lnTo>
                    <a:pt x="4674108" y="307847"/>
                  </a:lnTo>
                  <a:lnTo>
                    <a:pt x="4706874" y="307847"/>
                  </a:lnTo>
                  <a:lnTo>
                    <a:pt x="4710684" y="303275"/>
                  </a:lnTo>
                  <a:lnTo>
                    <a:pt x="4713296" y="298703"/>
                  </a:lnTo>
                  <a:lnTo>
                    <a:pt x="4687824" y="298703"/>
                  </a:lnTo>
                  <a:lnTo>
                    <a:pt x="4688501" y="297857"/>
                  </a:lnTo>
                  <a:close/>
                </a:path>
                <a:path w="4721860" h="330834">
                  <a:moveTo>
                    <a:pt x="32003" y="297179"/>
                  </a:moveTo>
                  <a:lnTo>
                    <a:pt x="33527" y="298703"/>
                  </a:lnTo>
                  <a:lnTo>
                    <a:pt x="33908" y="298703"/>
                  </a:lnTo>
                  <a:lnTo>
                    <a:pt x="32003" y="297179"/>
                  </a:lnTo>
                  <a:close/>
                </a:path>
                <a:path w="4721860" h="330834">
                  <a:moveTo>
                    <a:pt x="4689348" y="297179"/>
                  </a:moveTo>
                  <a:lnTo>
                    <a:pt x="4688501" y="297857"/>
                  </a:lnTo>
                  <a:lnTo>
                    <a:pt x="4687824" y="298703"/>
                  </a:lnTo>
                  <a:lnTo>
                    <a:pt x="4689348" y="297179"/>
                  </a:lnTo>
                  <a:close/>
                </a:path>
                <a:path w="4721860" h="330834">
                  <a:moveTo>
                    <a:pt x="4714167" y="297179"/>
                  </a:moveTo>
                  <a:lnTo>
                    <a:pt x="4689348" y="297179"/>
                  </a:lnTo>
                  <a:lnTo>
                    <a:pt x="4687824" y="298703"/>
                  </a:lnTo>
                  <a:lnTo>
                    <a:pt x="4713296" y="298703"/>
                  </a:lnTo>
                  <a:lnTo>
                    <a:pt x="4714167" y="297179"/>
                  </a:lnTo>
                  <a:close/>
                </a:path>
                <a:path w="4721860" h="330834">
                  <a:moveTo>
                    <a:pt x="4717215" y="291083"/>
                  </a:moveTo>
                  <a:lnTo>
                    <a:pt x="4693920" y="291083"/>
                  </a:lnTo>
                  <a:lnTo>
                    <a:pt x="4688501" y="297857"/>
                  </a:lnTo>
                  <a:lnTo>
                    <a:pt x="4689348" y="297179"/>
                  </a:lnTo>
                  <a:lnTo>
                    <a:pt x="4714167" y="297179"/>
                  </a:lnTo>
                  <a:lnTo>
                    <a:pt x="4716780" y="292607"/>
                  </a:lnTo>
                  <a:lnTo>
                    <a:pt x="4717215" y="291083"/>
                  </a:lnTo>
                  <a:close/>
                </a:path>
                <a:path w="4721860" h="330834">
                  <a:moveTo>
                    <a:pt x="26669" y="291083"/>
                  </a:moveTo>
                  <a:lnTo>
                    <a:pt x="25907" y="291083"/>
                  </a:lnTo>
                  <a:lnTo>
                    <a:pt x="27432" y="292607"/>
                  </a:lnTo>
                  <a:lnTo>
                    <a:pt x="26669" y="291083"/>
                  </a:lnTo>
                  <a:close/>
                </a:path>
                <a:path w="4721860" h="330834">
                  <a:moveTo>
                    <a:pt x="4696968" y="283463"/>
                  </a:moveTo>
                  <a:lnTo>
                    <a:pt x="4692396" y="292607"/>
                  </a:lnTo>
                  <a:lnTo>
                    <a:pt x="4693920" y="291083"/>
                  </a:lnTo>
                  <a:lnTo>
                    <a:pt x="4717215" y="291083"/>
                  </a:lnTo>
                  <a:lnTo>
                    <a:pt x="4718521" y="286512"/>
                  </a:lnTo>
                  <a:lnTo>
                    <a:pt x="4696968" y="286512"/>
                  </a:lnTo>
                  <a:lnTo>
                    <a:pt x="4696968" y="283463"/>
                  </a:lnTo>
                  <a:close/>
                </a:path>
                <a:path w="4721860" h="330834">
                  <a:moveTo>
                    <a:pt x="23513" y="283463"/>
                  </a:moveTo>
                  <a:lnTo>
                    <a:pt x="22859" y="283463"/>
                  </a:lnTo>
                  <a:lnTo>
                    <a:pt x="24384" y="286512"/>
                  </a:lnTo>
                  <a:lnTo>
                    <a:pt x="23513" y="283463"/>
                  </a:lnTo>
                  <a:close/>
                </a:path>
                <a:path w="4721860" h="330834">
                  <a:moveTo>
                    <a:pt x="4700016" y="275843"/>
                  </a:moveTo>
                  <a:lnTo>
                    <a:pt x="4696967" y="286512"/>
                  </a:lnTo>
                  <a:lnTo>
                    <a:pt x="4718521" y="286512"/>
                  </a:lnTo>
                  <a:lnTo>
                    <a:pt x="4719828" y="281939"/>
                  </a:lnTo>
                  <a:lnTo>
                    <a:pt x="4720209" y="278891"/>
                  </a:lnTo>
                  <a:lnTo>
                    <a:pt x="4700016" y="278891"/>
                  </a:lnTo>
                  <a:lnTo>
                    <a:pt x="4700016" y="275843"/>
                  </a:lnTo>
                  <a:close/>
                </a:path>
                <a:path w="4721860" h="330834">
                  <a:moveTo>
                    <a:pt x="21335" y="275843"/>
                  </a:moveTo>
                  <a:lnTo>
                    <a:pt x="21335" y="278891"/>
                  </a:lnTo>
                  <a:lnTo>
                    <a:pt x="22206" y="278891"/>
                  </a:lnTo>
                  <a:lnTo>
                    <a:pt x="21335" y="275843"/>
                  </a:lnTo>
                  <a:close/>
                </a:path>
                <a:path w="4721860" h="330834">
                  <a:moveTo>
                    <a:pt x="4720209" y="51815"/>
                  </a:moveTo>
                  <a:lnTo>
                    <a:pt x="4700016" y="51815"/>
                  </a:lnTo>
                  <a:lnTo>
                    <a:pt x="4700016" y="278891"/>
                  </a:lnTo>
                  <a:lnTo>
                    <a:pt x="4720209" y="278891"/>
                  </a:lnTo>
                  <a:lnTo>
                    <a:pt x="4721352" y="269747"/>
                  </a:lnTo>
                  <a:lnTo>
                    <a:pt x="4721352" y="60959"/>
                  </a:lnTo>
                  <a:lnTo>
                    <a:pt x="4720209" y="51815"/>
                  </a:lnTo>
                  <a:close/>
                </a:path>
                <a:path w="4721860" h="330834">
                  <a:moveTo>
                    <a:pt x="20029" y="60959"/>
                  </a:moveTo>
                  <a:lnTo>
                    <a:pt x="19811" y="60959"/>
                  </a:lnTo>
                  <a:lnTo>
                    <a:pt x="19811" y="62483"/>
                  </a:lnTo>
                  <a:lnTo>
                    <a:pt x="20029" y="60959"/>
                  </a:lnTo>
                  <a:close/>
                </a:path>
                <a:path w="4721860" h="330834">
                  <a:moveTo>
                    <a:pt x="22206" y="51815"/>
                  </a:moveTo>
                  <a:lnTo>
                    <a:pt x="21335" y="51815"/>
                  </a:lnTo>
                  <a:lnTo>
                    <a:pt x="21335" y="54863"/>
                  </a:lnTo>
                  <a:lnTo>
                    <a:pt x="22206" y="51815"/>
                  </a:lnTo>
                  <a:close/>
                </a:path>
                <a:path w="4721860" h="330834">
                  <a:moveTo>
                    <a:pt x="4718521" y="44196"/>
                  </a:moveTo>
                  <a:lnTo>
                    <a:pt x="4696968" y="44196"/>
                  </a:lnTo>
                  <a:lnTo>
                    <a:pt x="4700016" y="54863"/>
                  </a:lnTo>
                  <a:lnTo>
                    <a:pt x="4700016" y="51815"/>
                  </a:lnTo>
                  <a:lnTo>
                    <a:pt x="4720209" y="51815"/>
                  </a:lnTo>
                  <a:lnTo>
                    <a:pt x="4719828" y="48767"/>
                  </a:lnTo>
                  <a:lnTo>
                    <a:pt x="4718521" y="44196"/>
                  </a:lnTo>
                  <a:close/>
                </a:path>
                <a:path w="4721860" h="330834">
                  <a:moveTo>
                    <a:pt x="24383" y="44196"/>
                  </a:moveTo>
                  <a:lnTo>
                    <a:pt x="22859" y="45720"/>
                  </a:lnTo>
                  <a:lnTo>
                    <a:pt x="23948" y="45720"/>
                  </a:lnTo>
                  <a:lnTo>
                    <a:pt x="24383" y="44196"/>
                  </a:lnTo>
                  <a:close/>
                </a:path>
                <a:path w="4721860" h="330834">
                  <a:moveTo>
                    <a:pt x="4692396" y="38100"/>
                  </a:moveTo>
                  <a:lnTo>
                    <a:pt x="4696968" y="45720"/>
                  </a:lnTo>
                  <a:lnTo>
                    <a:pt x="4696968" y="44196"/>
                  </a:lnTo>
                  <a:lnTo>
                    <a:pt x="4718521" y="44196"/>
                  </a:lnTo>
                  <a:lnTo>
                    <a:pt x="4717215" y="39624"/>
                  </a:lnTo>
                  <a:lnTo>
                    <a:pt x="4693920" y="39624"/>
                  </a:lnTo>
                  <a:lnTo>
                    <a:pt x="4692396" y="38100"/>
                  </a:lnTo>
                  <a:close/>
                </a:path>
                <a:path w="4721860" h="330834">
                  <a:moveTo>
                    <a:pt x="27432" y="38100"/>
                  </a:moveTo>
                  <a:lnTo>
                    <a:pt x="25907" y="39624"/>
                  </a:lnTo>
                  <a:lnTo>
                    <a:pt x="26517" y="39624"/>
                  </a:lnTo>
                  <a:lnTo>
                    <a:pt x="27432" y="38100"/>
                  </a:lnTo>
                  <a:close/>
                </a:path>
                <a:path w="4721860" h="330834">
                  <a:moveTo>
                    <a:pt x="4687824" y="32003"/>
                  </a:moveTo>
                  <a:lnTo>
                    <a:pt x="4693920" y="39624"/>
                  </a:lnTo>
                  <a:lnTo>
                    <a:pt x="4717215" y="39624"/>
                  </a:lnTo>
                  <a:lnTo>
                    <a:pt x="4716780" y="38100"/>
                  </a:lnTo>
                  <a:lnTo>
                    <a:pt x="4714167" y="33527"/>
                  </a:lnTo>
                  <a:lnTo>
                    <a:pt x="4689348" y="33527"/>
                  </a:lnTo>
                  <a:lnTo>
                    <a:pt x="4687824" y="32003"/>
                  </a:lnTo>
                  <a:close/>
                </a:path>
                <a:path w="4721860" h="330834">
                  <a:moveTo>
                    <a:pt x="4709414" y="25907"/>
                  </a:moveTo>
                  <a:lnTo>
                    <a:pt x="4681728" y="25907"/>
                  </a:lnTo>
                  <a:lnTo>
                    <a:pt x="4689348" y="33527"/>
                  </a:lnTo>
                  <a:lnTo>
                    <a:pt x="4714167" y="33527"/>
                  </a:lnTo>
                  <a:lnTo>
                    <a:pt x="4710684" y="27431"/>
                  </a:lnTo>
                  <a:lnTo>
                    <a:pt x="4709414" y="25907"/>
                  </a:lnTo>
                  <a:close/>
                </a:path>
                <a:path w="4721860" h="330834">
                  <a:moveTo>
                    <a:pt x="40639" y="25907"/>
                  </a:moveTo>
                  <a:lnTo>
                    <a:pt x="39623" y="25907"/>
                  </a:lnTo>
                  <a:lnTo>
                    <a:pt x="38100" y="27431"/>
                  </a:lnTo>
                  <a:lnTo>
                    <a:pt x="40639" y="25907"/>
                  </a:lnTo>
                  <a:close/>
                </a:path>
                <a:path w="4721860" h="330834">
                  <a:moveTo>
                    <a:pt x="4706874" y="22859"/>
                  </a:moveTo>
                  <a:lnTo>
                    <a:pt x="4674108" y="22859"/>
                  </a:lnTo>
                  <a:lnTo>
                    <a:pt x="4683252" y="27431"/>
                  </a:lnTo>
                  <a:lnTo>
                    <a:pt x="4681728" y="25907"/>
                  </a:lnTo>
                  <a:lnTo>
                    <a:pt x="4709414" y="25907"/>
                  </a:lnTo>
                  <a:lnTo>
                    <a:pt x="4706874" y="22859"/>
                  </a:lnTo>
                  <a:close/>
                </a:path>
                <a:path w="4721860" h="330834">
                  <a:moveTo>
                    <a:pt x="49530" y="22859"/>
                  </a:moveTo>
                  <a:lnTo>
                    <a:pt x="45719" y="22859"/>
                  </a:lnTo>
                  <a:lnTo>
                    <a:pt x="44196" y="24383"/>
                  </a:lnTo>
                  <a:lnTo>
                    <a:pt x="49530" y="22859"/>
                  </a:lnTo>
                  <a:close/>
                </a:path>
                <a:path w="4721860" h="330834">
                  <a:moveTo>
                    <a:pt x="4704334" y="19811"/>
                  </a:moveTo>
                  <a:lnTo>
                    <a:pt x="4657344" y="19811"/>
                  </a:lnTo>
                  <a:lnTo>
                    <a:pt x="4668012" y="21335"/>
                  </a:lnTo>
                  <a:lnTo>
                    <a:pt x="4666488" y="21335"/>
                  </a:lnTo>
                  <a:lnTo>
                    <a:pt x="4675632" y="24383"/>
                  </a:lnTo>
                  <a:lnTo>
                    <a:pt x="4674108" y="22859"/>
                  </a:lnTo>
                  <a:lnTo>
                    <a:pt x="4706874" y="22859"/>
                  </a:lnTo>
                  <a:lnTo>
                    <a:pt x="4704334" y="19811"/>
                  </a:lnTo>
                  <a:close/>
                </a:path>
              </a:pathLst>
            </a:custGeom>
            <a:solidFill>
              <a:srgbClr val="ED7C31"/>
            </a:solidFill>
          </p:spPr>
          <p:txBody>
            <a:bodyPr wrap="square" lIns="0" tIns="0" rIns="0" bIns="0" rtlCol="0"/>
            <a:lstStyle/>
            <a:p>
              <a:endParaRPr sz="1539"/>
            </a:p>
          </p:txBody>
        </p:sp>
      </p:grpSp>
      <p:sp>
        <p:nvSpPr>
          <p:cNvPr id="32" name="object 32"/>
          <p:cNvSpPr txBox="1"/>
          <p:nvPr/>
        </p:nvSpPr>
        <p:spPr>
          <a:xfrm>
            <a:off x="240654" y="952396"/>
            <a:ext cx="3072797" cy="929874"/>
          </a:xfrm>
          <a:prstGeom prst="rect">
            <a:avLst/>
          </a:prstGeom>
        </p:spPr>
        <p:txBody>
          <a:bodyPr vert="horz" wrap="square" lIns="0" tIns="59186" rIns="0" bIns="0" rtlCol="0">
            <a:spAutoFit/>
          </a:bodyPr>
          <a:lstStyle/>
          <a:p>
            <a:pPr marL="1123443">
              <a:spcBef>
                <a:spcPts val="466"/>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a:p>
            <a:pPr marL="10860">
              <a:spcBef>
                <a:spcPts val="402"/>
              </a:spcBef>
            </a:pPr>
            <a:r>
              <a:rPr sz="1667" b="1" spc="-9" dirty="0">
                <a:solidFill>
                  <a:srgbClr val="0070BF"/>
                </a:solidFill>
                <a:latin typeface="ＭＳ Ｐゴシック"/>
                <a:cs typeface="ＭＳ Ｐゴシック"/>
              </a:rPr>
              <a:t>（２）</a:t>
            </a:r>
            <a:r>
              <a:rPr sz="1667" b="1" spc="-13" dirty="0">
                <a:solidFill>
                  <a:srgbClr val="0070BF"/>
                </a:solidFill>
                <a:latin typeface="ＭＳ Ｐゴシック"/>
                <a:cs typeface="ＭＳ Ｐゴシック"/>
              </a:rPr>
              <a:t>施設の集約・再編等</a:t>
            </a:r>
            <a:endParaRPr sz="1667">
              <a:latin typeface="ＭＳ Ｐゴシック"/>
              <a:cs typeface="ＭＳ Ｐゴシック"/>
            </a:endParaRPr>
          </a:p>
          <a:p>
            <a:pPr marL="105883">
              <a:spcBef>
                <a:spcPts val="1112"/>
              </a:spcBef>
            </a:pPr>
            <a:r>
              <a:rPr sz="1283" spc="-4" dirty="0">
                <a:latin typeface="HGSｺﾞｼｯｸM"/>
                <a:cs typeface="HGSｺﾞｼｯｸM"/>
              </a:rPr>
              <a:t>・集約・再編等の政策判断の目安がない</a:t>
            </a:r>
            <a:endParaRPr sz="1283">
              <a:latin typeface="HGSｺﾞｼｯｸM"/>
              <a:cs typeface="HGSｺﾞｼｯｸM"/>
            </a:endParaRPr>
          </a:p>
        </p:txBody>
      </p:sp>
      <p:grpSp>
        <p:nvGrpSpPr>
          <p:cNvPr id="33" name="object 33"/>
          <p:cNvGrpSpPr/>
          <p:nvPr/>
        </p:nvGrpSpPr>
        <p:grpSpPr>
          <a:xfrm>
            <a:off x="276275" y="4022926"/>
            <a:ext cx="8498381" cy="1279834"/>
            <a:chOff x="323088" y="4475988"/>
            <a:chExt cx="9938385" cy="1496695"/>
          </a:xfrm>
        </p:grpSpPr>
        <p:pic>
          <p:nvPicPr>
            <p:cNvPr id="34" name="object 34"/>
            <p:cNvPicPr/>
            <p:nvPr/>
          </p:nvPicPr>
          <p:blipFill>
            <a:blip r:embed="rId4" cstate="print"/>
            <a:stretch>
              <a:fillRect/>
            </a:stretch>
          </p:blipFill>
          <p:spPr>
            <a:xfrm>
              <a:off x="5542788" y="4480560"/>
              <a:ext cx="4701540" cy="582168"/>
            </a:xfrm>
            <a:prstGeom prst="rect">
              <a:avLst/>
            </a:prstGeom>
          </p:spPr>
        </p:pic>
        <p:sp>
          <p:nvSpPr>
            <p:cNvPr id="35" name="object 35"/>
            <p:cNvSpPr/>
            <p:nvPr/>
          </p:nvSpPr>
          <p:spPr>
            <a:xfrm>
              <a:off x="5539740" y="4475988"/>
              <a:ext cx="4707890" cy="589915"/>
            </a:xfrm>
            <a:custGeom>
              <a:avLst/>
              <a:gdLst/>
              <a:ahLst/>
              <a:cxnLst/>
              <a:rect l="l" t="t" r="r" b="b"/>
              <a:pathLst>
                <a:path w="4707890" h="589914">
                  <a:moveTo>
                    <a:pt x="4707636" y="0"/>
                  </a:moveTo>
                  <a:lnTo>
                    <a:pt x="0" y="0"/>
                  </a:lnTo>
                  <a:lnTo>
                    <a:pt x="0" y="589788"/>
                  </a:lnTo>
                  <a:lnTo>
                    <a:pt x="4707636" y="589788"/>
                  </a:lnTo>
                  <a:lnTo>
                    <a:pt x="4707636" y="586740"/>
                  </a:lnTo>
                  <a:lnTo>
                    <a:pt x="6096" y="586740"/>
                  </a:lnTo>
                  <a:lnTo>
                    <a:pt x="3048" y="583692"/>
                  </a:lnTo>
                  <a:lnTo>
                    <a:pt x="6096" y="583692"/>
                  </a:lnTo>
                  <a:lnTo>
                    <a:pt x="6096" y="7620"/>
                  </a:lnTo>
                  <a:lnTo>
                    <a:pt x="3048" y="7620"/>
                  </a:lnTo>
                  <a:lnTo>
                    <a:pt x="6096" y="4572"/>
                  </a:lnTo>
                  <a:lnTo>
                    <a:pt x="4707636" y="4572"/>
                  </a:lnTo>
                  <a:lnTo>
                    <a:pt x="4707636" y="0"/>
                  </a:lnTo>
                  <a:close/>
                </a:path>
                <a:path w="4707890" h="589914">
                  <a:moveTo>
                    <a:pt x="6096" y="583692"/>
                  </a:moveTo>
                  <a:lnTo>
                    <a:pt x="3048" y="583692"/>
                  </a:lnTo>
                  <a:lnTo>
                    <a:pt x="6096" y="586740"/>
                  </a:lnTo>
                  <a:lnTo>
                    <a:pt x="6096" y="583692"/>
                  </a:lnTo>
                  <a:close/>
                </a:path>
                <a:path w="4707890" h="589914">
                  <a:moveTo>
                    <a:pt x="4701540" y="583692"/>
                  </a:moveTo>
                  <a:lnTo>
                    <a:pt x="6096" y="583692"/>
                  </a:lnTo>
                  <a:lnTo>
                    <a:pt x="6096" y="586740"/>
                  </a:lnTo>
                  <a:lnTo>
                    <a:pt x="4701540" y="586740"/>
                  </a:lnTo>
                  <a:lnTo>
                    <a:pt x="4701540" y="583692"/>
                  </a:lnTo>
                  <a:close/>
                </a:path>
                <a:path w="4707890" h="589914">
                  <a:moveTo>
                    <a:pt x="4701540" y="4572"/>
                  </a:moveTo>
                  <a:lnTo>
                    <a:pt x="4701540" y="586740"/>
                  </a:lnTo>
                  <a:lnTo>
                    <a:pt x="4704588" y="583692"/>
                  </a:lnTo>
                  <a:lnTo>
                    <a:pt x="4707636" y="583692"/>
                  </a:lnTo>
                  <a:lnTo>
                    <a:pt x="4707636" y="7620"/>
                  </a:lnTo>
                  <a:lnTo>
                    <a:pt x="4704588" y="7620"/>
                  </a:lnTo>
                  <a:lnTo>
                    <a:pt x="4701540" y="4572"/>
                  </a:lnTo>
                  <a:close/>
                </a:path>
                <a:path w="4707890" h="589914">
                  <a:moveTo>
                    <a:pt x="4707636" y="583692"/>
                  </a:moveTo>
                  <a:lnTo>
                    <a:pt x="4704588" y="583692"/>
                  </a:lnTo>
                  <a:lnTo>
                    <a:pt x="4701540" y="586740"/>
                  </a:lnTo>
                  <a:lnTo>
                    <a:pt x="4707636" y="586740"/>
                  </a:lnTo>
                  <a:lnTo>
                    <a:pt x="4707636" y="583692"/>
                  </a:lnTo>
                  <a:close/>
                </a:path>
                <a:path w="4707890" h="589914">
                  <a:moveTo>
                    <a:pt x="6096" y="4572"/>
                  </a:moveTo>
                  <a:lnTo>
                    <a:pt x="3048" y="7620"/>
                  </a:lnTo>
                  <a:lnTo>
                    <a:pt x="6096" y="7620"/>
                  </a:lnTo>
                  <a:lnTo>
                    <a:pt x="6096" y="4572"/>
                  </a:lnTo>
                  <a:close/>
                </a:path>
                <a:path w="4707890" h="589914">
                  <a:moveTo>
                    <a:pt x="4701540" y="4572"/>
                  </a:moveTo>
                  <a:lnTo>
                    <a:pt x="6096" y="4572"/>
                  </a:lnTo>
                  <a:lnTo>
                    <a:pt x="6096" y="7620"/>
                  </a:lnTo>
                  <a:lnTo>
                    <a:pt x="4701540" y="7620"/>
                  </a:lnTo>
                  <a:lnTo>
                    <a:pt x="4701540" y="4572"/>
                  </a:lnTo>
                  <a:close/>
                </a:path>
                <a:path w="4707890" h="589914">
                  <a:moveTo>
                    <a:pt x="4707636" y="4572"/>
                  </a:moveTo>
                  <a:lnTo>
                    <a:pt x="4701540" y="4572"/>
                  </a:lnTo>
                  <a:lnTo>
                    <a:pt x="4704588" y="7620"/>
                  </a:lnTo>
                  <a:lnTo>
                    <a:pt x="4707636" y="7620"/>
                  </a:lnTo>
                  <a:lnTo>
                    <a:pt x="4707636" y="4572"/>
                  </a:lnTo>
                  <a:close/>
                </a:path>
              </a:pathLst>
            </a:custGeom>
            <a:solidFill>
              <a:srgbClr val="70AC46"/>
            </a:solidFill>
          </p:spPr>
          <p:txBody>
            <a:bodyPr wrap="square" lIns="0" tIns="0" rIns="0" bIns="0" rtlCol="0"/>
            <a:lstStyle/>
            <a:p>
              <a:endParaRPr sz="1539"/>
            </a:p>
          </p:txBody>
        </p:sp>
        <p:pic>
          <p:nvPicPr>
            <p:cNvPr id="36" name="object 36"/>
            <p:cNvPicPr/>
            <p:nvPr/>
          </p:nvPicPr>
          <p:blipFill>
            <a:blip r:embed="rId4" cstate="print"/>
            <a:stretch>
              <a:fillRect/>
            </a:stretch>
          </p:blipFill>
          <p:spPr>
            <a:xfrm>
              <a:off x="5556503" y="5138928"/>
              <a:ext cx="4700015" cy="582168"/>
            </a:xfrm>
            <a:prstGeom prst="rect">
              <a:avLst/>
            </a:prstGeom>
          </p:spPr>
        </p:pic>
        <p:sp>
          <p:nvSpPr>
            <p:cNvPr id="37" name="object 37"/>
            <p:cNvSpPr/>
            <p:nvPr/>
          </p:nvSpPr>
          <p:spPr>
            <a:xfrm>
              <a:off x="5553455" y="5135880"/>
              <a:ext cx="4707890" cy="589915"/>
            </a:xfrm>
            <a:custGeom>
              <a:avLst/>
              <a:gdLst/>
              <a:ahLst/>
              <a:cxnLst/>
              <a:rect l="l" t="t" r="r" b="b"/>
              <a:pathLst>
                <a:path w="4707890" h="589914">
                  <a:moveTo>
                    <a:pt x="4707636" y="0"/>
                  </a:moveTo>
                  <a:lnTo>
                    <a:pt x="0" y="0"/>
                  </a:lnTo>
                  <a:lnTo>
                    <a:pt x="0" y="589787"/>
                  </a:lnTo>
                  <a:lnTo>
                    <a:pt x="4707636" y="589787"/>
                  </a:lnTo>
                  <a:lnTo>
                    <a:pt x="4707636" y="585215"/>
                  </a:lnTo>
                  <a:lnTo>
                    <a:pt x="6096" y="585215"/>
                  </a:lnTo>
                  <a:lnTo>
                    <a:pt x="3048" y="582167"/>
                  </a:lnTo>
                  <a:lnTo>
                    <a:pt x="6096" y="582167"/>
                  </a:lnTo>
                  <a:lnTo>
                    <a:pt x="6096" y="6095"/>
                  </a:lnTo>
                  <a:lnTo>
                    <a:pt x="3048" y="6095"/>
                  </a:lnTo>
                  <a:lnTo>
                    <a:pt x="6096" y="3047"/>
                  </a:lnTo>
                  <a:lnTo>
                    <a:pt x="4707636" y="3047"/>
                  </a:lnTo>
                  <a:lnTo>
                    <a:pt x="4707636" y="0"/>
                  </a:lnTo>
                  <a:close/>
                </a:path>
                <a:path w="4707890" h="589914">
                  <a:moveTo>
                    <a:pt x="6096" y="582167"/>
                  </a:moveTo>
                  <a:lnTo>
                    <a:pt x="3048" y="582167"/>
                  </a:lnTo>
                  <a:lnTo>
                    <a:pt x="6096" y="585215"/>
                  </a:lnTo>
                  <a:lnTo>
                    <a:pt x="6096" y="582167"/>
                  </a:lnTo>
                  <a:close/>
                </a:path>
                <a:path w="4707890" h="589914">
                  <a:moveTo>
                    <a:pt x="4700016" y="582167"/>
                  </a:moveTo>
                  <a:lnTo>
                    <a:pt x="6096" y="582167"/>
                  </a:lnTo>
                  <a:lnTo>
                    <a:pt x="6096" y="585215"/>
                  </a:lnTo>
                  <a:lnTo>
                    <a:pt x="4700016" y="585215"/>
                  </a:lnTo>
                  <a:lnTo>
                    <a:pt x="4700016" y="582167"/>
                  </a:lnTo>
                  <a:close/>
                </a:path>
                <a:path w="4707890" h="589914">
                  <a:moveTo>
                    <a:pt x="4700016" y="3047"/>
                  </a:moveTo>
                  <a:lnTo>
                    <a:pt x="4700016" y="585215"/>
                  </a:lnTo>
                  <a:lnTo>
                    <a:pt x="4703064" y="582167"/>
                  </a:lnTo>
                  <a:lnTo>
                    <a:pt x="4707636" y="582167"/>
                  </a:lnTo>
                  <a:lnTo>
                    <a:pt x="4707636" y="6095"/>
                  </a:lnTo>
                  <a:lnTo>
                    <a:pt x="4703064" y="6095"/>
                  </a:lnTo>
                  <a:lnTo>
                    <a:pt x="4700016" y="3047"/>
                  </a:lnTo>
                  <a:close/>
                </a:path>
                <a:path w="4707890" h="589914">
                  <a:moveTo>
                    <a:pt x="4707636" y="582167"/>
                  </a:moveTo>
                  <a:lnTo>
                    <a:pt x="4703064" y="582167"/>
                  </a:lnTo>
                  <a:lnTo>
                    <a:pt x="4700016" y="585215"/>
                  </a:lnTo>
                  <a:lnTo>
                    <a:pt x="4707636" y="585215"/>
                  </a:lnTo>
                  <a:lnTo>
                    <a:pt x="4707636" y="582167"/>
                  </a:lnTo>
                  <a:close/>
                </a:path>
                <a:path w="4707890" h="589914">
                  <a:moveTo>
                    <a:pt x="6096" y="3047"/>
                  </a:moveTo>
                  <a:lnTo>
                    <a:pt x="3048" y="6095"/>
                  </a:lnTo>
                  <a:lnTo>
                    <a:pt x="6096" y="6095"/>
                  </a:lnTo>
                  <a:lnTo>
                    <a:pt x="6096" y="3047"/>
                  </a:lnTo>
                  <a:close/>
                </a:path>
                <a:path w="4707890" h="589914">
                  <a:moveTo>
                    <a:pt x="4700016" y="3047"/>
                  </a:moveTo>
                  <a:lnTo>
                    <a:pt x="6096" y="3047"/>
                  </a:lnTo>
                  <a:lnTo>
                    <a:pt x="6096" y="6095"/>
                  </a:lnTo>
                  <a:lnTo>
                    <a:pt x="4700016" y="6095"/>
                  </a:lnTo>
                  <a:lnTo>
                    <a:pt x="4700016" y="3047"/>
                  </a:lnTo>
                  <a:close/>
                </a:path>
                <a:path w="4707890" h="589914">
                  <a:moveTo>
                    <a:pt x="4707636" y="3047"/>
                  </a:moveTo>
                  <a:lnTo>
                    <a:pt x="4700016" y="3047"/>
                  </a:lnTo>
                  <a:lnTo>
                    <a:pt x="4703064" y="6095"/>
                  </a:lnTo>
                  <a:lnTo>
                    <a:pt x="4707636" y="6095"/>
                  </a:lnTo>
                  <a:lnTo>
                    <a:pt x="4707636" y="3047"/>
                  </a:lnTo>
                  <a:close/>
                </a:path>
              </a:pathLst>
            </a:custGeom>
            <a:solidFill>
              <a:srgbClr val="70AC46"/>
            </a:solidFill>
          </p:spPr>
          <p:txBody>
            <a:bodyPr wrap="square" lIns="0" tIns="0" rIns="0" bIns="0" rtlCol="0"/>
            <a:lstStyle/>
            <a:p>
              <a:endParaRPr sz="1539"/>
            </a:p>
          </p:txBody>
        </p:sp>
        <p:pic>
          <p:nvPicPr>
            <p:cNvPr id="38" name="object 38"/>
            <p:cNvPicPr/>
            <p:nvPr/>
          </p:nvPicPr>
          <p:blipFill>
            <a:blip r:embed="rId3" cstate="print"/>
            <a:stretch>
              <a:fillRect/>
            </a:stretch>
          </p:blipFill>
          <p:spPr>
            <a:xfrm>
              <a:off x="327660" y="5580888"/>
              <a:ext cx="4700016" cy="388620"/>
            </a:xfrm>
            <a:prstGeom prst="rect">
              <a:avLst/>
            </a:prstGeom>
          </p:spPr>
        </p:pic>
        <p:sp>
          <p:nvSpPr>
            <p:cNvPr id="39" name="object 39"/>
            <p:cNvSpPr/>
            <p:nvPr/>
          </p:nvSpPr>
          <p:spPr>
            <a:xfrm>
              <a:off x="323088" y="5576316"/>
              <a:ext cx="4707890" cy="396240"/>
            </a:xfrm>
            <a:custGeom>
              <a:avLst/>
              <a:gdLst/>
              <a:ahLst/>
              <a:cxnLst/>
              <a:rect l="l" t="t" r="r" b="b"/>
              <a:pathLst>
                <a:path w="4707890" h="396239">
                  <a:moveTo>
                    <a:pt x="4707636" y="0"/>
                  </a:moveTo>
                  <a:lnTo>
                    <a:pt x="0" y="0"/>
                  </a:lnTo>
                  <a:lnTo>
                    <a:pt x="0" y="396240"/>
                  </a:lnTo>
                  <a:lnTo>
                    <a:pt x="4707636" y="396240"/>
                  </a:lnTo>
                  <a:lnTo>
                    <a:pt x="4707636" y="393192"/>
                  </a:lnTo>
                  <a:lnTo>
                    <a:pt x="7619" y="393192"/>
                  </a:lnTo>
                  <a:lnTo>
                    <a:pt x="4571" y="388620"/>
                  </a:lnTo>
                  <a:lnTo>
                    <a:pt x="7619" y="388620"/>
                  </a:lnTo>
                  <a:lnTo>
                    <a:pt x="7619" y="7620"/>
                  </a:lnTo>
                  <a:lnTo>
                    <a:pt x="4571" y="7620"/>
                  </a:lnTo>
                  <a:lnTo>
                    <a:pt x="7619" y="4572"/>
                  </a:lnTo>
                  <a:lnTo>
                    <a:pt x="4707636" y="4572"/>
                  </a:lnTo>
                  <a:lnTo>
                    <a:pt x="4707636" y="0"/>
                  </a:lnTo>
                  <a:close/>
                </a:path>
                <a:path w="4707890" h="396239">
                  <a:moveTo>
                    <a:pt x="7619" y="388620"/>
                  </a:moveTo>
                  <a:lnTo>
                    <a:pt x="4571" y="388620"/>
                  </a:lnTo>
                  <a:lnTo>
                    <a:pt x="7619" y="393192"/>
                  </a:lnTo>
                  <a:lnTo>
                    <a:pt x="7619" y="388620"/>
                  </a:lnTo>
                  <a:close/>
                </a:path>
                <a:path w="4707890" h="396239">
                  <a:moveTo>
                    <a:pt x="4701540" y="388620"/>
                  </a:moveTo>
                  <a:lnTo>
                    <a:pt x="7619" y="388620"/>
                  </a:lnTo>
                  <a:lnTo>
                    <a:pt x="7619" y="393192"/>
                  </a:lnTo>
                  <a:lnTo>
                    <a:pt x="4701540" y="393192"/>
                  </a:lnTo>
                  <a:lnTo>
                    <a:pt x="4701540" y="388620"/>
                  </a:lnTo>
                  <a:close/>
                </a:path>
                <a:path w="4707890" h="396239">
                  <a:moveTo>
                    <a:pt x="4701540" y="4572"/>
                  </a:moveTo>
                  <a:lnTo>
                    <a:pt x="4701540" y="393192"/>
                  </a:lnTo>
                  <a:lnTo>
                    <a:pt x="4704588" y="388620"/>
                  </a:lnTo>
                  <a:lnTo>
                    <a:pt x="4707636" y="388620"/>
                  </a:lnTo>
                  <a:lnTo>
                    <a:pt x="4707636" y="7620"/>
                  </a:lnTo>
                  <a:lnTo>
                    <a:pt x="4704588" y="7620"/>
                  </a:lnTo>
                  <a:lnTo>
                    <a:pt x="4701540" y="4572"/>
                  </a:lnTo>
                  <a:close/>
                </a:path>
                <a:path w="4707890" h="396239">
                  <a:moveTo>
                    <a:pt x="4707636" y="388620"/>
                  </a:moveTo>
                  <a:lnTo>
                    <a:pt x="4704588" y="388620"/>
                  </a:lnTo>
                  <a:lnTo>
                    <a:pt x="4701540" y="393192"/>
                  </a:lnTo>
                  <a:lnTo>
                    <a:pt x="4707636" y="393192"/>
                  </a:lnTo>
                  <a:lnTo>
                    <a:pt x="4707636" y="388620"/>
                  </a:lnTo>
                  <a:close/>
                </a:path>
                <a:path w="4707890" h="396239">
                  <a:moveTo>
                    <a:pt x="7619" y="4572"/>
                  </a:moveTo>
                  <a:lnTo>
                    <a:pt x="4571" y="7620"/>
                  </a:lnTo>
                  <a:lnTo>
                    <a:pt x="7619" y="7620"/>
                  </a:lnTo>
                  <a:lnTo>
                    <a:pt x="7619" y="4572"/>
                  </a:lnTo>
                  <a:close/>
                </a:path>
                <a:path w="4707890" h="396239">
                  <a:moveTo>
                    <a:pt x="4701540" y="4572"/>
                  </a:moveTo>
                  <a:lnTo>
                    <a:pt x="7619" y="4572"/>
                  </a:lnTo>
                  <a:lnTo>
                    <a:pt x="7619" y="7620"/>
                  </a:lnTo>
                  <a:lnTo>
                    <a:pt x="4701540" y="7620"/>
                  </a:lnTo>
                  <a:lnTo>
                    <a:pt x="4701540" y="4572"/>
                  </a:lnTo>
                  <a:close/>
                </a:path>
                <a:path w="4707890" h="396239">
                  <a:moveTo>
                    <a:pt x="4707636" y="4572"/>
                  </a:moveTo>
                  <a:lnTo>
                    <a:pt x="4701540" y="4572"/>
                  </a:lnTo>
                  <a:lnTo>
                    <a:pt x="4704588" y="7620"/>
                  </a:lnTo>
                  <a:lnTo>
                    <a:pt x="4707636" y="7620"/>
                  </a:lnTo>
                  <a:lnTo>
                    <a:pt x="4707636" y="4572"/>
                  </a:lnTo>
                  <a:close/>
                </a:path>
              </a:pathLst>
            </a:custGeom>
            <a:solidFill>
              <a:srgbClr val="ED7C31"/>
            </a:solidFill>
          </p:spPr>
          <p:txBody>
            <a:bodyPr wrap="square" lIns="0" tIns="0" rIns="0" bIns="0" rtlCol="0"/>
            <a:lstStyle/>
            <a:p>
              <a:endParaRPr sz="1539"/>
            </a:p>
          </p:txBody>
        </p:sp>
      </p:grpSp>
      <p:sp>
        <p:nvSpPr>
          <p:cNvPr id="40" name="object 40"/>
          <p:cNvSpPr txBox="1"/>
          <p:nvPr/>
        </p:nvSpPr>
        <p:spPr>
          <a:xfrm>
            <a:off x="335787" y="5029852"/>
            <a:ext cx="3634251" cy="1101528"/>
          </a:xfrm>
          <a:prstGeom prst="rect">
            <a:avLst/>
          </a:prstGeom>
        </p:spPr>
        <p:txBody>
          <a:bodyPr vert="horz" wrap="square" lIns="0" tIns="11946" rIns="0" bIns="0" rtlCol="0">
            <a:spAutoFit/>
          </a:bodyPr>
          <a:lstStyle/>
          <a:p>
            <a:pPr marL="10860">
              <a:spcBef>
                <a:spcPts val="94"/>
              </a:spcBef>
            </a:pPr>
            <a:r>
              <a:rPr sz="1283" spc="-4" dirty="0">
                <a:latin typeface="HGSｺﾞｼｯｸM"/>
                <a:cs typeface="HGSｺﾞｼｯｸM"/>
              </a:rPr>
              <a:t>・新しい契約方法は知識が少なく負担が大きい</a:t>
            </a:r>
            <a:endParaRPr sz="1283">
              <a:latin typeface="HGSｺﾞｼｯｸM"/>
              <a:cs typeface="HGSｺﾞｼｯｸM"/>
            </a:endParaRPr>
          </a:p>
          <a:p>
            <a:pPr>
              <a:lnSpc>
                <a:spcPct val="100000"/>
              </a:lnSpc>
            </a:pPr>
            <a:endParaRPr sz="1283">
              <a:latin typeface="HGSｺﾞｼｯｸM"/>
              <a:cs typeface="HGSｺﾞｼｯｸM"/>
            </a:endParaRPr>
          </a:p>
          <a:p>
            <a:pPr>
              <a:spcBef>
                <a:spcPts val="410"/>
              </a:spcBef>
            </a:pPr>
            <a:endParaRPr sz="1283">
              <a:latin typeface="HGSｺﾞｼｯｸM"/>
              <a:cs typeface="HGSｺﾞｼｯｸM"/>
            </a:endParaRPr>
          </a:p>
          <a:p>
            <a:pPr marL="174842" marR="4344" indent="-164526">
              <a:lnSpc>
                <a:spcPct val="120700"/>
              </a:lnSpc>
            </a:pPr>
            <a:r>
              <a:rPr sz="1283" spc="-4" dirty="0">
                <a:latin typeface="HGSｺﾞｼｯｸM"/>
                <a:cs typeface="HGSｺﾞｼｯｸM"/>
              </a:rPr>
              <a:t>・小規模な自治体など、メンテナンス業務を担う事業者の確保が課題となっている自治体がある</a:t>
            </a:r>
            <a:endParaRPr sz="1283">
              <a:latin typeface="HGSｺﾞｼｯｸM"/>
              <a:cs typeface="HGSｺﾞｼｯｸM"/>
            </a:endParaRPr>
          </a:p>
        </p:txBody>
      </p:sp>
      <p:grpSp>
        <p:nvGrpSpPr>
          <p:cNvPr id="41" name="object 41"/>
          <p:cNvGrpSpPr/>
          <p:nvPr/>
        </p:nvGrpSpPr>
        <p:grpSpPr>
          <a:xfrm>
            <a:off x="4299200" y="979992"/>
            <a:ext cx="4566570" cy="4990105"/>
            <a:chOff x="5027676" y="917447"/>
            <a:chExt cx="5340350" cy="5835650"/>
          </a:xfrm>
        </p:grpSpPr>
        <p:sp>
          <p:nvSpPr>
            <p:cNvPr id="42" name="object 42"/>
            <p:cNvSpPr/>
            <p:nvPr/>
          </p:nvSpPr>
          <p:spPr>
            <a:xfrm>
              <a:off x="5027676" y="5771845"/>
              <a:ext cx="528955" cy="321310"/>
            </a:xfrm>
            <a:custGeom>
              <a:avLst/>
              <a:gdLst/>
              <a:ahLst/>
              <a:cxnLst/>
              <a:rect l="l" t="t" r="r" b="b"/>
              <a:pathLst>
                <a:path w="528954" h="321310">
                  <a:moveTo>
                    <a:pt x="528828" y="315010"/>
                  </a:moveTo>
                  <a:lnTo>
                    <a:pt x="268224" y="315010"/>
                  </a:lnTo>
                  <a:lnTo>
                    <a:pt x="267385" y="315010"/>
                  </a:lnTo>
                  <a:lnTo>
                    <a:pt x="267385" y="317500"/>
                  </a:lnTo>
                  <a:lnTo>
                    <a:pt x="265480" y="317500"/>
                  </a:lnTo>
                  <a:lnTo>
                    <a:pt x="265480" y="316230"/>
                  </a:lnTo>
                  <a:lnTo>
                    <a:pt x="267385" y="317500"/>
                  </a:lnTo>
                  <a:lnTo>
                    <a:pt x="267385" y="315010"/>
                  </a:lnTo>
                  <a:lnTo>
                    <a:pt x="265480" y="315010"/>
                  </a:lnTo>
                  <a:lnTo>
                    <a:pt x="268224" y="314960"/>
                  </a:lnTo>
                  <a:lnTo>
                    <a:pt x="268224" y="5638"/>
                  </a:lnTo>
                  <a:lnTo>
                    <a:pt x="268224" y="5080"/>
                  </a:lnTo>
                  <a:lnTo>
                    <a:pt x="268224" y="2590"/>
                  </a:lnTo>
                  <a:lnTo>
                    <a:pt x="263093" y="2590"/>
                  </a:lnTo>
                  <a:lnTo>
                    <a:pt x="263093" y="5080"/>
                  </a:lnTo>
                  <a:lnTo>
                    <a:pt x="261823" y="5080"/>
                  </a:lnTo>
                  <a:lnTo>
                    <a:pt x="261823" y="3810"/>
                  </a:lnTo>
                  <a:lnTo>
                    <a:pt x="263093" y="5080"/>
                  </a:lnTo>
                  <a:lnTo>
                    <a:pt x="263093" y="2590"/>
                  </a:lnTo>
                  <a:lnTo>
                    <a:pt x="261823" y="2590"/>
                  </a:lnTo>
                  <a:lnTo>
                    <a:pt x="268224" y="2540"/>
                  </a:lnTo>
                  <a:lnTo>
                    <a:pt x="268224" y="0"/>
                  </a:lnTo>
                  <a:lnTo>
                    <a:pt x="0" y="0"/>
                  </a:lnTo>
                  <a:lnTo>
                    <a:pt x="0" y="2540"/>
                  </a:lnTo>
                  <a:lnTo>
                    <a:pt x="0" y="5080"/>
                  </a:lnTo>
                  <a:lnTo>
                    <a:pt x="260604" y="5080"/>
                  </a:lnTo>
                  <a:lnTo>
                    <a:pt x="260604" y="314960"/>
                  </a:lnTo>
                  <a:lnTo>
                    <a:pt x="260604" y="317500"/>
                  </a:lnTo>
                  <a:lnTo>
                    <a:pt x="260604" y="321310"/>
                  </a:lnTo>
                  <a:lnTo>
                    <a:pt x="528828" y="321310"/>
                  </a:lnTo>
                  <a:lnTo>
                    <a:pt x="528828" y="318058"/>
                  </a:lnTo>
                  <a:lnTo>
                    <a:pt x="528828" y="317500"/>
                  </a:lnTo>
                  <a:lnTo>
                    <a:pt x="528828" y="315010"/>
                  </a:lnTo>
                  <a:close/>
                </a:path>
              </a:pathLst>
            </a:custGeom>
            <a:solidFill>
              <a:srgbClr val="000000"/>
            </a:solidFill>
          </p:spPr>
          <p:txBody>
            <a:bodyPr wrap="square" lIns="0" tIns="0" rIns="0" bIns="0" rtlCol="0"/>
            <a:lstStyle/>
            <a:p>
              <a:endParaRPr sz="1539"/>
            </a:p>
          </p:txBody>
        </p:sp>
        <p:pic>
          <p:nvPicPr>
            <p:cNvPr id="43" name="object 43"/>
            <p:cNvPicPr/>
            <p:nvPr/>
          </p:nvPicPr>
          <p:blipFill>
            <a:blip r:embed="rId2" cstate="print"/>
            <a:stretch>
              <a:fillRect/>
            </a:stretch>
          </p:blipFill>
          <p:spPr>
            <a:xfrm>
              <a:off x="5542788" y="3154680"/>
              <a:ext cx="4701540" cy="388620"/>
            </a:xfrm>
            <a:prstGeom prst="rect">
              <a:avLst/>
            </a:prstGeom>
          </p:spPr>
        </p:pic>
        <p:sp>
          <p:nvSpPr>
            <p:cNvPr id="44" name="object 44"/>
            <p:cNvSpPr/>
            <p:nvPr/>
          </p:nvSpPr>
          <p:spPr>
            <a:xfrm>
              <a:off x="5539740" y="3151631"/>
              <a:ext cx="4707890" cy="396240"/>
            </a:xfrm>
            <a:custGeom>
              <a:avLst/>
              <a:gdLst/>
              <a:ahLst/>
              <a:cxnLst/>
              <a:rect l="l" t="t" r="r" b="b"/>
              <a:pathLst>
                <a:path w="4707890" h="396239">
                  <a:moveTo>
                    <a:pt x="4707636" y="0"/>
                  </a:moveTo>
                  <a:lnTo>
                    <a:pt x="0" y="0"/>
                  </a:lnTo>
                  <a:lnTo>
                    <a:pt x="0" y="396239"/>
                  </a:lnTo>
                  <a:lnTo>
                    <a:pt x="4707636" y="396239"/>
                  </a:lnTo>
                  <a:lnTo>
                    <a:pt x="4707636" y="391667"/>
                  </a:lnTo>
                  <a:lnTo>
                    <a:pt x="6096" y="391667"/>
                  </a:lnTo>
                  <a:lnTo>
                    <a:pt x="3048" y="388619"/>
                  </a:lnTo>
                  <a:lnTo>
                    <a:pt x="6096" y="388619"/>
                  </a:lnTo>
                  <a:lnTo>
                    <a:pt x="6096" y="7619"/>
                  </a:lnTo>
                  <a:lnTo>
                    <a:pt x="3048" y="7619"/>
                  </a:lnTo>
                  <a:lnTo>
                    <a:pt x="6096" y="3048"/>
                  </a:lnTo>
                  <a:lnTo>
                    <a:pt x="4707636" y="3048"/>
                  </a:lnTo>
                  <a:lnTo>
                    <a:pt x="4707636" y="0"/>
                  </a:lnTo>
                  <a:close/>
                </a:path>
                <a:path w="4707890" h="396239">
                  <a:moveTo>
                    <a:pt x="6096" y="388619"/>
                  </a:moveTo>
                  <a:lnTo>
                    <a:pt x="3048" y="388619"/>
                  </a:lnTo>
                  <a:lnTo>
                    <a:pt x="6096" y="391667"/>
                  </a:lnTo>
                  <a:lnTo>
                    <a:pt x="6096" y="388619"/>
                  </a:lnTo>
                  <a:close/>
                </a:path>
                <a:path w="4707890" h="396239">
                  <a:moveTo>
                    <a:pt x="4701540" y="388619"/>
                  </a:moveTo>
                  <a:lnTo>
                    <a:pt x="6096" y="388619"/>
                  </a:lnTo>
                  <a:lnTo>
                    <a:pt x="6096" y="391667"/>
                  </a:lnTo>
                  <a:lnTo>
                    <a:pt x="4701540" y="391667"/>
                  </a:lnTo>
                  <a:lnTo>
                    <a:pt x="4701540" y="388619"/>
                  </a:lnTo>
                  <a:close/>
                </a:path>
                <a:path w="4707890" h="396239">
                  <a:moveTo>
                    <a:pt x="4701540" y="3048"/>
                  </a:moveTo>
                  <a:lnTo>
                    <a:pt x="4701540" y="391667"/>
                  </a:lnTo>
                  <a:lnTo>
                    <a:pt x="4704588" y="388619"/>
                  </a:lnTo>
                  <a:lnTo>
                    <a:pt x="4707636" y="388619"/>
                  </a:lnTo>
                  <a:lnTo>
                    <a:pt x="4707636" y="7619"/>
                  </a:lnTo>
                  <a:lnTo>
                    <a:pt x="4704588" y="7619"/>
                  </a:lnTo>
                  <a:lnTo>
                    <a:pt x="4701540" y="3048"/>
                  </a:lnTo>
                  <a:close/>
                </a:path>
                <a:path w="4707890" h="396239">
                  <a:moveTo>
                    <a:pt x="4707636" y="388619"/>
                  </a:moveTo>
                  <a:lnTo>
                    <a:pt x="4704588" y="388619"/>
                  </a:lnTo>
                  <a:lnTo>
                    <a:pt x="4701540" y="391667"/>
                  </a:lnTo>
                  <a:lnTo>
                    <a:pt x="4707636" y="391667"/>
                  </a:lnTo>
                  <a:lnTo>
                    <a:pt x="4707636" y="388619"/>
                  </a:lnTo>
                  <a:close/>
                </a:path>
                <a:path w="4707890" h="396239">
                  <a:moveTo>
                    <a:pt x="6096" y="3048"/>
                  </a:moveTo>
                  <a:lnTo>
                    <a:pt x="3048" y="7619"/>
                  </a:lnTo>
                  <a:lnTo>
                    <a:pt x="6096" y="7619"/>
                  </a:lnTo>
                  <a:lnTo>
                    <a:pt x="6096" y="3048"/>
                  </a:lnTo>
                  <a:close/>
                </a:path>
                <a:path w="4707890" h="396239">
                  <a:moveTo>
                    <a:pt x="4701540" y="3048"/>
                  </a:moveTo>
                  <a:lnTo>
                    <a:pt x="6096" y="3048"/>
                  </a:lnTo>
                  <a:lnTo>
                    <a:pt x="6096" y="7619"/>
                  </a:lnTo>
                  <a:lnTo>
                    <a:pt x="4701540" y="7619"/>
                  </a:lnTo>
                  <a:lnTo>
                    <a:pt x="4701540" y="3048"/>
                  </a:lnTo>
                  <a:close/>
                </a:path>
                <a:path w="4707890" h="396239">
                  <a:moveTo>
                    <a:pt x="4707636" y="3048"/>
                  </a:moveTo>
                  <a:lnTo>
                    <a:pt x="4701540" y="3048"/>
                  </a:lnTo>
                  <a:lnTo>
                    <a:pt x="4704588" y="7619"/>
                  </a:lnTo>
                  <a:lnTo>
                    <a:pt x="4707636" y="7619"/>
                  </a:lnTo>
                  <a:lnTo>
                    <a:pt x="4707636" y="3048"/>
                  </a:lnTo>
                  <a:close/>
                </a:path>
              </a:pathLst>
            </a:custGeom>
            <a:solidFill>
              <a:srgbClr val="70AC46"/>
            </a:solidFill>
          </p:spPr>
          <p:txBody>
            <a:bodyPr wrap="square" lIns="0" tIns="0" rIns="0" bIns="0" rtlCol="0"/>
            <a:lstStyle/>
            <a:p>
              <a:endParaRPr sz="1539"/>
            </a:p>
          </p:txBody>
        </p:sp>
        <p:sp>
          <p:nvSpPr>
            <p:cNvPr id="45" name="object 45"/>
            <p:cNvSpPr/>
            <p:nvPr/>
          </p:nvSpPr>
          <p:spPr>
            <a:xfrm>
              <a:off x="5027676" y="4767071"/>
              <a:ext cx="528955" cy="1986280"/>
            </a:xfrm>
            <a:custGeom>
              <a:avLst/>
              <a:gdLst/>
              <a:ahLst/>
              <a:cxnLst/>
              <a:rect l="l" t="t" r="r" b="b"/>
              <a:pathLst>
                <a:path w="528954" h="1986279">
                  <a:moveTo>
                    <a:pt x="515112" y="0"/>
                  </a:moveTo>
                  <a:lnTo>
                    <a:pt x="0" y="3048"/>
                  </a:lnTo>
                  <a:lnTo>
                    <a:pt x="0" y="9144"/>
                  </a:lnTo>
                  <a:lnTo>
                    <a:pt x="515112" y="7620"/>
                  </a:lnTo>
                  <a:lnTo>
                    <a:pt x="515112" y="0"/>
                  </a:lnTo>
                  <a:close/>
                </a:path>
                <a:path w="528954" h="1986279">
                  <a:moveTo>
                    <a:pt x="528828" y="1978164"/>
                  </a:moveTo>
                  <a:lnTo>
                    <a:pt x="0" y="1975116"/>
                  </a:lnTo>
                  <a:lnTo>
                    <a:pt x="0" y="1981212"/>
                  </a:lnTo>
                  <a:lnTo>
                    <a:pt x="528828" y="1985784"/>
                  </a:lnTo>
                  <a:lnTo>
                    <a:pt x="528828" y="1978164"/>
                  </a:lnTo>
                  <a:close/>
                </a:path>
                <a:path w="528954" h="1986279">
                  <a:moveTo>
                    <a:pt x="528828" y="659892"/>
                  </a:moveTo>
                  <a:lnTo>
                    <a:pt x="260604" y="659892"/>
                  </a:lnTo>
                  <a:lnTo>
                    <a:pt x="260604" y="1004316"/>
                  </a:lnTo>
                  <a:lnTo>
                    <a:pt x="0" y="1004316"/>
                  </a:lnTo>
                  <a:lnTo>
                    <a:pt x="0" y="1010412"/>
                  </a:lnTo>
                  <a:lnTo>
                    <a:pt x="268224" y="1010412"/>
                  </a:lnTo>
                  <a:lnTo>
                    <a:pt x="268224" y="1007364"/>
                  </a:lnTo>
                  <a:lnTo>
                    <a:pt x="268224" y="1004316"/>
                  </a:lnTo>
                  <a:lnTo>
                    <a:pt x="268224" y="665988"/>
                  </a:lnTo>
                  <a:lnTo>
                    <a:pt x="528828" y="665988"/>
                  </a:lnTo>
                  <a:lnTo>
                    <a:pt x="528828" y="662940"/>
                  </a:lnTo>
                  <a:lnTo>
                    <a:pt x="528828" y="659892"/>
                  </a:lnTo>
                  <a:close/>
                </a:path>
              </a:pathLst>
            </a:custGeom>
            <a:solidFill>
              <a:srgbClr val="000000"/>
            </a:solidFill>
          </p:spPr>
          <p:txBody>
            <a:bodyPr wrap="square" lIns="0" tIns="0" rIns="0" bIns="0" rtlCol="0"/>
            <a:lstStyle/>
            <a:p>
              <a:endParaRPr sz="1539"/>
            </a:p>
          </p:txBody>
        </p:sp>
        <p:sp>
          <p:nvSpPr>
            <p:cNvPr id="46" name="object 46"/>
            <p:cNvSpPr/>
            <p:nvPr/>
          </p:nvSpPr>
          <p:spPr>
            <a:xfrm>
              <a:off x="5530596" y="917447"/>
              <a:ext cx="4837430" cy="332740"/>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grpSp>
      <p:sp>
        <p:nvSpPr>
          <p:cNvPr id="47" name="object 47"/>
          <p:cNvSpPr txBox="1"/>
          <p:nvPr/>
        </p:nvSpPr>
        <p:spPr>
          <a:xfrm>
            <a:off x="4796581" y="1005623"/>
            <a:ext cx="3841675" cy="5144343"/>
          </a:xfrm>
          <a:prstGeom prst="rect">
            <a:avLst/>
          </a:prstGeom>
        </p:spPr>
        <p:txBody>
          <a:bodyPr vert="horz" wrap="square" lIns="0" tIns="13575" rIns="0" bIns="0" rtlCol="0">
            <a:spAutoFit/>
          </a:bodyPr>
          <a:lstStyle/>
          <a:p>
            <a:pPr marL="163983" algn="ctr">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a:p>
            <a:pPr>
              <a:spcBef>
                <a:spcPts val="325"/>
              </a:spcBef>
            </a:pPr>
            <a:endParaRPr sz="1454">
              <a:latin typeface="HGP創英角ｺﾞｼｯｸUB"/>
              <a:cs typeface="HGP創英角ｺﾞｼｯｸUB"/>
            </a:endParaRPr>
          </a:p>
          <a:p>
            <a:pPr marL="172670" marR="36923" indent="-152037">
              <a:lnSpc>
                <a:spcPct val="120700"/>
              </a:lnSpc>
              <a:buSzPct val="93333"/>
              <a:buAutoNum type="arabicParenR"/>
              <a:tabLst>
                <a:tab pos="185159" algn="l"/>
              </a:tabLst>
            </a:pPr>
            <a:r>
              <a:rPr sz="1283" spc="-4" dirty="0">
                <a:latin typeface="HGSｺﾞｼｯｸM"/>
                <a:cs typeface="HGSｺﾞｼｯｸM"/>
              </a:rPr>
              <a:t>判断の参考となる情報の整理と公表のあり方の検	</a:t>
            </a:r>
            <a:r>
              <a:rPr sz="1283" dirty="0">
                <a:latin typeface="HGSｺﾞｼｯｸM"/>
                <a:cs typeface="HGSｺﾞｼｯｸM"/>
              </a:rPr>
              <a:t>討（各施設分野におけるガイドラインの作成等</a:t>
            </a:r>
            <a:r>
              <a:rPr sz="1283" spc="-43" dirty="0">
                <a:latin typeface="HGSｺﾞｼｯｸM"/>
                <a:cs typeface="HGSｺﾞｼｯｸM"/>
              </a:rPr>
              <a:t>）</a:t>
            </a:r>
            <a:endParaRPr sz="1283">
              <a:latin typeface="HGSｺﾞｼｯｸM"/>
              <a:cs typeface="HGSｺﾞｼｯｸM"/>
            </a:endParaRPr>
          </a:p>
          <a:p>
            <a:pPr marL="173213" indent="-152037">
              <a:spcBef>
                <a:spcPts val="1355"/>
              </a:spcBef>
              <a:buSzPct val="93333"/>
              <a:buAutoNum type="arabicParenR"/>
              <a:tabLst>
                <a:tab pos="173213" algn="l"/>
              </a:tabLst>
            </a:pPr>
            <a:r>
              <a:rPr sz="1283" dirty="0">
                <a:latin typeface="HGSｺﾞｼｯｸM"/>
                <a:cs typeface="HGSｺﾞｼｯｸM"/>
              </a:rPr>
              <a:t>優良事例の横展開（事例集</a:t>
            </a:r>
            <a:r>
              <a:rPr sz="1283" spc="-43" dirty="0">
                <a:latin typeface="HGSｺﾞｼｯｸM"/>
                <a:cs typeface="HGSｺﾞｼｯｸM"/>
              </a:rPr>
              <a:t>）</a:t>
            </a:r>
            <a:endParaRPr sz="1283">
              <a:latin typeface="HGSｺﾞｼｯｸM"/>
              <a:cs typeface="HGSｺﾞｼｯｸM"/>
            </a:endParaRPr>
          </a:p>
          <a:p>
            <a:pPr marL="162897" indent="-152037">
              <a:spcBef>
                <a:spcPts val="1620"/>
              </a:spcBef>
              <a:buSzPct val="93333"/>
              <a:buAutoNum type="arabicParenR"/>
              <a:tabLst>
                <a:tab pos="162897" algn="l"/>
              </a:tabLst>
            </a:pPr>
            <a:r>
              <a:rPr sz="1283" spc="-4" dirty="0">
                <a:latin typeface="HGSｺﾞｼｯｸM"/>
                <a:cs typeface="HGSｺﾞｼｯｸM"/>
              </a:rPr>
              <a:t>老朽化や施設利用の状況の見える化</a:t>
            </a:r>
            <a:endParaRPr sz="1283">
              <a:latin typeface="HGSｺﾞｼｯｸM"/>
              <a:cs typeface="HGSｺﾞｼｯｸM"/>
            </a:endParaRPr>
          </a:p>
          <a:p>
            <a:pPr marL="162897" indent="-152037">
              <a:spcBef>
                <a:spcPts val="1620"/>
              </a:spcBef>
              <a:buSzPct val="93333"/>
              <a:buAutoNum type="arabicParenR"/>
              <a:tabLst>
                <a:tab pos="162897" algn="l"/>
              </a:tabLst>
            </a:pPr>
            <a:r>
              <a:rPr sz="1283" dirty="0">
                <a:latin typeface="HGSｺﾞｼｯｸM"/>
                <a:cs typeface="HGSｺﾞｼｯｸM"/>
              </a:rPr>
              <a:t>優良事例の横展開（事例集</a:t>
            </a:r>
            <a:r>
              <a:rPr sz="1283" spc="-43" dirty="0">
                <a:latin typeface="HGSｺﾞｼｯｸM"/>
                <a:cs typeface="HGSｺﾞｼｯｸM"/>
              </a:rPr>
              <a:t>）</a:t>
            </a:r>
            <a:endParaRPr sz="1283">
              <a:latin typeface="HGSｺﾞｼｯｸM"/>
              <a:cs typeface="HGSｺﾞｼｯｸM"/>
            </a:endParaRPr>
          </a:p>
          <a:p>
            <a:pPr marL="162897" indent="-152037">
              <a:spcBef>
                <a:spcPts val="1620"/>
              </a:spcBef>
              <a:buSzPct val="93333"/>
              <a:buAutoNum type="arabicParenR"/>
              <a:tabLst>
                <a:tab pos="162897" algn="l"/>
              </a:tabLst>
            </a:pPr>
            <a:r>
              <a:rPr sz="1283" spc="-4" dirty="0">
                <a:latin typeface="HGSｺﾞｼｯｸM"/>
                <a:cs typeface="HGSｺﾞｼｯｸM"/>
              </a:rPr>
              <a:t>集約・再編等に係る補助制度等の支援の充実</a:t>
            </a:r>
            <a:endParaRPr sz="1283">
              <a:latin typeface="HGSｺﾞｼｯｸM"/>
              <a:cs typeface="HGSｺﾞｼｯｸM"/>
            </a:endParaRPr>
          </a:p>
          <a:p>
            <a:pPr>
              <a:lnSpc>
                <a:spcPct val="100000"/>
              </a:lnSpc>
            </a:pPr>
            <a:endParaRPr sz="1283">
              <a:latin typeface="HGSｺﾞｼｯｸM"/>
              <a:cs typeface="HGSｺﾞｼｯｸM"/>
            </a:endParaRPr>
          </a:p>
          <a:p>
            <a:pPr>
              <a:spcBef>
                <a:spcPts val="286"/>
              </a:spcBef>
            </a:pPr>
            <a:endParaRPr sz="1283">
              <a:latin typeface="HGSｺﾞｼｯｸM"/>
              <a:cs typeface="HGSｺﾞｼｯｸM"/>
            </a:endParaRPr>
          </a:p>
          <a:p>
            <a:pPr marL="174842" marR="4344" indent="-164526">
              <a:lnSpc>
                <a:spcPct val="120700"/>
              </a:lnSpc>
              <a:buAutoNum type="arabicParenR"/>
              <a:tabLst>
                <a:tab pos="174842" algn="l"/>
                <a:tab pos="217195" algn="l"/>
              </a:tabLst>
            </a:pPr>
            <a:r>
              <a:rPr sz="1283" dirty="0">
                <a:latin typeface="HGSｺﾞｼｯｸM"/>
                <a:cs typeface="HGSｺﾞｼｯｸM"/>
              </a:rPr>
              <a:t>	契約事務の簡素化のための契約方法の工夫（</a:t>
            </a:r>
            <a:r>
              <a:rPr sz="1283" spc="-21" dirty="0">
                <a:latin typeface="HGSｺﾞｼｯｸM"/>
                <a:cs typeface="HGSｺﾞｼｯｸM"/>
              </a:rPr>
              <a:t>包括</a:t>
            </a:r>
            <a:r>
              <a:rPr sz="1283" dirty="0">
                <a:latin typeface="HGSｺﾞｼｯｸM"/>
                <a:cs typeface="HGSｺﾞｼｯｸM"/>
              </a:rPr>
              <a:t>的民間委託等）</a:t>
            </a:r>
            <a:r>
              <a:rPr sz="1283" spc="-9" dirty="0">
                <a:latin typeface="HGSｺﾞｼｯｸM"/>
                <a:cs typeface="HGSｺﾞｼｯｸM"/>
              </a:rPr>
              <a:t>に関する検討</a:t>
            </a:r>
            <a:endParaRPr sz="1283">
              <a:latin typeface="HGSｺﾞｼｯｸM"/>
              <a:cs typeface="HGSｺﾞｼｯｸM"/>
            </a:endParaRPr>
          </a:p>
          <a:p>
            <a:pPr marL="172670" marR="48326" indent="-162897">
              <a:lnSpc>
                <a:spcPct val="120700"/>
              </a:lnSpc>
              <a:spcBef>
                <a:spcPts val="731"/>
              </a:spcBef>
              <a:buAutoNum type="arabicParenR"/>
              <a:tabLst>
                <a:tab pos="185159" algn="l"/>
              </a:tabLst>
            </a:pPr>
            <a:r>
              <a:rPr sz="1283" dirty="0">
                <a:latin typeface="HGSｺﾞｼｯｸM"/>
                <a:cs typeface="HGSｺﾞｼｯｸM"/>
              </a:rPr>
              <a:t>多様な導入事例（ベストプラクティス）</a:t>
            </a:r>
            <a:r>
              <a:rPr sz="1283" spc="-13" dirty="0">
                <a:latin typeface="HGSｺﾞｼｯｸM"/>
                <a:cs typeface="HGSｺﾞｼｯｸM"/>
              </a:rPr>
              <a:t>の収集・	</a:t>
            </a:r>
            <a:r>
              <a:rPr sz="1283" spc="-21" dirty="0">
                <a:latin typeface="HGSｺﾞｼｯｸM"/>
                <a:cs typeface="HGSｺﾞｼｯｸM"/>
              </a:rPr>
              <a:t>整理</a:t>
            </a:r>
            <a:endParaRPr sz="1283">
              <a:latin typeface="HGSｺﾞｼｯｸM"/>
              <a:cs typeface="HGSｺﾞｼｯｸM"/>
            </a:endParaRPr>
          </a:p>
          <a:p>
            <a:pPr marL="172670" marR="97738" indent="-162897">
              <a:lnSpc>
                <a:spcPct val="120700"/>
              </a:lnSpc>
              <a:spcBef>
                <a:spcPts val="714"/>
              </a:spcBef>
              <a:buAutoNum type="arabicParenR"/>
              <a:tabLst>
                <a:tab pos="185159" algn="l"/>
              </a:tabLst>
            </a:pPr>
            <a:r>
              <a:rPr sz="1283" spc="-4" dirty="0">
                <a:latin typeface="HGSｺﾞｼｯｸM"/>
                <a:cs typeface="HGSｺﾞｼｯｸM"/>
              </a:rPr>
              <a:t>手法(包括的民間委託、共同処理等)に関する知識	</a:t>
            </a:r>
            <a:r>
              <a:rPr sz="1283" spc="-9" dirty="0">
                <a:latin typeface="HGSｺﾞｼｯｸM"/>
                <a:cs typeface="HGSｺﾞｼｯｸM"/>
              </a:rPr>
              <a:t>普及・啓発の推進</a:t>
            </a:r>
            <a:endParaRPr sz="1283">
              <a:latin typeface="HGSｺﾞｼｯｸM"/>
              <a:cs typeface="HGSｺﾞｼｯｸM"/>
            </a:endParaRPr>
          </a:p>
          <a:p>
            <a:pPr marL="172670" marR="48326" indent="-162897">
              <a:lnSpc>
                <a:spcPct val="120700"/>
              </a:lnSpc>
              <a:spcBef>
                <a:spcPts val="731"/>
              </a:spcBef>
              <a:buAutoNum type="arabicParenR"/>
              <a:tabLst>
                <a:tab pos="185159" algn="l"/>
              </a:tabLst>
            </a:pPr>
            <a:r>
              <a:rPr sz="1283" spc="-4" dirty="0">
                <a:latin typeface="HGSｺﾞｼｯｸM"/>
                <a:cs typeface="HGSｺﾞｼｯｸM"/>
              </a:rPr>
              <a:t>広域化・共同化の推進に向けた検討及び民間活力	の活用を支援する専門家の派遣等に関する検討</a:t>
            </a:r>
            <a:endParaRPr sz="1283">
              <a:latin typeface="HGSｺﾞｼｯｸM"/>
              <a:cs typeface="HGSｺﾞｼｯｸM"/>
            </a:endParaRPr>
          </a:p>
        </p:txBody>
      </p:sp>
      <p:sp>
        <p:nvSpPr>
          <p:cNvPr id="48" name="object 48"/>
          <p:cNvSpPr txBox="1">
            <a:spLocks noGrp="1"/>
          </p:cNvSpPr>
          <p:nvPr>
            <p:ph type="title"/>
          </p:nvPr>
        </p:nvSpPr>
        <p:spPr>
          <a:xfrm>
            <a:off x="276275" y="80994"/>
            <a:ext cx="6743971" cy="694031"/>
          </a:xfrm>
          <a:prstGeom prst="rect">
            <a:avLst/>
          </a:prstGeom>
        </p:spPr>
        <p:txBody>
          <a:bodyPr vert="horz" wrap="square" lIns="0" tIns="9774" rIns="0" bIns="0" rtlCol="0" anchor="ctr">
            <a:spAutoFit/>
          </a:bodyPr>
          <a:lstStyle/>
          <a:p>
            <a:pPr marL="18462">
              <a:lnSpc>
                <a:spcPct val="100000"/>
              </a:lnSpc>
              <a:spcBef>
                <a:spcPts val="77"/>
              </a:spcBef>
            </a:pPr>
            <a:r>
              <a:rPr spc="-38" dirty="0"/>
              <a:t>インフラメンテナンスにおける取り組むべき項目の課題と当面の進め方</a:t>
            </a:r>
          </a:p>
        </p:txBody>
      </p:sp>
      <p:sp>
        <p:nvSpPr>
          <p:cNvPr id="49" name="object 49"/>
          <p:cNvSpPr/>
          <p:nvPr/>
        </p:nvSpPr>
        <p:spPr>
          <a:xfrm>
            <a:off x="4299201" y="2649370"/>
            <a:ext cx="452313" cy="413217"/>
          </a:xfrm>
          <a:custGeom>
            <a:avLst/>
            <a:gdLst/>
            <a:ahLst/>
            <a:cxnLst/>
            <a:rect l="l" t="t" r="r" b="b"/>
            <a:pathLst>
              <a:path w="528954" h="483235">
                <a:moveTo>
                  <a:pt x="528828" y="0"/>
                </a:moveTo>
                <a:lnTo>
                  <a:pt x="0" y="0"/>
                </a:lnTo>
                <a:lnTo>
                  <a:pt x="0" y="203"/>
                </a:lnTo>
                <a:lnTo>
                  <a:pt x="0" y="2743"/>
                </a:lnTo>
                <a:lnTo>
                  <a:pt x="0" y="6096"/>
                </a:lnTo>
                <a:lnTo>
                  <a:pt x="0" y="6553"/>
                </a:lnTo>
                <a:lnTo>
                  <a:pt x="158648" y="6553"/>
                </a:lnTo>
                <a:lnTo>
                  <a:pt x="254508" y="6832"/>
                </a:lnTo>
                <a:lnTo>
                  <a:pt x="254508" y="476453"/>
                </a:lnTo>
                <a:lnTo>
                  <a:pt x="254508" y="480263"/>
                </a:lnTo>
                <a:lnTo>
                  <a:pt x="254508" y="482803"/>
                </a:lnTo>
                <a:lnTo>
                  <a:pt x="515112" y="482803"/>
                </a:lnTo>
                <a:lnTo>
                  <a:pt x="515112" y="480263"/>
                </a:lnTo>
                <a:lnTo>
                  <a:pt x="258902" y="480263"/>
                </a:lnTo>
                <a:lnTo>
                  <a:pt x="258902" y="478358"/>
                </a:lnTo>
                <a:lnTo>
                  <a:pt x="260604" y="480060"/>
                </a:lnTo>
                <a:lnTo>
                  <a:pt x="515112" y="480060"/>
                </a:lnTo>
                <a:lnTo>
                  <a:pt x="515112" y="477012"/>
                </a:lnTo>
                <a:lnTo>
                  <a:pt x="260604" y="477012"/>
                </a:lnTo>
                <a:lnTo>
                  <a:pt x="258902" y="477012"/>
                </a:lnTo>
                <a:lnTo>
                  <a:pt x="258902" y="476453"/>
                </a:lnTo>
                <a:lnTo>
                  <a:pt x="260604" y="476453"/>
                </a:lnTo>
                <a:lnTo>
                  <a:pt x="260604" y="6858"/>
                </a:lnTo>
                <a:lnTo>
                  <a:pt x="528828" y="7620"/>
                </a:lnTo>
                <a:lnTo>
                  <a:pt x="528828" y="0"/>
                </a:lnTo>
                <a:close/>
              </a:path>
            </a:pathLst>
          </a:custGeom>
          <a:solidFill>
            <a:srgbClr val="000000"/>
          </a:solidFill>
        </p:spPr>
        <p:txBody>
          <a:bodyPr wrap="square" lIns="0" tIns="0" rIns="0" bIns="0" rtlCol="0"/>
          <a:lstStyle/>
          <a:p>
            <a:endParaRPr sz="1539"/>
          </a:p>
        </p:txBody>
      </p:sp>
      <p:sp>
        <p:nvSpPr>
          <p:cNvPr id="50" name="object 50"/>
          <p:cNvSpPr txBox="1">
            <a:spLocks noGrp="1"/>
          </p:cNvSpPr>
          <p:nvPr>
            <p:ph type="sldNum" sz="quarter" idx="7"/>
          </p:nvPr>
        </p:nvSpPr>
        <p:spPr>
          <a:xfrm>
            <a:off x="5522237" y="5690767"/>
            <a:ext cx="1759297" cy="192360"/>
          </a:xfrm>
          <a:prstGeom prst="rect">
            <a:avLst/>
          </a:prstGeom>
        </p:spPr>
        <p:txBody>
          <a:bodyPr vert="horz" wrap="square" lIns="0" tIns="0" rIns="0" bIns="0" rtlCol="0" anchor="ctr">
            <a:spAutoFit/>
          </a:bodyPr>
          <a:lstStyle/>
          <a:p>
            <a:pPr marL="99367">
              <a:lnSpc>
                <a:spcPts val="1548"/>
              </a:lnSpc>
            </a:pPr>
            <a:fld id="{81D60167-4931-47E6-BA6A-407CBD079E47}" type="slidenum">
              <a:rPr spc="-43" dirty="0"/>
              <a:pPr marL="99367">
                <a:lnSpc>
                  <a:spcPts val="1548"/>
                </a:lnSpc>
              </a:pPr>
              <a:t>50</a:t>
            </a:fld>
            <a:endParaRPr spc="-43" dirty="0"/>
          </a:p>
        </p:txBody>
      </p:sp>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81143" y="926562"/>
            <a:ext cx="8779652" cy="5364227"/>
            <a:chOff x="211836" y="854963"/>
            <a:chExt cx="10267315" cy="6273165"/>
          </a:xfrm>
        </p:grpSpPr>
        <p:sp>
          <p:nvSpPr>
            <p:cNvPr id="3" name="object 3"/>
            <p:cNvSpPr/>
            <p:nvPr/>
          </p:nvSpPr>
          <p:spPr>
            <a:xfrm>
              <a:off x="211836" y="854963"/>
              <a:ext cx="10267315" cy="6273165"/>
            </a:xfrm>
            <a:custGeom>
              <a:avLst/>
              <a:gdLst/>
              <a:ahLst/>
              <a:cxnLst/>
              <a:rect l="l" t="t" r="r" b="b"/>
              <a:pathLst>
                <a:path w="10267315" h="6273165">
                  <a:moveTo>
                    <a:pt x="10265664" y="0"/>
                  </a:moveTo>
                  <a:lnTo>
                    <a:pt x="3048" y="0"/>
                  </a:lnTo>
                  <a:lnTo>
                    <a:pt x="0" y="1524"/>
                  </a:lnTo>
                  <a:lnTo>
                    <a:pt x="0" y="6269741"/>
                  </a:lnTo>
                  <a:lnTo>
                    <a:pt x="3048" y="6272789"/>
                  </a:lnTo>
                  <a:lnTo>
                    <a:pt x="10265664" y="6272789"/>
                  </a:lnTo>
                  <a:lnTo>
                    <a:pt x="10267188" y="6269741"/>
                  </a:lnTo>
                  <a:lnTo>
                    <a:pt x="10267188" y="6266693"/>
                  </a:lnTo>
                  <a:lnTo>
                    <a:pt x="10667" y="6266693"/>
                  </a:lnTo>
                  <a:lnTo>
                    <a:pt x="4571" y="6262121"/>
                  </a:lnTo>
                  <a:lnTo>
                    <a:pt x="10667" y="6262121"/>
                  </a:lnTo>
                  <a:lnTo>
                    <a:pt x="10667" y="9144"/>
                  </a:lnTo>
                  <a:lnTo>
                    <a:pt x="4571" y="9144"/>
                  </a:lnTo>
                  <a:lnTo>
                    <a:pt x="10667" y="4572"/>
                  </a:lnTo>
                  <a:lnTo>
                    <a:pt x="10267188" y="4572"/>
                  </a:lnTo>
                  <a:lnTo>
                    <a:pt x="10267188" y="1524"/>
                  </a:lnTo>
                  <a:lnTo>
                    <a:pt x="10265664" y="0"/>
                  </a:lnTo>
                  <a:close/>
                </a:path>
                <a:path w="10267315" h="6273165">
                  <a:moveTo>
                    <a:pt x="10667" y="6262121"/>
                  </a:moveTo>
                  <a:lnTo>
                    <a:pt x="4571" y="6262121"/>
                  </a:lnTo>
                  <a:lnTo>
                    <a:pt x="10667" y="6266693"/>
                  </a:lnTo>
                  <a:lnTo>
                    <a:pt x="10667" y="6262121"/>
                  </a:lnTo>
                  <a:close/>
                </a:path>
                <a:path w="10267315" h="6273165">
                  <a:moveTo>
                    <a:pt x="10258044" y="6262121"/>
                  </a:moveTo>
                  <a:lnTo>
                    <a:pt x="10667" y="6262121"/>
                  </a:lnTo>
                  <a:lnTo>
                    <a:pt x="10667" y="6266693"/>
                  </a:lnTo>
                  <a:lnTo>
                    <a:pt x="10258044" y="6266693"/>
                  </a:lnTo>
                  <a:lnTo>
                    <a:pt x="10258044" y="6262121"/>
                  </a:lnTo>
                  <a:close/>
                </a:path>
                <a:path w="10267315" h="6273165">
                  <a:moveTo>
                    <a:pt x="10258044" y="4572"/>
                  </a:moveTo>
                  <a:lnTo>
                    <a:pt x="10258044" y="6266693"/>
                  </a:lnTo>
                  <a:lnTo>
                    <a:pt x="10262616" y="6262121"/>
                  </a:lnTo>
                  <a:lnTo>
                    <a:pt x="10267188" y="6262121"/>
                  </a:lnTo>
                  <a:lnTo>
                    <a:pt x="10267188" y="9144"/>
                  </a:lnTo>
                  <a:lnTo>
                    <a:pt x="10262616" y="9144"/>
                  </a:lnTo>
                  <a:lnTo>
                    <a:pt x="10258044" y="4572"/>
                  </a:lnTo>
                  <a:close/>
                </a:path>
                <a:path w="10267315" h="6273165">
                  <a:moveTo>
                    <a:pt x="10267188" y="6262121"/>
                  </a:moveTo>
                  <a:lnTo>
                    <a:pt x="10262616" y="6262121"/>
                  </a:lnTo>
                  <a:lnTo>
                    <a:pt x="10258044" y="6266693"/>
                  </a:lnTo>
                  <a:lnTo>
                    <a:pt x="10267188" y="6266693"/>
                  </a:lnTo>
                  <a:lnTo>
                    <a:pt x="10267188" y="6262121"/>
                  </a:lnTo>
                  <a:close/>
                </a:path>
                <a:path w="10267315" h="6273165">
                  <a:moveTo>
                    <a:pt x="10667" y="4572"/>
                  </a:moveTo>
                  <a:lnTo>
                    <a:pt x="4571" y="9144"/>
                  </a:lnTo>
                  <a:lnTo>
                    <a:pt x="10667" y="9144"/>
                  </a:lnTo>
                  <a:lnTo>
                    <a:pt x="10667" y="4572"/>
                  </a:lnTo>
                  <a:close/>
                </a:path>
                <a:path w="10267315" h="6273165">
                  <a:moveTo>
                    <a:pt x="10258044" y="4572"/>
                  </a:moveTo>
                  <a:lnTo>
                    <a:pt x="10667" y="4572"/>
                  </a:lnTo>
                  <a:lnTo>
                    <a:pt x="10667" y="9144"/>
                  </a:lnTo>
                  <a:lnTo>
                    <a:pt x="10258044" y="9144"/>
                  </a:lnTo>
                  <a:lnTo>
                    <a:pt x="10258044" y="4572"/>
                  </a:lnTo>
                  <a:close/>
                </a:path>
                <a:path w="10267315" h="6273165">
                  <a:moveTo>
                    <a:pt x="10267188" y="4572"/>
                  </a:moveTo>
                  <a:lnTo>
                    <a:pt x="10258044" y="4572"/>
                  </a:lnTo>
                  <a:lnTo>
                    <a:pt x="10262616" y="9144"/>
                  </a:lnTo>
                  <a:lnTo>
                    <a:pt x="10267188" y="9144"/>
                  </a:lnTo>
                  <a:lnTo>
                    <a:pt x="10267188" y="4572"/>
                  </a:lnTo>
                  <a:close/>
                </a:path>
              </a:pathLst>
            </a:custGeom>
            <a:solidFill>
              <a:srgbClr val="4472C3"/>
            </a:solidFill>
          </p:spPr>
          <p:txBody>
            <a:bodyPr wrap="square" lIns="0" tIns="0" rIns="0" bIns="0" rtlCol="0"/>
            <a:lstStyle/>
            <a:p>
              <a:endParaRPr sz="1539"/>
            </a:p>
          </p:txBody>
        </p:sp>
        <p:sp>
          <p:nvSpPr>
            <p:cNvPr id="4" name="object 4"/>
            <p:cNvSpPr/>
            <p:nvPr/>
          </p:nvSpPr>
          <p:spPr>
            <a:xfrm>
              <a:off x="5027676" y="2029967"/>
              <a:ext cx="528955" cy="472440"/>
            </a:xfrm>
            <a:custGeom>
              <a:avLst/>
              <a:gdLst/>
              <a:ahLst/>
              <a:cxnLst/>
              <a:rect l="l" t="t" r="r" b="b"/>
              <a:pathLst>
                <a:path w="528954" h="472439">
                  <a:moveTo>
                    <a:pt x="260603" y="464819"/>
                  </a:moveTo>
                  <a:lnTo>
                    <a:pt x="0" y="464819"/>
                  </a:lnTo>
                  <a:lnTo>
                    <a:pt x="0" y="472439"/>
                  </a:lnTo>
                  <a:lnTo>
                    <a:pt x="268224" y="472439"/>
                  </a:lnTo>
                  <a:lnTo>
                    <a:pt x="268224" y="467867"/>
                  </a:lnTo>
                  <a:lnTo>
                    <a:pt x="260603" y="467867"/>
                  </a:lnTo>
                  <a:lnTo>
                    <a:pt x="260603" y="464819"/>
                  </a:lnTo>
                  <a:close/>
                </a:path>
                <a:path w="528954" h="472439">
                  <a:moveTo>
                    <a:pt x="528827" y="0"/>
                  </a:moveTo>
                  <a:lnTo>
                    <a:pt x="260603" y="0"/>
                  </a:lnTo>
                  <a:lnTo>
                    <a:pt x="260603" y="467867"/>
                  </a:lnTo>
                  <a:lnTo>
                    <a:pt x="263651" y="464819"/>
                  </a:lnTo>
                  <a:lnTo>
                    <a:pt x="268224" y="464819"/>
                  </a:lnTo>
                  <a:lnTo>
                    <a:pt x="268224" y="7619"/>
                  </a:lnTo>
                  <a:lnTo>
                    <a:pt x="263651" y="7619"/>
                  </a:lnTo>
                  <a:lnTo>
                    <a:pt x="268224" y="4571"/>
                  </a:lnTo>
                  <a:lnTo>
                    <a:pt x="528827" y="4571"/>
                  </a:lnTo>
                  <a:lnTo>
                    <a:pt x="528827" y="0"/>
                  </a:lnTo>
                  <a:close/>
                </a:path>
                <a:path w="528954" h="472439">
                  <a:moveTo>
                    <a:pt x="268224" y="464819"/>
                  </a:moveTo>
                  <a:lnTo>
                    <a:pt x="263651" y="464819"/>
                  </a:lnTo>
                  <a:lnTo>
                    <a:pt x="260603" y="467867"/>
                  </a:lnTo>
                  <a:lnTo>
                    <a:pt x="268224" y="467867"/>
                  </a:lnTo>
                  <a:lnTo>
                    <a:pt x="268224" y="464819"/>
                  </a:lnTo>
                  <a:close/>
                </a:path>
                <a:path w="528954" h="472439">
                  <a:moveTo>
                    <a:pt x="268224" y="4571"/>
                  </a:moveTo>
                  <a:lnTo>
                    <a:pt x="263651" y="7619"/>
                  </a:lnTo>
                  <a:lnTo>
                    <a:pt x="268224" y="7619"/>
                  </a:lnTo>
                  <a:lnTo>
                    <a:pt x="268224" y="4571"/>
                  </a:lnTo>
                  <a:close/>
                </a:path>
                <a:path w="528954" h="472439">
                  <a:moveTo>
                    <a:pt x="528827" y="4571"/>
                  </a:moveTo>
                  <a:lnTo>
                    <a:pt x="268224" y="4571"/>
                  </a:lnTo>
                  <a:lnTo>
                    <a:pt x="268224" y="7619"/>
                  </a:lnTo>
                  <a:lnTo>
                    <a:pt x="528827" y="7619"/>
                  </a:lnTo>
                  <a:lnTo>
                    <a:pt x="528827" y="4571"/>
                  </a:lnTo>
                  <a:close/>
                </a:path>
              </a:pathLst>
            </a:custGeom>
            <a:solidFill>
              <a:srgbClr val="000000"/>
            </a:solidFill>
          </p:spPr>
          <p:txBody>
            <a:bodyPr wrap="square" lIns="0" tIns="0" rIns="0" bIns="0" rtlCol="0"/>
            <a:lstStyle/>
            <a:p>
              <a:endParaRPr sz="1539"/>
            </a:p>
          </p:txBody>
        </p:sp>
        <p:pic>
          <p:nvPicPr>
            <p:cNvPr id="5" name="object 5"/>
            <p:cNvPicPr/>
            <p:nvPr/>
          </p:nvPicPr>
          <p:blipFill>
            <a:blip r:embed="rId2" cstate="print"/>
            <a:stretch>
              <a:fillRect/>
            </a:stretch>
          </p:blipFill>
          <p:spPr>
            <a:xfrm>
              <a:off x="5556503" y="2772156"/>
              <a:ext cx="4700015" cy="388620"/>
            </a:xfrm>
            <a:prstGeom prst="rect">
              <a:avLst/>
            </a:prstGeom>
          </p:spPr>
        </p:pic>
        <p:sp>
          <p:nvSpPr>
            <p:cNvPr id="6" name="object 6"/>
            <p:cNvSpPr/>
            <p:nvPr/>
          </p:nvSpPr>
          <p:spPr>
            <a:xfrm>
              <a:off x="5553456" y="2769108"/>
              <a:ext cx="4707890" cy="394970"/>
            </a:xfrm>
            <a:custGeom>
              <a:avLst/>
              <a:gdLst/>
              <a:ahLst/>
              <a:cxnLst/>
              <a:rect l="l" t="t" r="r" b="b"/>
              <a:pathLst>
                <a:path w="4707890" h="394969">
                  <a:moveTo>
                    <a:pt x="4707636" y="0"/>
                  </a:moveTo>
                  <a:lnTo>
                    <a:pt x="0" y="0"/>
                  </a:lnTo>
                  <a:lnTo>
                    <a:pt x="0" y="394715"/>
                  </a:lnTo>
                  <a:lnTo>
                    <a:pt x="4707636" y="394715"/>
                  </a:lnTo>
                  <a:lnTo>
                    <a:pt x="4707636" y="391667"/>
                  </a:lnTo>
                  <a:lnTo>
                    <a:pt x="6096" y="391667"/>
                  </a:lnTo>
                  <a:lnTo>
                    <a:pt x="3048" y="387096"/>
                  </a:lnTo>
                  <a:lnTo>
                    <a:pt x="6096" y="387096"/>
                  </a:lnTo>
                  <a:lnTo>
                    <a:pt x="6096" y="6096"/>
                  </a:lnTo>
                  <a:lnTo>
                    <a:pt x="3048" y="6096"/>
                  </a:lnTo>
                  <a:lnTo>
                    <a:pt x="6096" y="3048"/>
                  </a:lnTo>
                  <a:lnTo>
                    <a:pt x="4707636" y="3048"/>
                  </a:lnTo>
                  <a:lnTo>
                    <a:pt x="4707636" y="0"/>
                  </a:lnTo>
                  <a:close/>
                </a:path>
                <a:path w="4707890" h="394969">
                  <a:moveTo>
                    <a:pt x="6096" y="387096"/>
                  </a:moveTo>
                  <a:lnTo>
                    <a:pt x="3048" y="387096"/>
                  </a:lnTo>
                  <a:lnTo>
                    <a:pt x="6096" y="391667"/>
                  </a:lnTo>
                  <a:lnTo>
                    <a:pt x="6096" y="387096"/>
                  </a:lnTo>
                  <a:close/>
                </a:path>
                <a:path w="4707890" h="394969">
                  <a:moveTo>
                    <a:pt x="4700016" y="387096"/>
                  </a:moveTo>
                  <a:lnTo>
                    <a:pt x="6096" y="387096"/>
                  </a:lnTo>
                  <a:lnTo>
                    <a:pt x="6096" y="391667"/>
                  </a:lnTo>
                  <a:lnTo>
                    <a:pt x="4700016" y="391667"/>
                  </a:lnTo>
                  <a:lnTo>
                    <a:pt x="4700016" y="387096"/>
                  </a:lnTo>
                  <a:close/>
                </a:path>
                <a:path w="4707890" h="394969">
                  <a:moveTo>
                    <a:pt x="4700016" y="3048"/>
                  </a:moveTo>
                  <a:lnTo>
                    <a:pt x="4700016" y="391667"/>
                  </a:lnTo>
                  <a:lnTo>
                    <a:pt x="4703064" y="387096"/>
                  </a:lnTo>
                  <a:lnTo>
                    <a:pt x="4707636" y="387096"/>
                  </a:lnTo>
                  <a:lnTo>
                    <a:pt x="4707636" y="6096"/>
                  </a:lnTo>
                  <a:lnTo>
                    <a:pt x="4703064" y="6096"/>
                  </a:lnTo>
                  <a:lnTo>
                    <a:pt x="4700016" y="3048"/>
                  </a:lnTo>
                  <a:close/>
                </a:path>
                <a:path w="4707890" h="394969">
                  <a:moveTo>
                    <a:pt x="4707636" y="387096"/>
                  </a:moveTo>
                  <a:lnTo>
                    <a:pt x="4703064" y="387096"/>
                  </a:lnTo>
                  <a:lnTo>
                    <a:pt x="4700016" y="391667"/>
                  </a:lnTo>
                  <a:lnTo>
                    <a:pt x="4707636" y="391667"/>
                  </a:lnTo>
                  <a:lnTo>
                    <a:pt x="4707636" y="387096"/>
                  </a:lnTo>
                  <a:close/>
                </a:path>
                <a:path w="4707890" h="394969">
                  <a:moveTo>
                    <a:pt x="6096" y="3048"/>
                  </a:moveTo>
                  <a:lnTo>
                    <a:pt x="3048" y="6096"/>
                  </a:lnTo>
                  <a:lnTo>
                    <a:pt x="6096" y="6096"/>
                  </a:lnTo>
                  <a:lnTo>
                    <a:pt x="6096" y="3048"/>
                  </a:lnTo>
                  <a:close/>
                </a:path>
                <a:path w="4707890" h="394969">
                  <a:moveTo>
                    <a:pt x="4700016" y="3048"/>
                  </a:moveTo>
                  <a:lnTo>
                    <a:pt x="6096" y="3048"/>
                  </a:lnTo>
                  <a:lnTo>
                    <a:pt x="6096" y="6096"/>
                  </a:lnTo>
                  <a:lnTo>
                    <a:pt x="4700016" y="6096"/>
                  </a:lnTo>
                  <a:lnTo>
                    <a:pt x="4700016" y="3048"/>
                  </a:lnTo>
                  <a:close/>
                </a:path>
                <a:path w="4707890" h="394969">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grpSp>
      <p:sp>
        <p:nvSpPr>
          <p:cNvPr id="7" name="object 7"/>
          <p:cNvSpPr txBox="1"/>
          <p:nvPr/>
        </p:nvSpPr>
        <p:spPr>
          <a:xfrm>
            <a:off x="4807008" y="2628086"/>
            <a:ext cx="1652327"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3)資格制度の活用促進</a:t>
            </a:r>
            <a:endParaRPr sz="1283">
              <a:latin typeface="HGSｺﾞｼｯｸM"/>
              <a:cs typeface="HGSｺﾞｼｯｸM"/>
            </a:endParaRPr>
          </a:p>
        </p:txBody>
      </p:sp>
      <p:grpSp>
        <p:nvGrpSpPr>
          <p:cNvPr id="8" name="object 8"/>
          <p:cNvGrpSpPr/>
          <p:nvPr/>
        </p:nvGrpSpPr>
        <p:grpSpPr>
          <a:xfrm>
            <a:off x="276275" y="2163283"/>
            <a:ext cx="4025749" cy="337742"/>
            <a:chOff x="323088" y="2301239"/>
            <a:chExt cx="4707890" cy="394970"/>
          </a:xfrm>
        </p:grpSpPr>
        <p:pic>
          <p:nvPicPr>
            <p:cNvPr id="9" name="object 9"/>
            <p:cNvPicPr/>
            <p:nvPr/>
          </p:nvPicPr>
          <p:blipFill>
            <a:blip r:embed="rId3" cstate="print"/>
            <a:stretch>
              <a:fillRect/>
            </a:stretch>
          </p:blipFill>
          <p:spPr>
            <a:xfrm>
              <a:off x="327660" y="2304287"/>
              <a:ext cx="4700016" cy="388620"/>
            </a:xfrm>
            <a:prstGeom prst="rect">
              <a:avLst/>
            </a:prstGeom>
          </p:spPr>
        </p:pic>
        <p:sp>
          <p:nvSpPr>
            <p:cNvPr id="10" name="object 10"/>
            <p:cNvSpPr/>
            <p:nvPr/>
          </p:nvSpPr>
          <p:spPr>
            <a:xfrm>
              <a:off x="323088" y="2301239"/>
              <a:ext cx="4707890" cy="394970"/>
            </a:xfrm>
            <a:custGeom>
              <a:avLst/>
              <a:gdLst/>
              <a:ahLst/>
              <a:cxnLst/>
              <a:rect l="l" t="t" r="r" b="b"/>
              <a:pathLst>
                <a:path w="4707890" h="394969">
                  <a:moveTo>
                    <a:pt x="4707636" y="0"/>
                  </a:moveTo>
                  <a:lnTo>
                    <a:pt x="0" y="0"/>
                  </a:lnTo>
                  <a:lnTo>
                    <a:pt x="0" y="394716"/>
                  </a:lnTo>
                  <a:lnTo>
                    <a:pt x="4707636" y="394716"/>
                  </a:lnTo>
                  <a:lnTo>
                    <a:pt x="4707636" y="391668"/>
                  </a:lnTo>
                  <a:lnTo>
                    <a:pt x="7619" y="391668"/>
                  </a:lnTo>
                  <a:lnTo>
                    <a:pt x="4571" y="387096"/>
                  </a:lnTo>
                  <a:lnTo>
                    <a:pt x="7619" y="387096"/>
                  </a:lnTo>
                  <a:lnTo>
                    <a:pt x="7619" y="6096"/>
                  </a:lnTo>
                  <a:lnTo>
                    <a:pt x="4571" y="6096"/>
                  </a:lnTo>
                  <a:lnTo>
                    <a:pt x="7619" y="3048"/>
                  </a:lnTo>
                  <a:lnTo>
                    <a:pt x="4707636" y="3048"/>
                  </a:lnTo>
                  <a:lnTo>
                    <a:pt x="4707636" y="0"/>
                  </a:lnTo>
                  <a:close/>
                </a:path>
                <a:path w="4707890" h="394969">
                  <a:moveTo>
                    <a:pt x="7619" y="387096"/>
                  </a:moveTo>
                  <a:lnTo>
                    <a:pt x="4571" y="387096"/>
                  </a:lnTo>
                  <a:lnTo>
                    <a:pt x="7619" y="391668"/>
                  </a:lnTo>
                  <a:lnTo>
                    <a:pt x="7619" y="387096"/>
                  </a:lnTo>
                  <a:close/>
                </a:path>
                <a:path w="4707890" h="394969">
                  <a:moveTo>
                    <a:pt x="4701540" y="387096"/>
                  </a:moveTo>
                  <a:lnTo>
                    <a:pt x="7619" y="387096"/>
                  </a:lnTo>
                  <a:lnTo>
                    <a:pt x="7619" y="391668"/>
                  </a:lnTo>
                  <a:lnTo>
                    <a:pt x="4701540" y="391668"/>
                  </a:lnTo>
                  <a:lnTo>
                    <a:pt x="4701540" y="387096"/>
                  </a:lnTo>
                  <a:close/>
                </a:path>
                <a:path w="4707890" h="394969">
                  <a:moveTo>
                    <a:pt x="4701540" y="3048"/>
                  </a:moveTo>
                  <a:lnTo>
                    <a:pt x="4701540" y="391668"/>
                  </a:lnTo>
                  <a:lnTo>
                    <a:pt x="4704588" y="387096"/>
                  </a:lnTo>
                  <a:lnTo>
                    <a:pt x="4707636" y="387096"/>
                  </a:lnTo>
                  <a:lnTo>
                    <a:pt x="4707636" y="6096"/>
                  </a:lnTo>
                  <a:lnTo>
                    <a:pt x="4704588" y="6096"/>
                  </a:lnTo>
                  <a:lnTo>
                    <a:pt x="4701540" y="3048"/>
                  </a:lnTo>
                  <a:close/>
                </a:path>
                <a:path w="4707890" h="394969">
                  <a:moveTo>
                    <a:pt x="4707636" y="387096"/>
                  </a:moveTo>
                  <a:lnTo>
                    <a:pt x="4704588" y="387096"/>
                  </a:lnTo>
                  <a:lnTo>
                    <a:pt x="4701540" y="391668"/>
                  </a:lnTo>
                  <a:lnTo>
                    <a:pt x="4707636" y="391668"/>
                  </a:lnTo>
                  <a:lnTo>
                    <a:pt x="4707636" y="387096"/>
                  </a:lnTo>
                  <a:close/>
                </a:path>
                <a:path w="4707890" h="394969">
                  <a:moveTo>
                    <a:pt x="7619" y="3048"/>
                  </a:moveTo>
                  <a:lnTo>
                    <a:pt x="4571" y="6096"/>
                  </a:lnTo>
                  <a:lnTo>
                    <a:pt x="7619" y="6096"/>
                  </a:lnTo>
                  <a:lnTo>
                    <a:pt x="7619" y="3048"/>
                  </a:lnTo>
                  <a:close/>
                </a:path>
                <a:path w="4707890" h="394969">
                  <a:moveTo>
                    <a:pt x="4701540" y="3048"/>
                  </a:moveTo>
                  <a:lnTo>
                    <a:pt x="7619" y="3048"/>
                  </a:lnTo>
                  <a:lnTo>
                    <a:pt x="7619" y="6096"/>
                  </a:lnTo>
                  <a:lnTo>
                    <a:pt x="4701540" y="6096"/>
                  </a:lnTo>
                  <a:lnTo>
                    <a:pt x="4701540" y="3048"/>
                  </a:lnTo>
                  <a:close/>
                </a:path>
                <a:path w="4707890" h="394969">
                  <a:moveTo>
                    <a:pt x="4707636" y="3048"/>
                  </a:moveTo>
                  <a:lnTo>
                    <a:pt x="4701540" y="3048"/>
                  </a:lnTo>
                  <a:lnTo>
                    <a:pt x="4704588" y="6096"/>
                  </a:lnTo>
                  <a:lnTo>
                    <a:pt x="4707636" y="6096"/>
                  </a:lnTo>
                  <a:lnTo>
                    <a:pt x="4707636" y="3048"/>
                  </a:lnTo>
                  <a:close/>
                </a:path>
              </a:pathLst>
            </a:custGeom>
            <a:solidFill>
              <a:srgbClr val="ED7C31"/>
            </a:solidFill>
          </p:spPr>
          <p:txBody>
            <a:bodyPr wrap="square" lIns="0" tIns="0" rIns="0" bIns="0" rtlCol="0"/>
            <a:lstStyle/>
            <a:p>
              <a:endParaRPr sz="1539"/>
            </a:p>
          </p:txBody>
        </p:sp>
      </p:grpSp>
      <p:sp>
        <p:nvSpPr>
          <p:cNvPr id="11" name="object 11"/>
          <p:cNvSpPr txBox="1"/>
          <p:nvPr/>
        </p:nvSpPr>
        <p:spPr>
          <a:xfrm>
            <a:off x="335787" y="2228009"/>
            <a:ext cx="2813246" cy="209489"/>
          </a:xfrm>
          <a:prstGeom prst="rect">
            <a:avLst/>
          </a:prstGeom>
        </p:spPr>
        <p:txBody>
          <a:bodyPr vert="horz" wrap="square" lIns="0" tIns="11946" rIns="0" bIns="0" rtlCol="0">
            <a:spAutoFit/>
          </a:bodyPr>
          <a:lstStyle/>
          <a:p>
            <a:pPr marL="10860">
              <a:spcBef>
                <a:spcPts val="94"/>
              </a:spcBef>
            </a:pPr>
            <a:r>
              <a:rPr sz="1283" spc="-4" dirty="0">
                <a:latin typeface="HGSｺﾞｼｯｸM"/>
                <a:cs typeface="HGSｺﾞｼｯｸM"/>
              </a:rPr>
              <a:t>・メンテナンス分野を担う人材が不足</a:t>
            </a:r>
            <a:endParaRPr sz="1283">
              <a:latin typeface="HGSｺﾞｼｯｸM"/>
              <a:cs typeface="HGSｺﾞｼｯｸM"/>
            </a:endParaRPr>
          </a:p>
        </p:txBody>
      </p:sp>
      <p:grpSp>
        <p:nvGrpSpPr>
          <p:cNvPr id="12" name="object 12"/>
          <p:cNvGrpSpPr/>
          <p:nvPr/>
        </p:nvGrpSpPr>
        <p:grpSpPr>
          <a:xfrm>
            <a:off x="4748798" y="1765813"/>
            <a:ext cx="4025749" cy="337742"/>
            <a:chOff x="5553455" y="1836420"/>
            <a:chExt cx="4707890" cy="394970"/>
          </a:xfrm>
        </p:grpSpPr>
        <p:pic>
          <p:nvPicPr>
            <p:cNvPr id="13" name="object 13"/>
            <p:cNvPicPr/>
            <p:nvPr/>
          </p:nvPicPr>
          <p:blipFill>
            <a:blip r:embed="rId2" cstate="print"/>
            <a:stretch>
              <a:fillRect/>
            </a:stretch>
          </p:blipFill>
          <p:spPr>
            <a:xfrm>
              <a:off x="5556503" y="1839468"/>
              <a:ext cx="4700015" cy="388620"/>
            </a:xfrm>
            <a:prstGeom prst="rect">
              <a:avLst/>
            </a:prstGeom>
          </p:spPr>
        </p:pic>
        <p:sp>
          <p:nvSpPr>
            <p:cNvPr id="14" name="object 14"/>
            <p:cNvSpPr/>
            <p:nvPr/>
          </p:nvSpPr>
          <p:spPr>
            <a:xfrm>
              <a:off x="5553455" y="1836420"/>
              <a:ext cx="4707890" cy="394970"/>
            </a:xfrm>
            <a:custGeom>
              <a:avLst/>
              <a:gdLst/>
              <a:ahLst/>
              <a:cxnLst/>
              <a:rect l="l" t="t" r="r" b="b"/>
              <a:pathLst>
                <a:path w="4707890" h="394969">
                  <a:moveTo>
                    <a:pt x="4707636" y="0"/>
                  </a:moveTo>
                  <a:lnTo>
                    <a:pt x="0" y="0"/>
                  </a:lnTo>
                  <a:lnTo>
                    <a:pt x="0" y="394715"/>
                  </a:lnTo>
                  <a:lnTo>
                    <a:pt x="4707636" y="394715"/>
                  </a:lnTo>
                  <a:lnTo>
                    <a:pt x="4707636" y="391667"/>
                  </a:lnTo>
                  <a:lnTo>
                    <a:pt x="6096" y="391667"/>
                  </a:lnTo>
                  <a:lnTo>
                    <a:pt x="3048" y="388619"/>
                  </a:lnTo>
                  <a:lnTo>
                    <a:pt x="6096" y="388619"/>
                  </a:lnTo>
                  <a:lnTo>
                    <a:pt x="6096" y="7619"/>
                  </a:lnTo>
                  <a:lnTo>
                    <a:pt x="3048" y="7619"/>
                  </a:lnTo>
                  <a:lnTo>
                    <a:pt x="6096" y="3048"/>
                  </a:lnTo>
                  <a:lnTo>
                    <a:pt x="4707636" y="3048"/>
                  </a:lnTo>
                  <a:lnTo>
                    <a:pt x="4707636" y="0"/>
                  </a:lnTo>
                  <a:close/>
                </a:path>
                <a:path w="4707890" h="394969">
                  <a:moveTo>
                    <a:pt x="6096" y="388619"/>
                  </a:moveTo>
                  <a:lnTo>
                    <a:pt x="3048" y="388619"/>
                  </a:lnTo>
                  <a:lnTo>
                    <a:pt x="6096" y="391667"/>
                  </a:lnTo>
                  <a:lnTo>
                    <a:pt x="6096" y="388619"/>
                  </a:lnTo>
                  <a:close/>
                </a:path>
                <a:path w="4707890" h="394969">
                  <a:moveTo>
                    <a:pt x="4700016" y="388619"/>
                  </a:moveTo>
                  <a:lnTo>
                    <a:pt x="6096" y="388619"/>
                  </a:lnTo>
                  <a:lnTo>
                    <a:pt x="6096" y="391667"/>
                  </a:lnTo>
                  <a:lnTo>
                    <a:pt x="4700016" y="391667"/>
                  </a:lnTo>
                  <a:lnTo>
                    <a:pt x="4700016" y="388619"/>
                  </a:lnTo>
                  <a:close/>
                </a:path>
                <a:path w="4707890" h="394969">
                  <a:moveTo>
                    <a:pt x="4700016" y="3048"/>
                  </a:moveTo>
                  <a:lnTo>
                    <a:pt x="4700016" y="391667"/>
                  </a:lnTo>
                  <a:lnTo>
                    <a:pt x="4703064" y="388619"/>
                  </a:lnTo>
                  <a:lnTo>
                    <a:pt x="4707636" y="388619"/>
                  </a:lnTo>
                  <a:lnTo>
                    <a:pt x="4707636" y="7619"/>
                  </a:lnTo>
                  <a:lnTo>
                    <a:pt x="4703064" y="7619"/>
                  </a:lnTo>
                  <a:lnTo>
                    <a:pt x="4700016" y="3048"/>
                  </a:lnTo>
                  <a:close/>
                </a:path>
                <a:path w="4707890" h="394969">
                  <a:moveTo>
                    <a:pt x="4707636" y="388619"/>
                  </a:moveTo>
                  <a:lnTo>
                    <a:pt x="4703064" y="388619"/>
                  </a:lnTo>
                  <a:lnTo>
                    <a:pt x="4700016" y="391667"/>
                  </a:lnTo>
                  <a:lnTo>
                    <a:pt x="4707636" y="391667"/>
                  </a:lnTo>
                  <a:lnTo>
                    <a:pt x="4707636" y="388619"/>
                  </a:lnTo>
                  <a:close/>
                </a:path>
                <a:path w="4707890" h="394969">
                  <a:moveTo>
                    <a:pt x="6096" y="3048"/>
                  </a:moveTo>
                  <a:lnTo>
                    <a:pt x="3048" y="7619"/>
                  </a:lnTo>
                  <a:lnTo>
                    <a:pt x="6096" y="7619"/>
                  </a:lnTo>
                  <a:lnTo>
                    <a:pt x="6096" y="3048"/>
                  </a:lnTo>
                  <a:close/>
                </a:path>
                <a:path w="4707890" h="394969">
                  <a:moveTo>
                    <a:pt x="4700016" y="3048"/>
                  </a:moveTo>
                  <a:lnTo>
                    <a:pt x="6096" y="3048"/>
                  </a:lnTo>
                  <a:lnTo>
                    <a:pt x="6096" y="7619"/>
                  </a:lnTo>
                  <a:lnTo>
                    <a:pt x="4700016" y="7619"/>
                  </a:lnTo>
                  <a:lnTo>
                    <a:pt x="4700016" y="3048"/>
                  </a:lnTo>
                  <a:close/>
                </a:path>
                <a:path w="4707890" h="394969">
                  <a:moveTo>
                    <a:pt x="4707636" y="3048"/>
                  </a:moveTo>
                  <a:lnTo>
                    <a:pt x="4700016" y="3048"/>
                  </a:lnTo>
                  <a:lnTo>
                    <a:pt x="4703064" y="7619"/>
                  </a:lnTo>
                  <a:lnTo>
                    <a:pt x="4707636" y="7619"/>
                  </a:lnTo>
                  <a:lnTo>
                    <a:pt x="4707636" y="3048"/>
                  </a:lnTo>
                  <a:close/>
                </a:path>
              </a:pathLst>
            </a:custGeom>
            <a:solidFill>
              <a:srgbClr val="70AC46"/>
            </a:solidFill>
          </p:spPr>
          <p:txBody>
            <a:bodyPr wrap="square" lIns="0" tIns="0" rIns="0" bIns="0" rtlCol="0"/>
            <a:lstStyle/>
            <a:p>
              <a:endParaRPr sz="1539"/>
            </a:p>
          </p:txBody>
        </p:sp>
      </p:grpSp>
      <p:sp>
        <p:nvSpPr>
          <p:cNvPr id="15" name="object 15"/>
          <p:cNvSpPr txBox="1"/>
          <p:nvPr/>
        </p:nvSpPr>
        <p:spPr>
          <a:xfrm>
            <a:off x="4807007" y="1831840"/>
            <a:ext cx="1323817"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1</a:t>
            </a:r>
            <a:r>
              <a:rPr sz="1283" spc="-13" dirty="0">
                <a:latin typeface="HGSｺﾞｼｯｸM"/>
                <a:cs typeface="HGSｺﾞｼｯｸM"/>
              </a:rPr>
              <a:t>)人材育成の充実</a:t>
            </a:r>
            <a:endParaRPr sz="1283">
              <a:latin typeface="HGSｺﾞｼｯｸM"/>
              <a:cs typeface="HGSｺﾞｼｯｸM"/>
            </a:endParaRPr>
          </a:p>
        </p:txBody>
      </p:sp>
      <p:grpSp>
        <p:nvGrpSpPr>
          <p:cNvPr id="16" name="object 16"/>
          <p:cNvGrpSpPr/>
          <p:nvPr/>
        </p:nvGrpSpPr>
        <p:grpSpPr>
          <a:xfrm>
            <a:off x="308854" y="972174"/>
            <a:ext cx="4442768" cy="1762555"/>
            <a:chOff x="361188" y="908304"/>
            <a:chExt cx="5195570" cy="2061210"/>
          </a:xfrm>
        </p:grpSpPr>
        <p:sp>
          <p:nvSpPr>
            <p:cNvPr id="17" name="object 17"/>
            <p:cNvSpPr/>
            <p:nvPr/>
          </p:nvSpPr>
          <p:spPr>
            <a:xfrm>
              <a:off x="5027676" y="2495244"/>
              <a:ext cx="528955" cy="473709"/>
            </a:xfrm>
            <a:custGeom>
              <a:avLst/>
              <a:gdLst/>
              <a:ahLst/>
              <a:cxnLst/>
              <a:rect l="l" t="t" r="r" b="b"/>
              <a:pathLst>
                <a:path w="528954" h="473710">
                  <a:moveTo>
                    <a:pt x="528828" y="467410"/>
                  </a:moveTo>
                  <a:lnTo>
                    <a:pt x="268224" y="467410"/>
                  </a:lnTo>
                  <a:lnTo>
                    <a:pt x="267385" y="467410"/>
                  </a:lnTo>
                  <a:lnTo>
                    <a:pt x="267385" y="469900"/>
                  </a:lnTo>
                  <a:lnTo>
                    <a:pt x="265480" y="469900"/>
                  </a:lnTo>
                  <a:lnTo>
                    <a:pt x="265480" y="468630"/>
                  </a:lnTo>
                  <a:lnTo>
                    <a:pt x="267385" y="469900"/>
                  </a:lnTo>
                  <a:lnTo>
                    <a:pt x="267385" y="467410"/>
                  </a:lnTo>
                  <a:lnTo>
                    <a:pt x="265480" y="467410"/>
                  </a:lnTo>
                  <a:lnTo>
                    <a:pt x="268224" y="467360"/>
                  </a:lnTo>
                  <a:lnTo>
                    <a:pt x="268224" y="7620"/>
                  </a:lnTo>
                  <a:lnTo>
                    <a:pt x="262255" y="7620"/>
                  </a:lnTo>
                  <a:lnTo>
                    <a:pt x="262255" y="5067"/>
                  </a:lnTo>
                  <a:lnTo>
                    <a:pt x="263652" y="7162"/>
                  </a:lnTo>
                  <a:lnTo>
                    <a:pt x="268224" y="7162"/>
                  </a:lnTo>
                  <a:lnTo>
                    <a:pt x="268224" y="2590"/>
                  </a:lnTo>
                  <a:lnTo>
                    <a:pt x="262255" y="2590"/>
                  </a:lnTo>
                  <a:lnTo>
                    <a:pt x="268224" y="2540"/>
                  </a:lnTo>
                  <a:lnTo>
                    <a:pt x="268224" y="0"/>
                  </a:lnTo>
                  <a:lnTo>
                    <a:pt x="0" y="0"/>
                  </a:lnTo>
                  <a:lnTo>
                    <a:pt x="0" y="2540"/>
                  </a:lnTo>
                  <a:lnTo>
                    <a:pt x="0" y="7620"/>
                  </a:lnTo>
                  <a:lnTo>
                    <a:pt x="260604" y="7620"/>
                  </a:lnTo>
                  <a:lnTo>
                    <a:pt x="260604" y="467360"/>
                  </a:lnTo>
                  <a:lnTo>
                    <a:pt x="260604" y="469900"/>
                  </a:lnTo>
                  <a:lnTo>
                    <a:pt x="260604" y="473710"/>
                  </a:lnTo>
                  <a:lnTo>
                    <a:pt x="528828" y="473710"/>
                  </a:lnTo>
                  <a:lnTo>
                    <a:pt x="528828" y="470458"/>
                  </a:lnTo>
                  <a:lnTo>
                    <a:pt x="528828" y="469900"/>
                  </a:lnTo>
                  <a:lnTo>
                    <a:pt x="528828" y="467410"/>
                  </a:lnTo>
                  <a:close/>
                </a:path>
              </a:pathLst>
            </a:custGeom>
            <a:solidFill>
              <a:srgbClr val="000000"/>
            </a:solidFill>
          </p:spPr>
          <p:txBody>
            <a:bodyPr wrap="square" lIns="0" tIns="0" rIns="0" bIns="0" rtlCol="0"/>
            <a:lstStyle/>
            <a:p>
              <a:endParaRPr sz="1539"/>
            </a:p>
          </p:txBody>
        </p:sp>
        <p:sp>
          <p:nvSpPr>
            <p:cNvPr id="18" name="object 18"/>
            <p:cNvSpPr/>
            <p:nvPr/>
          </p:nvSpPr>
          <p:spPr>
            <a:xfrm>
              <a:off x="361188" y="908304"/>
              <a:ext cx="4721860" cy="330835"/>
            </a:xfrm>
            <a:custGeom>
              <a:avLst/>
              <a:gdLst/>
              <a:ahLst/>
              <a:cxnLst/>
              <a:rect l="l" t="t" r="r" b="b"/>
              <a:pathLst>
                <a:path w="4721860" h="330834">
                  <a:moveTo>
                    <a:pt x="4671060" y="0"/>
                  </a:moveTo>
                  <a:lnTo>
                    <a:pt x="48768" y="0"/>
                  </a:lnTo>
                  <a:lnTo>
                    <a:pt x="38100" y="4572"/>
                  </a:lnTo>
                  <a:lnTo>
                    <a:pt x="4571" y="38100"/>
                  </a:lnTo>
                  <a:lnTo>
                    <a:pt x="0" y="60959"/>
                  </a:lnTo>
                  <a:lnTo>
                    <a:pt x="0" y="269747"/>
                  </a:lnTo>
                  <a:lnTo>
                    <a:pt x="18287" y="312419"/>
                  </a:lnTo>
                  <a:lnTo>
                    <a:pt x="60960" y="330707"/>
                  </a:lnTo>
                  <a:lnTo>
                    <a:pt x="4658868" y="330707"/>
                  </a:lnTo>
                  <a:lnTo>
                    <a:pt x="4703064" y="312419"/>
                  </a:lnTo>
                  <a:lnTo>
                    <a:pt x="4704334" y="310895"/>
                  </a:lnTo>
                  <a:lnTo>
                    <a:pt x="62483" y="310895"/>
                  </a:lnTo>
                  <a:lnTo>
                    <a:pt x="51816" y="309371"/>
                  </a:lnTo>
                  <a:lnTo>
                    <a:pt x="54863" y="309371"/>
                  </a:lnTo>
                  <a:lnTo>
                    <a:pt x="49530" y="307847"/>
                  </a:lnTo>
                  <a:lnTo>
                    <a:pt x="45719" y="307847"/>
                  </a:lnTo>
                  <a:lnTo>
                    <a:pt x="38100" y="303275"/>
                  </a:lnTo>
                  <a:lnTo>
                    <a:pt x="39623" y="303275"/>
                  </a:lnTo>
                  <a:lnTo>
                    <a:pt x="33908" y="298703"/>
                  </a:lnTo>
                  <a:lnTo>
                    <a:pt x="33527" y="298703"/>
                  </a:lnTo>
                  <a:lnTo>
                    <a:pt x="25907" y="291083"/>
                  </a:lnTo>
                  <a:lnTo>
                    <a:pt x="26669" y="291083"/>
                  </a:lnTo>
                  <a:lnTo>
                    <a:pt x="22859" y="283463"/>
                  </a:lnTo>
                  <a:lnTo>
                    <a:pt x="23513" y="283463"/>
                  </a:lnTo>
                  <a:lnTo>
                    <a:pt x="22206" y="278891"/>
                  </a:lnTo>
                  <a:lnTo>
                    <a:pt x="21335" y="278891"/>
                  </a:lnTo>
                  <a:lnTo>
                    <a:pt x="19811" y="268223"/>
                  </a:lnTo>
                  <a:lnTo>
                    <a:pt x="19811" y="60959"/>
                  </a:lnTo>
                  <a:lnTo>
                    <a:pt x="20029" y="60959"/>
                  </a:lnTo>
                  <a:lnTo>
                    <a:pt x="21335" y="51815"/>
                  </a:lnTo>
                  <a:lnTo>
                    <a:pt x="22206" y="51815"/>
                  </a:lnTo>
                  <a:lnTo>
                    <a:pt x="23948" y="45720"/>
                  </a:lnTo>
                  <a:lnTo>
                    <a:pt x="22859" y="45720"/>
                  </a:lnTo>
                  <a:lnTo>
                    <a:pt x="26517" y="39624"/>
                  </a:lnTo>
                  <a:lnTo>
                    <a:pt x="25907" y="39624"/>
                  </a:lnTo>
                  <a:lnTo>
                    <a:pt x="39623" y="25907"/>
                  </a:lnTo>
                  <a:lnTo>
                    <a:pt x="40639" y="25907"/>
                  </a:lnTo>
                  <a:lnTo>
                    <a:pt x="45719" y="22859"/>
                  </a:lnTo>
                  <a:lnTo>
                    <a:pt x="49530" y="22859"/>
                  </a:lnTo>
                  <a:lnTo>
                    <a:pt x="54863" y="21335"/>
                  </a:lnTo>
                  <a:lnTo>
                    <a:pt x="51816" y="21335"/>
                  </a:lnTo>
                  <a:lnTo>
                    <a:pt x="62483" y="19811"/>
                  </a:lnTo>
                  <a:lnTo>
                    <a:pt x="4704334" y="19811"/>
                  </a:lnTo>
                  <a:lnTo>
                    <a:pt x="4703064" y="18287"/>
                  </a:lnTo>
                  <a:lnTo>
                    <a:pt x="4693920" y="10667"/>
                  </a:lnTo>
                  <a:lnTo>
                    <a:pt x="4683252" y="4572"/>
                  </a:lnTo>
                  <a:lnTo>
                    <a:pt x="4671060" y="0"/>
                  </a:lnTo>
                  <a:close/>
                </a:path>
                <a:path w="4721860" h="330834">
                  <a:moveTo>
                    <a:pt x="4675632" y="306323"/>
                  </a:moveTo>
                  <a:lnTo>
                    <a:pt x="4666488" y="309371"/>
                  </a:lnTo>
                  <a:lnTo>
                    <a:pt x="4668012" y="309371"/>
                  </a:lnTo>
                  <a:lnTo>
                    <a:pt x="4657344" y="310895"/>
                  </a:lnTo>
                  <a:lnTo>
                    <a:pt x="4704334" y="310895"/>
                  </a:lnTo>
                  <a:lnTo>
                    <a:pt x="4706874" y="307847"/>
                  </a:lnTo>
                  <a:lnTo>
                    <a:pt x="4674108" y="307847"/>
                  </a:lnTo>
                  <a:lnTo>
                    <a:pt x="4675632" y="306323"/>
                  </a:lnTo>
                  <a:close/>
                </a:path>
                <a:path w="4721860" h="330834">
                  <a:moveTo>
                    <a:pt x="44196" y="306323"/>
                  </a:moveTo>
                  <a:lnTo>
                    <a:pt x="45719" y="307847"/>
                  </a:lnTo>
                  <a:lnTo>
                    <a:pt x="49530" y="307847"/>
                  </a:lnTo>
                  <a:lnTo>
                    <a:pt x="44196" y="306323"/>
                  </a:lnTo>
                  <a:close/>
                </a:path>
                <a:path w="4721860" h="330834">
                  <a:moveTo>
                    <a:pt x="4688501" y="297857"/>
                  </a:moveTo>
                  <a:lnTo>
                    <a:pt x="4681728" y="303275"/>
                  </a:lnTo>
                  <a:lnTo>
                    <a:pt x="4683252" y="303275"/>
                  </a:lnTo>
                  <a:lnTo>
                    <a:pt x="4674108" y="307847"/>
                  </a:lnTo>
                  <a:lnTo>
                    <a:pt x="4706874" y="307847"/>
                  </a:lnTo>
                  <a:lnTo>
                    <a:pt x="4710684" y="303275"/>
                  </a:lnTo>
                  <a:lnTo>
                    <a:pt x="4713296" y="298703"/>
                  </a:lnTo>
                  <a:lnTo>
                    <a:pt x="4687824" y="298703"/>
                  </a:lnTo>
                  <a:lnTo>
                    <a:pt x="4688501" y="297857"/>
                  </a:lnTo>
                  <a:close/>
                </a:path>
                <a:path w="4721860" h="330834">
                  <a:moveTo>
                    <a:pt x="32003" y="297179"/>
                  </a:moveTo>
                  <a:lnTo>
                    <a:pt x="33527" y="298703"/>
                  </a:lnTo>
                  <a:lnTo>
                    <a:pt x="33908" y="298703"/>
                  </a:lnTo>
                  <a:lnTo>
                    <a:pt x="32003" y="297179"/>
                  </a:lnTo>
                  <a:close/>
                </a:path>
                <a:path w="4721860" h="330834">
                  <a:moveTo>
                    <a:pt x="4689348" y="297179"/>
                  </a:moveTo>
                  <a:lnTo>
                    <a:pt x="4688501" y="297857"/>
                  </a:lnTo>
                  <a:lnTo>
                    <a:pt x="4687824" y="298703"/>
                  </a:lnTo>
                  <a:lnTo>
                    <a:pt x="4689348" y="297179"/>
                  </a:lnTo>
                  <a:close/>
                </a:path>
                <a:path w="4721860" h="330834">
                  <a:moveTo>
                    <a:pt x="4714167" y="297179"/>
                  </a:moveTo>
                  <a:lnTo>
                    <a:pt x="4689348" y="297179"/>
                  </a:lnTo>
                  <a:lnTo>
                    <a:pt x="4687824" y="298703"/>
                  </a:lnTo>
                  <a:lnTo>
                    <a:pt x="4713296" y="298703"/>
                  </a:lnTo>
                  <a:lnTo>
                    <a:pt x="4714167" y="297179"/>
                  </a:lnTo>
                  <a:close/>
                </a:path>
                <a:path w="4721860" h="330834">
                  <a:moveTo>
                    <a:pt x="4717215" y="291083"/>
                  </a:moveTo>
                  <a:lnTo>
                    <a:pt x="4693920" y="291083"/>
                  </a:lnTo>
                  <a:lnTo>
                    <a:pt x="4688501" y="297857"/>
                  </a:lnTo>
                  <a:lnTo>
                    <a:pt x="4689348" y="297179"/>
                  </a:lnTo>
                  <a:lnTo>
                    <a:pt x="4714167" y="297179"/>
                  </a:lnTo>
                  <a:lnTo>
                    <a:pt x="4716780" y="292607"/>
                  </a:lnTo>
                  <a:lnTo>
                    <a:pt x="4717215" y="291083"/>
                  </a:lnTo>
                  <a:close/>
                </a:path>
                <a:path w="4721860" h="330834">
                  <a:moveTo>
                    <a:pt x="26669" y="291083"/>
                  </a:moveTo>
                  <a:lnTo>
                    <a:pt x="25907" y="291083"/>
                  </a:lnTo>
                  <a:lnTo>
                    <a:pt x="27432" y="292607"/>
                  </a:lnTo>
                  <a:lnTo>
                    <a:pt x="26669" y="291083"/>
                  </a:lnTo>
                  <a:close/>
                </a:path>
                <a:path w="4721860" h="330834">
                  <a:moveTo>
                    <a:pt x="4696968" y="283463"/>
                  </a:moveTo>
                  <a:lnTo>
                    <a:pt x="4692396" y="292607"/>
                  </a:lnTo>
                  <a:lnTo>
                    <a:pt x="4693920" y="291083"/>
                  </a:lnTo>
                  <a:lnTo>
                    <a:pt x="4717215" y="291083"/>
                  </a:lnTo>
                  <a:lnTo>
                    <a:pt x="4718521" y="286512"/>
                  </a:lnTo>
                  <a:lnTo>
                    <a:pt x="4696968" y="286512"/>
                  </a:lnTo>
                  <a:lnTo>
                    <a:pt x="4696968" y="283463"/>
                  </a:lnTo>
                  <a:close/>
                </a:path>
                <a:path w="4721860" h="330834">
                  <a:moveTo>
                    <a:pt x="23513" y="283463"/>
                  </a:moveTo>
                  <a:lnTo>
                    <a:pt x="22859" y="283463"/>
                  </a:lnTo>
                  <a:lnTo>
                    <a:pt x="24384" y="286512"/>
                  </a:lnTo>
                  <a:lnTo>
                    <a:pt x="23513" y="283463"/>
                  </a:lnTo>
                  <a:close/>
                </a:path>
                <a:path w="4721860" h="330834">
                  <a:moveTo>
                    <a:pt x="4700016" y="275843"/>
                  </a:moveTo>
                  <a:lnTo>
                    <a:pt x="4696967" y="286512"/>
                  </a:lnTo>
                  <a:lnTo>
                    <a:pt x="4718521" y="286512"/>
                  </a:lnTo>
                  <a:lnTo>
                    <a:pt x="4719828" y="281939"/>
                  </a:lnTo>
                  <a:lnTo>
                    <a:pt x="4720209" y="278891"/>
                  </a:lnTo>
                  <a:lnTo>
                    <a:pt x="4700016" y="278891"/>
                  </a:lnTo>
                  <a:lnTo>
                    <a:pt x="4700016" y="275843"/>
                  </a:lnTo>
                  <a:close/>
                </a:path>
                <a:path w="4721860" h="330834">
                  <a:moveTo>
                    <a:pt x="21335" y="275843"/>
                  </a:moveTo>
                  <a:lnTo>
                    <a:pt x="21335" y="278891"/>
                  </a:lnTo>
                  <a:lnTo>
                    <a:pt x="22206" y="278891"/>
                  </a:lnTo>
                  <a:lnTo>
                    <a:pt x="21335" y="275843"/>
                  </a:lnTo>
                  <a:close/>
                </a:path>
                <a:path w="4721860" h="330834">
                  <a:moveTo>
                    <a:pt x="4720209" y="51815"/>
                  </a:moveTo>
                  <a:lnTo>
                    <a:pt x="4700016" y="51815"/>
                  </a:lnTo>
                  <a:lnTo>
                    <a:pt x="4700016" y="278891"/>
                  </a:lnTo>
                  <a:lnTo>
                    <a:pt x="4720209" y="278891"/>
                  </a:lnTo>
                  <a:lnTo>
                    <a:pt x="4721352" y="269747"/>
                  </a:lnTo>
                  <a:lnTo>
                    <a:pt x="4721352" y="60959"/>
                  </a:lnTo>
                  <a:lnTo>
                    <a:pt x="4720209" y="51815"/>
                  </a:lnTo>
                  <a:close/>
                </a:path>
                <a:path w="4721860" h="330834">
                  <a:moveTo>
                    <a:pt x="20029" y="60959"/>
                  </a:moveTo>
                  <a:lnTo>
                    <a:pt x="19811" y="60959"/>
                  </a:lnTo>
                  <a:lnTo>
                    <a:pt x="19811" y="62483"/>
                  </a:lnTo>
                  <a:lnTo>
                    <a:pt x="20029" y="60959"/>
                  </a:lnTo>
                  <a:close/>
                </a:path>
                <a:path w="4721860" h="330834">
                  <a:moveTo>
                    <a:pt x="22206" y="51815"/>
                  </a:moveTo>
                  <a:lnTo>
                    <a:pt x="21335" y="51815"/>
                  </a:lnTo>
                  <a:lnTo>
                    <a:pt x="21335" y="54863"/>
                  </a:lnTo>
                  <a:lnTo>
                    <a:pt x="22206" y="51815"/>
                  </a:lnTo>
                  <a:close/>
                </a:path>
                <a:path w="4721860" h="330834">
                  <a:moveTo>
                    <a:pt x="4718521" y="44196"/>
                  </a:moveTo>
                  <a:lnTo>
                    <a:pt x="4696968" y="44196"/>
                  </a:lnTo>
                  <a:lnTo>
                    <a:pt x="4700016" y="54863"/>
                  </a:lnTo>
                  <a:lnTo>
                    <a:pt x="4700016" y="51815"/>
                  </a:lnTo>
                  <a:lnTo>
                    <a:pt x="4720209" y="51815"/>
                  </a:lnTo>
                  <a:lnTo>
                    <a:pt x="4719828" y="48767"/>
                  </a:lnTo>
                  <a:lnTo>
                    <a:pt x="4718521" y="44196"/>
                  </a:lnTo>
                  <a:close/>
                </a:path>
                <a:path w="4721860" h="330834">
                  <a:moveTo>
                    <a:pt x="24383" y="44196"/>
                  </a:moveTo>
                  <a:lnTo>
                    <a:pt x="22859" y="45720"/>
                  </a:lnTo>
                  <a:lnTo>
                    <a:pt x="23948" y="45720"/>
                  </a:lnTo>
                  <a:lnTo>
                    <a:pt x="24383" y="44196"/>
                  </a:lnTo>
                  <a:close/>
                </a:path>
                <a:path w="4721860" h="330834">
                  <a:moveTo>
                    <a:pt x="4692396" y="38100"/>
                  </a:moveTo>
                  <a:lnTo>
                    <a:pt x="4696968" y="45720"/>
                  </a:lnTo>
                  <a:lnTo>
                    <a:pt x="4696968" y="44196"/>
                  </a:lnTo>
                  <a:lnTo>
                    <a:pt x="4718521" y="44196"/>
                  </a:lnTo>
                  <a:lnTo>
                    <a:pt x="4717215" y="39624"/>
                  </a:lnTo>
                  <a:lnTo>
                    <a:pt x="4693920" y="39624"/>
                  </a:lnTo>
                  <a:lnTo>
                    <a:pt x="4692396" y="38100"/>
                  </a:lnTo>
                  <a:close/>
                </a:path>
                <a:path w="4721860" h="330834">
                  <a:moveTo>
                    <a:pt x="27432" y="38100"/>
                  </a:moveTo>
                  <a:lnTo>
                    <a:pt x="25907" y="39624"/>
                  </a:lnTo>
                  <a:lnTo>
                    <a:pt x="26517" y="39624"/>
                  </a:lnTo>
                  <a:lnTo>
                    <a:pt x="27432" y="38100"/>
                  </a:lnTo>
                  <a:close/>
                </a:path>
                <a:path w="4721860" h="330834">
                  <a:moveTo>
                    <a:pt x="4687824" y="32003"/>
                  </a:moveTo>
                  <a:lnTo>
                    <a:pt x="4693920" y="39624"/>
                  </a:lnTo>
                  <a:lnTo>
                    <a:pt x="4717215" y="39624"/>
                  </a:lnTo>
                  <a:lnTo>
                    <a:pt x="4716780" y="38100"/>
                  </a:lnTo>
                  <a:lnTo>
                    <a:pt x="4714167" y="33527"/>
                  </a:lnTo>
                  <a:lnTo>
                    <a:pt x="4689348" y="33527"/>
                  </a:lnTo>
                  <a:lnTo>
                    <a:pt x="4687824" y="32003"/>
                  </a:lnTo>
                  <a:close/>
                </a:path>
                <a:path w="4721860" h="330834">
                  <a:moveTo>
                    <a:pt x="4709414" y="25907"/>
                  </a:moveTo>
                  <a:lnTo>
                    <a:pt x="4681728" y="25907"/>
                  </a:lnTo>
                  <a:lnTo>
                    <a:pt x="4689348" y="33527"/>
                  </a:lnTo>
                  <a:lnTo>
                    <a:pt x="4714167" y="33527"/>
                  </a:lnTo>
                  <a:lnTo>
                    <a:pt x="4710684" y="27431"/>
                  </a:lnTo>
                  <a:lnTo>
                    <a:pt x="4709414" y="25907"/>
                  </a:lnTo>
                  <a:close/>
                </a:path>
                <a:path w="4721860" h="330834">
                  <a:moveTo>
                    <a:pt x="40639" y="25907"/>
                  </a:moveTo>
                  <a:lnTo>
                    <a:pt x="39623" y="25907"/>
                  </a:lnTo>
                  <a:lnTo>
                    <a:pt x="38100" y="27431"/>
                  </a:lnTo>
                  <a:lnTo>
                    <a:pt x="40639" y="25907"/>
                  </a:lnTo>
                  <a:close/>
                </a:path>
                <a:path w="4721860" h="330834">
                  <a:moveTo>
                    <a:pt x="4706874" y="22859"/>
                  </a:moveTo>
                  <a:lnTo>
                    <a:pt x="4674108" y="22859"/>
                  </a:lnTo>
                  <a:lnTo>
                    <a:pt x="4683252" y="27431"/>
                  </a:lnTo>
                  <a:lnTo>
                    <a:pt x="4681728" y="25907"/>
                  </a:lnTo>
                  <a:lnTo>
                    <a:pt x="4709414" y="25907"/>
                  </a:lnTo>
                  <a:lnTo>
                    <a:pt x="4706874" y="22859"/>
                  </a:lnTo>
                  <a:close/>
                </a:path>
                <a:path w="4721860" h="330834">
                  <a:moveTo>
                    <a:pt x="49530" y="22859"/>
                  </a:moveTo>
                  <a:lnTo>
                    <a:pt x="45719" y="22859"/>
                  </a:lnTo>
                  <a:lnTo>
                    <a:pt x="44196" y="24383"/>
                  </a:lnTo>
                  <a:lnTo>
                    <a:pt x="49530" y="22859"/>
                  </a:lnTo>
                  <a:close/>
                </a:path>
                <a:path w="4721860" h="330834">
                  <a:moveTo>
                    <a:pt x="4704334" y="19811"/>
                  </a:moveTo>
                  <a:lnTo>
                    <a:pt x="4657344" y="19811"/>
                  </a:lnTo>
                  <a:lnTo>
                    <a:pt x="4668012" y="21335"/>
                  </a:lnTo>
                  <a:lnTo>
                    <a:pt x="4666488" y="21335"/>
                  </a:lnTo>
                  <a:lnTo>
                    <a:pt x="4675632" y="24383"/>
                  </a:lnTo>
                  <a:lnTo>
                    <a:pt x="4674108" y="22859"/>
                  </a:lnTo>
                  <a:lnTo>
                    <a:pt x="4706874" y="22859"/>
                  </a:lnTo>
                  <a:lnTo>
                    <a:pt x="4704334" y="19811"/>
                  </a:lnTo>
                  <a:close/>
                </a:path>
              </a:pathLst>
            </a:custGeom>
            <a:solidFill>
              <a:srgbClr val="ED7C31"/>
            </a:solidFill>
          </p:spPr>
          <p:txBody>
            <a:bodyPr wrap="square" lIns="0" tIns="0" rIns="0" bIns="0" rtlCol="0"/>
            <a:lstStyle/>
            <a:p>
              <a:endParaRPr sz="1539"/>
            </a:p>
          </p:txBody>
        </p:sp>
      </p:grpSp>
      <p:sp>
        <p:nvSpPr>
          <p:cNvPr id="19" name="object 19"/>
          <p:cNvSpPr txBox="1"/>
          <p:nvPr/>
        </p:nvSpPr>
        <p:spPr>
          <a:xfrm>
            <a:off x="1353572" y="997804"/>
            <a:ext cx="1952059" cy="237487"/>
          </a:xfrm>
          <a:prstGeom prst="rect">
            <a:avLst/>
          </a:prstGeom>
        </p:spPr>
        <p:txBody>
          <a:bodyPr vert="horz" wrap="square" lIns="0" tIns="13575" rIns="0" bIns="0" rtlCol="0">
            <a:spAutoFit/>
          </a:bodyPr>
          <a:lstStyle/>
          <a:p>
            <a:pPr marL="10860">
              <a:spcBef>
                <a:spcPts val="107"/>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p:txBody>
      </p:sp>
      <p:grpSp>
        <p:nvGrpSpPr>
          <p:cNvPr id="20" name="object 20"/>
          <p:cNvGrpSpPr/>
          <p:nvPr/>
        </p:nvGrpSpPr>
        <p:grpSpPr>
          <a:xfrm>
            <a:off x="4748798" y="4417790"/>
            <a:ext cx="4025749" cy="504440"/>
            <a:chOff x="5553455" y="4937759"/>
            <a:chExt cx="4707890" cy="589915"/>
          </a:xfrm>
        </p:grpSpPr>
        <p:pic>
          <p:nvPicPr>
            <p:cNvPr id="21" name="object 21"/>
            <p:cNvPicPr/>
            <p:nvPr/>
          </p:nvPicPr>
          <p:blipFill>
            <a:blip r:embed="rId4" cstate="print"/>
            <a:stretch>
              <a:fillRect/>
            </a:stretch>
          </p:blipFill>
          <p:spPr>
            <a:xfrm>
              <a:off x="5556503" y="4942331"/>
              <a:ext cx="4700015" cy="582168"/>
            </a:xfrm>
            <a:prstGeom prst="rect">
              <a:avLst/>
            </a:prstGeom>
          </p:spPr>
        </p:pic>
        <p:sp>
          <p:nvSpPr>
            <p:cNvPr id="22" name="object 22"/>
            <p:cNvSpPr/>
            <p:nvPr/>
          </p:nvSpPr>
          <p:spPr>
            <a:xfrm>
              <a:off x="5553455" y="4937759"/>
              <a:ext cx="4707890" cy="589915"/>
            </a:xfrm>
            <a:custGeom>
              <a:avLst/>
              <a:gdLst/>
              <a:ahLst/>
              <a:cxnLst/>
              <a:rect l="l" t="t" r="r" b="b"/>
              <a:pathLst>
                <a:path w="4707890" h="589914">
                  <a:moveTo>
                    <a:pt x="4707636" y="0"/>
                  </a:moveTo>
                  <a:lnTo>
                    <a:pt x="0" y="0"/>
                  </a:lnTo>
                  <a:lnTo>
                    <a:pt x="0" y="589788"/>
                  </a:lnTo>
                  <a:lnTo>
                    <a:pt x="4707636" y="589788"/>
                  </a:lnTo>
                  <a:lnTo>
                    <a:pt x="4707636" y="586739"/>
                  </a:lnTo>
                  <a:lnTo>
                    <a:pt x="6096" y="586739"/>
                  </a:lnTo>
                  <a:lnTo>
                    <a:pt x="3048" y="583692"/>
                  </a:lnTo>
                  <a:lnTo>
                    <a:pt x="6096" y="583692"/>
                  </a:lnTo>
                  <a:lnTo>
                    <a:pt x="6096" y="7619"/>
                  </a:lnTo>
                  <a:lnTo>
                    <a:pt x="3048" y="7619"/>
                  </a:lnTo>
                  <a:lnTo>
                    <a:pt x="6096" y="4571"/>
                  </a:lnTo>
                  <a:lnTo>
                    <a:pt x="4707636" y="4571"/>
                  </a:lnTo>
                  <a:lnTo>
                    <a:pt x="4707636" y="0"/>
                  </a:lnTo>
                  <a:close/>
                </a:path>
                <a:path w="4707890" h="589914">
                  <a:moveTo>
                    <a:pt x="6096" y="583692"/>
                  </a:moveTo>
                  <a:lnTo>
                    <a:pt x="3048" y="583692"/>
                  </a:lnTo>
                  <a:lnTo>
                    <a:pt x="6096" y="586739"/>
                  </a:lnTo>
                  <a:lnTo>
                    <a:pt x="6096" y="583692"/>
                  </a:lnTo>
                  <a:close/>
                </a:path>
                <a:path w="4707890" h="589914">
                  <a:moveTo>
                    <a:pt x="4700016" y="583692"/>
                  </a:moveTo>
                  <a:lnTo>
                    <a:pt x="6096" y="583692"/>
                  </a:lnTo>
                  <a:lnTo>
                    <a:pt x="6096" y="586739"/>
                  </a:lnTo>
                  <a:lnTo>
                    <a:pt x="4700016" y="586739"/>
                  </a:lnTo>
                  <a:lnTo>
                    <a:pt x="4700016" y="583692"/>
                  </a:lnTo>
                  <a:close/>
                </a:path>
                <a:path w="4707890" h="589914">
                  <a:moveTo>
                    <a:pt x="4700016" y="4571"/>
                  </a:moveTo>
                  <a:lnTo>
                    <a:pt x="4700016" y="586739"/>
                  </a:lnTo>
                  <a:lnTo>
                    <a:pt x="4703064" y="583692"/>
                  </a:lnTo>
                  <a:lnTo>
                    <a:pt x="4707636" y="583692"/>
                  </a:lnTo>
                  <a:lnTo>
                    <a:pt x="4707636" y="7619"/>
                  </a:lnTo>
                  <a:lnTo>
                    <a:pt x="4703064" y="7619"/>
                  </a:lnTo>
                  <a:lnTo>
                    <a:pt x="4700016" y="4571"/>
                  </a:lnTo>
                  <a:close/>
                </a:path>
                <a:path w="4707890" h="589914">
                  <a:moveTo>
                    <a:pt x="4707636" y="583692"/>
                  </a:moveTo>
                  <a:lnTo>
                    <a:pt x="4703064" y="583692"/>
                  </a:lnTo>
                  <a:lnTo>
                    <a:pt x="4700016" y="586739"/>
                  </a:lnTo>
                  <a:lnTo>
                    <a:pt x="4707636" y="586739"/>
                  </a:lnTo>
                  <a:lnTo>
                    <a:pt x="4707636" y="583692"/>
                  </a:lnTo>
                  <a:close/>
                </a:path>
                <a:path w="4707890" h="589914">
                  <a:moveTo>
                    <a:pt x="6096" y="4571"/>
                  </a:moveTo>
                  <a:lnTo>
                    <a:pt x="3048" y="7619"/>
                  </a:lnTo>
                  <a:lnTo>
                    <a:pt x="6096" y="7619"/>
                  </a:lnTo>
                  <a:lnTo>
                    <a:pt x="6096" y="4571"/>
                  </a:lnTo>
                  <a:close/>
                </a:path>
                <a:path w="4707890" h="589914">
                  <a:moveTo>
                    <a:pt x="4700016" y="4571"/>
                  </a:moveTo>
                  <a:lnTo>
                    <a:pt x="6096" y="4571"/>
                  </a:lnTo>
                  <a:lnTo>
                    <a:pt x="6096" y="7619"/>
                  </a:lnTo>
                  <a:lnTo>
                    <a:pt x="4700016" y="7619"/>
                  </a:lnTo>
                  <a:lnTo>
                    <a:pt x="4700016" y="4571"/>
                  </a:lnTo>
                  <a:close/>
                </a:path>
                <a:path w="4707890" h="589914">
                  <a:moveTo>
                    <a:pt x="4707636" y="4571"/>
                  </a:moveTo>
                  <a:lnTo>
                    <a:pt x="4700016" y="4571"/>
                  </a:lnTo>
                  <a:lnTo>
                    <a:pt x="4703064" y="7619"/>
                  </a:lnTo>
                  <a:lnTo>
                    <a:pt x="4707636" y="7619"/>
                  </a:lnTo>
                  <a:lnTo>
                    <a:pt x="4707636" y="4571"/>
                  </a:lnTo>
                  <a:close/>
                </a:path>
              </a:pathLst>
            </a:custGeom>
            <a:solidFill>
              <a:srgbClr val="70AC46"/>
            </a:solidFill>
          </p:spPr>
          <p:txBody>
            <a:bodyPr wrap="square" lIns="0" tIns="0" rIns="0" bIns="0" rtlCol="0"/>
            <a:lstStyle/>
            <a:p>
              <a:endParaRPr sz="1539"/>
            </a:p>
          </p:txBody>
        </p:sp>
      </p:grpSp>
      <p:sp>
        <p:nvSpPr>
          <p:cNvPr id="23" name="object 23"/>
          <p:cNvSpPr txBox="1"/>
          <p:nvPr/>
        </p:nvSpPr>
        <p:spPr>
          <a:xfrm>
            <a:off x="4807008" y="4409797"/>
            <a:ext cx="2813246" cy="484863"/>
          </a:xfrm>
          <a:prstGeom prst="rect">
            <a:avLst/>
          </a:prstGeom>
        </p:spPr>
        <p:txBody>
          <a:bodyPr vert="horz" wrap="square" lIns="0" tIns="51041" rIns="0" bIns="0" rtlCol="0">
            <a:spAutoFit/>
          </a:bodyPr>
          <a:lstStyle/>
          <a:p>
            <a:pPr marL="10860">
              <a:spcBef>
                <a:spcPts val="402"/>
              </a:spcBef>
            </a:pPr>
            <a:r>
              <a:rPr sz="1283" spc="-9" dirty="0">
                <a:latin typeface="HGSｺﾞｼｯｸM"/>
                <a:cs typeface="HGSｺﾞｼｯｸM"/>
              </a:rPr>
              <a:t>5)技術系人材の増大</a:t>
            </a:r>
            <a:endParaRPr sz="1283">
              <a:latin typeface="HGSｺﾞｼｯｸM"/>
              <a:cs typeface="HGSｺﾞｼｯｸM"/>
            </a:endParaRPr>
          </a:p>
          <a:p>
            <a:pPr marL="174842">
              <a:spcBef>
                <a:spcPts val="316"/>
              </a:spcBef>
            </a:pPr>
            <a:r>
              <a:rPr sz="1283" dirty="0">
                <a:latin typeface="HGSｺﾞｼｯｸM"/>
                <a:cs typeface="HGSｺﾞｼｯｸM"/>
              </a:rPr>
              <a:t>（メンテナンス分野の魅力拡大等</a:t>
            </a:r>
            <a:r>
              <a:rPr sz="1283" spc="-43" dirty="0">
                <a:latin typeface="HGSｺﾞｼｯｸM"/>
                <a:cs typeface="HGSｺﾞｼｯｸM"/>
              </a:rPr>
              <a:t>）</a:t>
            </a:r>
            <a:endParaRPr sz="1283">
              <a:latin typeface="HGSｺﾞｼｯｸM"/>
              <a:cs typeface="HGSｺﾞｼｯｸM"/>
            </a:endParaRPr>
          </a:p>
        </p:txBody>
      </p:sp>
      <p:grpSp>
        <p:nvGrpSpPr>
          <p:cNvPr id="24" name="object 24"/>
          <p:cNvGrpSpPr/>
          <p:nvPr/>
        </p:nvGrpSpPr>
        <p:grpSpPr>
          <a:xfrm>
            <a:off x="276275" y="4488161"/>
            <a:ext cx="4025749" cy="338828"/>
            <a:chOff x="323088" y="5020055"/>
            <a:chExt cx="4707890" cy="396240"/>
          </a:xfrm>
        </p:grpSpPr>
        <p:pic>
          <p:nvPicPr>
            <p:cNvPr id="25" name="object 25"/>
            <p:cNvPicPr/>
            <p:nvPr/>
          </p:nvPicPr>
          <p:blipFill>
            <a:blip r:embed="rId5" cstate="print"/>
            <a:stretch>
              <a:fillRect/>
            </a:stretch>
          </p:blipFill>
          <p:spPr>
            <a:xfrm>
              <a:off x="327660" y="5023103"/>
              <a:ext cx="4700016" cy="388619"/>
            </a:xfrm>
            <a:prstGeom prst="rect">
              <a:avLst/>
            </a:prstGeom>
          </p:spPr>
        </p:pic>
        <p:sp>
          <p:nvSpPr>
            <p:cNvPr id="26" name="object 26"/>
            <p:cNvSpPr/>
            <p:nvPr/>
          </p:nvSpPr>
          <p:spPr>
            <a:xfrm>
              <a:off x="323088" y="5020055"/>
              <a:ext cx="4707890" cy="396240"/>
            </a:xfrm>
            <a:custGeom>
              <a:avLst/>
              <a:gdLst/>
              <a:ahLst/>
              <a:cxnLst/>
              <a:rect l="l" t="t" r="r" b="b"/>
              <a:pathLst>
                <a:path w="4707890" h="396239">
                  <a:moveTo>
                    <a:pt x="4707636" y="0"/>
                  </a:moveTo>
                  <a:lnTo>
                    <a:pt x="0" y="0"/>
                  </a:lnTo>
                  <a:lnTo>
                    <a:pt x="0" y="396239"/>
                  </a:lnTo>
                  <a:lnTo>
                    <a:pt x="4707636" y="396239"/>
                  </a:lnTo>
                  <a:lnTo>
                    <a:pt x="4707636" y="391667"/>
                  </a:lnTo>
                  <a:lnTo>
                    <a:pt x="7619" y="391667"/>
                  </a:lnTo>
                  <a:lnTo>
                    <a:pt x="4571" y="388619"/>
                  </a:lnTo>
                  <a:lnTo>
                    <a:pt x="7619" y="388619"/>
                  </a:lnTo>
                  <a:lnTo>
                    <a:pt x="7619" y="7619"/>
                  </a:lnTo>
                  <a:lnTo>
                    <a:pt x="4571" y="7619"/>
                  </a:lnTo>
                  <a:lnTo>
                    <a:pt x="7619" y="3047"/>
                  </a:lnTo>
                  <a:lnTo>
                    <a:pt x="4707636" y="3047"/>
                  </a:lnTo>
                  <a:lnTo>
                    <a:pt x="4707636" y="0"/>
                  </a:lnTo>
                  <a:close/>
                </a:path>
                <a:path w="4707890" h="396239">
                  <a:moveTo>
                    <a:pt x="7619" y="388619"/>
                  </a:moveTo>
                  <a:lnTo>
                    <a:pt x="4571" y="388619"/>
                  </a:lnTo>
                  <a:lnTo>
                    <a:pt x="7619" y="391667"/>
                  </a:lnTo>
                  <a:lnTo>
                    <a:pt x="7619" y="388619"/>
                  </a:lnTo>
                  <a:close/>
                </a:path>
                <a:path w="4707890" h="396239">
                  <a:moveTo>
                    <a:pt x="4701540" y="388619"/>
                  </a:moveTo>
                  <a:lnTo>
                    <a:pt x="7619" y="388619"/>
                  </a:lnTo>
                  <a:lnTo>
                    <a:pt x="7619" y="391667"/>
                  </a:lnTo>
                  <a:lnTo>
                    <a:pt x="4701540" y="391667"/>
                  </a:lnTo>
                  <a:lnTo>
                    <a:pt x="4701540" y="388619"/>
                  </a:lnTo>
                  <a:close/>
                </a:path>
                <a:path w="4707890" h="396239">
                  <a:moveTo>
                    <a:pt x="4701540" y="3047"/>
                  </a:moveTo>
                  <a:lnTo>
                    <a:pt x="4701540" y="391667"/>
                  </a:lnTo>
                  <a:lnTo>
                    <a:pt x="4704588" y="388619"/>
                  </a:lnTo>
                  <a:lnTo>
                    <a:pt x="4707636" y="388619"/>
                  </a:lnTo>
                  <a:lnTo>
                    <a:pt x="4707636" y="7619"/>
                  </a:lnTo>
                  <a:lnTo>
                    <a:pt x="4704588" y="7619"/>
                  </a:lnTo>
                  <a:lnTo>
                    <a:pt x="4701540" y="3047"/>
                  </a:lnTo>
                  <a:close/>
                </a:path>
                <a:path w="4707890" h="396239">
                  <a:moveTo>
                    <a:pt x="4707636" y="388619"/>
                  </a:moveTo>
                  <a:lnTo>
                    <a:pt x="4704588" y="388619"/>
                  </a:lnTo>
                  <a:lnTo>
                    <a:pt x="4701540" y="391667"/>
                  </a:lnTo>
                  <a:lnTo>
                    <a:pt x="4707636" y="391667"/>
                  </a:lnTo>
                  <a:lnTo>
                    <a:pt x="4707636" y="388619"/>
                  </a:lnTo>
                  <a:close/>
                </a:path>
                <a:path w="4707890" h="396239">
                  <a:moveTo>
                    <a:pt x="7619" y="3047"/>
                  </a:moveTo>
                  <a:lnTo>
                    <a:pt x="4571" y="7619"/>
                  </a:lnTo>
                  <a:lnTo>
                    <a:pt x="7619" y="7619"/>
                  </a:lnTo>
                  <a:lnTo>
                    <a:pt x="7619" y="3047"/>
                  </a:lnTo>
                  <a:close/>
                </a:path>
                <a:path w="4707890" h="396239">
                  <a:moveTo>
                    <a:pt x="4701540" y="3047"/>
                  </a:moveTo>
                  <a:lnTo>
                    <a:pt x="7619" y="3047"/>
                  </a:lnTo>
                  <a:lnTo>
                    <a:pt x="7619" y="7619"/>
                  </a:lnTo>
                  <a:lnTo>
                    <a:pt x="4701540" y="7619"/>
                  </a:lnTo>
                  <a:lnTo>
                    <a:pt x="4701540" y="3047"/>
                  </a:lnTo>
                  <a:close/>
                </a:path>
                <a:path w="4707890" h="396239">
                  <a:moveTo>
                    <a:pt x="4707636" y="3047"/>
                  </a:moveTo>
                  <a:lnTo>
                    <a:pt x="4701540" y="3047"/>
                  </a:lnTo>
                  <a:lnTo>
                    <a:pt x="4704588" y="7619"/>
                  </a:lnTo>
                  <a:lnTo>
                    <a:pt x="4707636" y="7619"/>
                  </a:lnTo>
                  <a:lnTo>
                    <a:pt x="4707636" y="3047"/>
                  </a:lnTo>
                  <a:close/>
                </a:path>
              </a:pathLst>
            </a:custGeom>
            <a:solidFill>
              <a:srgbClr val="ED7C31"/>
            </a:solidFill>
          </p:spPr>
          <p:txBody>
            <a:bodyPr wrap="square" lIns="0" tIns="0" rIns="0" bIns="0" rtlCol="0"/>
            <a:lstStyle/>
            <a:p>
              <a:endParaRPr sz="1539"/>
            </a:p>
          </p:txBody>
        </p:sp>
      </p:grpSp>
      <p:sp>
        <p:nvSpPr>
          <p:cNvPr id="27" name="object 27"/>
          <p:cNvSpPr txBox="1"/>
          <p:nvPr/>
        </p:nvSpPr>
        <p:spPr>
          <a:xfrm>
            <a:off x="335787" y="4554190"/>
            <a:ext cx="3634251" cy="209489"/>
          </a:xfrm>
          <a:prstGeom prst="rect">
            <a:avLst/>
          </a:prstGeom>
        </p:spPr>
        <p:txBody>
          <a:bodyPr vert="horz" wrap="square" lIns="0" tIns="11946" rIns="0" bIns="0" rtlCol="0">
            <a:spAutoFit/>
          </a:bodyPr>
          <a:lstStyle/>
          <a:p>
            <a:pPr marL="10860">
              <a:spcBef>
                <a:spcPts val="94"/>
              </a:spcBef>
            </a:pPr>
            <a:r>
              <a:rPr sz="1283" spc="-4" dirty="0">
                <a:latin typeface="HGSｺﾞｼｯｸM"/>
                <a:cs typeface="HGSｺﾞｼｯｸM"/>
              </a:rPr>
              <a:t>・メンテナンス分野を担う民間技術系人材が不足</a:t>
            </a:r>
            <a:endParaRPr sz="1283">
              <a:latin typeface="HGSｺﾞｼｯｸM"/>
              <a:cs typeface="HGSｺﾞｼｯｸM"/>
            </a:endParaRPr>
          </a:p>
        </p:txBody>
      </p:sp>
      <p:sp>
        <p:nvSpPr>
          <p:cNvPr id="28" name="object 28"/>
          <p:cNvSpPr txBox="1"/>
          <p:nvPr/>
        </p:nvSpPr>
        <p:spPr>
          <a:xfrm>
            <a:off x="240654" y="1426550"/>
            <a:ext cx="1974322" cy="266415"/>
          </a:xfrm>
          <a:prstGeom prst="rect">
            <a:avLst/>
          </a:prstGeom>
        </p:spPr>
        <p:txBody>
          <a:bodyPr vert="horz" wrap="square" lIns="0" tIns="9774" rIns="0" bIns="0" rtlCol="0">
            <a:spAutoFit/>
          </a:bodyPr>
          <a:lstStyle/>
          <a:p>
            <a:pPr marL="10860">
              <a:spcBef>
                <a:spcPts val="77"/>
              </a:spcBef>
            </a:pPr>
            <a:r>
              <a:rPr sz="1667" b="1" spc="-9" dirty="0">
                <a:solidFill>
                  <a:srgbClr val="0070BF"/>
                </a:solidFill>
                <a:latin typeface="ＭＳ Ｐゴシック"/>
                <a:cs typeface="ＭＳ Ｐゴシック"/>
              </a:rPr>
              <a:t>（４）</a:t>
            </a:r>
            <a:r>
              <a:rPr sz="1667" b="1" spc="-17" dirty="0">
                <a:solidFill>
                  <a:srgbClr val="0070BF"/>
                </a:solidFill>
                <a:latin typeface="ＭＳ Ｐゴシック"/>
                <a:cs typeface="ＭＳ Ｐゴシック"/>
              </a:rPr>
              <a:t>技術の継承・育成</a:t>
            </a:r>
            <a:endParaRPr sz="1667">
              <a:latin typeface="ＭＳ Ｐゴシック"/>
              <a:cs typeface="ＭＳ Ｐゴシック"/>
            </a:endParaRPr>
          </a:p>
        </p:txBody>
      </p:sp>
      <p:sp>
        <p:nvSpPr>
          <p:cNvPr id="29" name="object 29"/>
          <p:cNvSpPr/>
          <p:nvPr/>
        </p:nvSpPr>
        <p:spPr>
          <a:xfrm>
            <a:off x="4729251" y="979993"/>
            <a:ext cx="4136520" cy="284528"/>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sp>
        <p:nvSpPr>
          <p:cNvPr id="30" name="object 30"/>
          <p:cNvSpPr txBox="1"/>
          <p:nvPr/>
        </p:nvSpPr>
        <p:spPr>
          <a:xfrm>
            <a:off x="6052850" y="1005623"/>
            <a:ext cx="1493230" cy="237487"/>
          </a:xfrm>
          <a:prstGeom prst="rect">
            <a:avLst/>
          </a:prstGeom>
        </p:spPr>
        <p:txBody>
          <a:bodyPr vert="horz" wrap="square" lIns="0" tIns="13575" rIns="0" bIns="0" rtlCol="0">
            <a:spAutoFit/>
          </a:bodyPr>
          <a:lstStyle/>
          <a:p>
            <a:pPr marL="10860">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p:txBody>
      </p:sp>
      <p:sp>
        <p:nvSpPr>
          <p:cNvPr id="31" name="object 31"/>
          <p:cNvSpPr txBox="1">
            <a:spLocks noGrp="1"/>
          </p:cNvSpPr>
          <p:nvPr>
            <p:ph type="title"/>
          </p:nvPr>
        </p:nvSpPr>
        <p:spPr>
          <a:xfrm>
            <a:off x="308854" y="85241"/>
            <a:ext cx="6743971" cy="748533"/>
          </a:xfrm>
          <a:prstGeom prst="rect">
            <a:avLst/>
          </a:prstGeom>
        </p:spPr>
        <p:txBody>
          <a:bodyPr vert="horz" wrap="square" lIns="0" tIns="9774" rIns="0" bIns="0" rtlCol="0" anchor="ctr">
            <a:spAutoFit/>
          </a:bodyPr>
          <a:lstStyle/>
          <a:p>
            <a:pPr marL="18462">
              <a:lnSpc>
                <a:spcPct val="100000"/>
              </a:lnSpc>
              <a:spcBef>
                <a:spcPts val="77"/>
              </a:spcBef>
            </a:pPr>
            <a:r>
              <a:rPr sz="2400" spc="-38" dirty="0"/>
              <a:t>インフラメンテナンスにおける取り組むべき項目の課題と当面の進め方</a:t>
            </a:r>
          </a:p>
        </p:txBody>
      </p:sp>
      <p:grpSp>
        <p:nvGrpSpPr>
          <p:cNvPr id="32" name="object 32"/>
          <p:cNvGrpSpPr/>
          <p:nvPr/>
        </p:nvGrpSpPr>
        <p:grpSpPr>
          <a:xfrm>
            <a:off x="276275" y="3270990"/>
            <a:ext cx="4025749" cy="516386"/>
            <a:chOff x="323088" y="3596640"/>
            <a:chExt cx="4707890" cy="603885"/>
          </a:xfrm>
        </p:grpSpPr>
        <p:pic>
          <p:nvPicPr>
            <p:cNvPr id="33" name="object 33"/>
            <p:cNvPicPr/>
            <p:nvPr/>
          </p:nvPicPr>
          <p:blipFill>
            <a:blip r:embed="rId6" cstate="print"/>
            <a:stretch>
              <a:fillRect/>
            </a:stretch>
          </p:blipFill>
          <p:spPr>
            <a:xfrm>
              <a:off x="327660" y="3599688"/>
              <a:ext cx="4700016" cy="595884"/>
            </a:xfrm>
            <a:prstGeom prst="rect">
              <a:avLst/>
            </a:prstGeom>
          </p:spPr>
        </p:pic>
        <p:sp>
          <p:nvSpPr>
            <p:cNvPr id="34" name="object 34"/>
            <p:cNvSpPr/>
            <p:nvPr/>
          </p:nvSpPr>
          <p:spPr>
            <a:xfrm>
              <a:off x="323088" y="3596640"/>
              <a:ext cx="4707890" cy="603885"/>
            </a:xfrm>
            <a:custGeom>
              <a:avLst/>
              <a:gdLst/>
              <a:ahLst/>
              <a:cxnLst/>
              <a:rect l="l" t="t" r="r" b="b"/>
              <a:pathLst>
                <a:path w="4707890" h="603885">
                  <a:moveTo>
                    <a:pt x="4707636" y="0"/>
                  </a:moveTo>
                  <a:lnTo>
                    <a:pt x="0" y="0"/>
                  </a:lnTo>
                  <a:lnTo>
                    <a:pt x="0" y="603504"/>
                  </a:lnTo>
                  <a:lnTo>
                    <a:pt x="4707636" y="603504"/>
                  </a:lnTo>
                  <a:lnTo>
                    <a:pt x="4707636" y="598932"/>
                  </a:lnTo>
                  <a:lnTo>
                    <a:pt x="7619" y="598932"/>
                  </a:lnTo>
                  <a:lnTo>
                    <a:pt x="4571" y="595884"/>
                  </a:lnTo>
                  <a:lnTo>
                    <a:pt x="7619" y="595884"/>
                  </a:lnTo>
                  <a:lnTo>
                    <a:pt x="7619" y="6096"/>
                  </a:lnTo>
                  <a:lnTo>
                    <a:pt x="4571" y="6096"/>
                  </a:lnTo>
                  <a:lnTo>
                    <a:pt x="7619" y="3048"/>
                  </a:lnTo>
                  <a:lnTo>
                    <a:pt x="4707636" y="3048"/>
                  </a:lnTo>
                  <a:lnTo>
                    <a:pt x="4707636" y="0"/>
                  </a:lnTo>
                  <a:close/>
                </a:path>
                <a:path w="4707890" h="603885">
                  <a:moveTo>
                    <a:pt x="7619" y="595884"/>
                  </a:moveTo>
                  <a:lnTo>
                    <a:pt x="4571" y="595884"/>
                  </a:lnTo>
                  <a:lnTo>
                    <a:pt x="7619" y="598932"/>
                  </a:lnTo>
                  <a:lnTo>
                    <a:pt x="7619" y="595884"/>
                  </a:lnTo>
                  <a:close/>
                </a:path>
                <a:path w="4707890" h="603885">
                  <a:moveTo>
                    <a:pt x="4701540" y="595884"/>
                  </a:moveTo>
                  <a:lnTo>
                    <a:pt x="7619" y="595884"/>
                  </a:lnTo>
                  <a:lnTo>
                    <a:pt x="7619" y="598932"/>
                  </a:lnTo>
                  <a:lnTo>
                    <a:pt x="4701540" y="598932"/>
                  </a:lnTo>
                  <a:lnTo>
                    <a:pt x="4701540" y="595884"/>
                  </a:lnTo>
                  <a:close/>
                </a:path>
                <a:path w="4707890" h="603885">
                  <a:moveTo>
                    <a:pt x="4701540" y="3048"/>
                  </a:moveTo>
                  <a:lnTo>
                    <a:pt x="4701540" y="598932"/>
                  </a:lnTo>
                  <a:lnTo>
                    <a:pt x="4704588" y="595884"/>
                  </a:lnTo>
                  <a:lnTo>
                    <a:pt x="4707636" y="595884"/>
                  </a:lnTo>
                  <a:lnTo>
                    <a:pt x="4707636" y="6096"/>
                  </a:lnTo>
                  <a:lnTo>
                    <a:pt x="4704588" y="6096"/>
                  </a:lnTo>
                  <a:lnTo>
                    <a:pt x="4701540" y="3048"/>
                  </a:lnTo>
                  <a:close/>
                </a:path>
                <a:path w="4707890" h="603885">
                  <a:moveTo>
                    <a:pt x="4707636" y="595884"/>
                  </a:moveTo>
                  <a:lnTo>
                    <a:pt x="4704588" y="595884"/>
                  </a:lnTo>
                  <a:lnTo>
                    <a:pt x="4701540" y="598932"/>
                  </a:lnTo>
                  <a:lnTo>
                    <a:pt x="4707636" y="598932"/>
                  </a:lnTo>
                  <a:lnTo>
                    <a:pt x="4707636" y="595884"/>
                  </a:lnTo>
                  <a:close/>
                </a:path>
                <a:path w="4707890" h="603885">
                  <a:moveTo>
                    <a:pt x="7619" y="3048"/>
                  </a:moveTo>
                  <a:lnTo>
                    <a:pt x="4571" y="6096"/>
                  </a:lnTo>
                  <a:lnTo>
                    <a:pt x="7619" y="6096"/>
                  </a:lnTo>
                  <a:lnTo>
                    <a:pt x="7619" y="3048"/>
                  </a:lnTo>
                  <a:close/>
                </a:path>
                <a:path w="4707890" h="603885">
                  <a:moveTo>
                    <a:pt x="4701540" y="3048"/>
                  </a:moveTo>
                  <a:lnTo>
                    <a:pt x="7619" y="3048"/>
                  </a:lnTo>
                  <a:lnTo>
                    <a:pt x="7619" y="6096"/>
                  </a:lnTo>
                  <a:lnTo>
                    <a:pt x="4701540" y="6096"/>
                  </a:lnTo>
                  <a:lnTo>
                    <a:pt x="4701540" y="3048"/>
                  </a:lnTo>
                  <a:close/>
                </a:path>
                <a:path w="4707890" h="603885">
                  <a:moveTo>
                    <a:pt x="4707636" y="3048"/>
                  </a:moveTo>
                  <a:lnTo>
                    <a:pt x="4701540" y="3048"/>
                  </a:lnTo>
                  <a:lnTo>
                    <a:pt x="4704588" y="6096"/>
                  </a:lnTo>
                  <a:lnTo>
                    <a:pt x="4707636" y="6096"/>
                  </a:lnTo>
                  <a:lnTo>
                    <a:pt x="4707636" y="3048"/>
                  </a:lnTo>
                  <a:close/>
                </a:path>
              </a:pathLst>
            </a:custGeom>
            <a:solidFill>
              <a:srgbClr val="ED7C31"/>
            </a:solidFill>
          </p:spPr>
          <p:txBody>
            <a:bodyPr wrap="square" lIns="0" tIns="0" rIns="0" bIns="0" rtlCol="0"/>
            <a:lstStyle/>
            <a:p>
              <a:endParaRPr sz="1539"/>
            </a:p>
          </p:txBody>
        </p:sp>
      </p:grpSp>
      <p:sp>
        <p:nvSpPr>
          <p:cNvPr id="35" name="object 35"/>
          <p:cNvSpPr txBox="1"/>
          <p:nvPr/>
        </p:nvSpPr>
        <p:spPr>
          <a:xfrm>
            <a:off x="335787" y="3268208"/>
            <a:ext cx="3798778" cy="456309"/>
          </a:xfrm>
          <a:prstGeom prst="rect">
            <a:avLst/>
          </a:prstGeom>
        </p:spPr>
        <p:txBody>
          <a:bodyPr vert="horz" wrap="square" lIns="0" tIns="10317" rIns="0" bIns="0" rtlCol="0">
            <a:spAutoFit/>
          </a:bodyPr>
          <a:lstStyle/>
          <a:p>
            <a:pPr marL="174842" marR="4344" indent="-164526">
              <a:lnSpc>
                <a:spcPct val="120700"/>
              </a:lnSpc>
              <a:spcBef>
                <a:spcPts val="81"/>
              </a:spcBef>
            </a:pPr>
            <a:r>
              <a:rPr sz="1283" spc="-4" dirty="0">
                <a:latin typeface="HGSｺﾞｼｯｸM"/>
                <a:cs typeface="HGSｺﾞｼｯｸM"/>
              </a:rPr>
              <a:t>・メンテナンス分野を担う自治体技術系職員の不足</a:t>
            </a:r>
            <a:r>
              <a:rPr sz="1283" spc="-9" dirty="0">
                <a:latin typeface="HGSｺﾞｼｯｸM"/>
                <a:cs typeface="HGSｺﾞｼｯｸM"/>
              </a:rPr>
              <a:t>と技術力低下</a:t>
            </a:r>
            <a:endParaRPr sz="1283">
              <a:latin typeface="HGSｺﾞｼｯｸM"/>
              <a:cs typeface="HGSｺﾞｼｯｸM"/>
            </a:endParaRPr>
          </a:p>
        </p:txBody>
      </p:sp>
      <p:grpSp>
        <p:nvGrpSpPr>
          <p:cNvPr id="36" name="object 36"/>
          <p:cNvGrpSpPr/>
          <p:nvPr/>
        </p:nvGrpSpPr>
        <p:grpSpPr>
          <a:xfrm>
            <a:off x="4299201" y="2158071"/>
            <a:ext cx="4475347" cy="2534691"/>
            <a:chOff x="5027676" y="2295144"/>
            <a:chExt cx="5233670" cy="2964180"/>
          </a:xfrm>
        </p:grpSpPr>
        <p:sp>
          <p:nvSpPr>
            <p:cNvPr id="37" name="object 37"/>
            <p:cNvSpPr/>
            <p:nvPr/>
          </p:nvSpPr>
          <p:spPr>
            <a:xfrm>
              <a:off x="5027676" y="2494787"/>
              <a:ext cx="629920" cy="2764790"/>
            </a:xfrm>
            <a:custGeom>
              <a:avLst/>
              <a:gdLst/>
              <a:ahLst/>
              <a:cxnLst/>
              <a:rect l="l" t="t" r="r" b="b"/>
              <a:pathLst>
                <a:path w="629920" h="2764790">
                  <a:moveTo>
                    <a:pt x="515112" y="2758440"/>
                  </a:moveTo>
                  <a:lnTo>
                    <a:pt x="0" y="2758440"/>
                  </a:lnTo>
                  <a:lnTo>
                    <a:pt x="0" y="2764536"/>
                  </a:lnTo>
                  <a:lnTo>
                    <a:pt x="515112" y="2764536"/>
                  </a:lnTo>
                  <a:lnTo>
                    <a:pt x="515112" y="2758440"/>
                  </a:lnTo>
                  <a:close/>
                </a:path>
                <a:path w="629920" h="2764790">
                  <a:moveTo>
                    <a:pt x="576059" y="0"/>
                  </a:moveTo>
                  <a:lnTo>
                    <a:pt x="240792" y="0"/>
                  </a:lnTo>
                  <a:lnTo>
                    <a:pt x="240792" y="7620"/>
                  </a:lnTo>
                  <a:lnTo>
                    <a:pt x="576059" y="7620"/>
                  </a:lnTo>
                  <a:lnTo>
                    <a:pt x="576059" y="0"/>
                  </a:lnTo>
                  <a:close/>
                </a:path>
                <a:path w="629920" h="2764790">
                  <a:moveTo>
                    <a:pt x="629412" y="1399032"/>
                  </a:moveTo>
                  <a:lnTo>
                    <a:pt x="0" y="1399032"/>
                  </a:lnTo>
                  <a:lnTo>
                    <a:pt x="0" y="1406652"/>
                  </a:lnTo>
                  <a:lnTo>
                    <a:pt x="629412" y="1406652"/>
                  </a:lnTo>
                  <a:lnTo>
                    <a:pt x="629412" y="1399032"/>
                  </a:lnTo>
                  <a:close/>
                </a:path>
              </a:pathLst>
            </a:custGeom>
            <a:solidFill>
              <a:srgbClr val="000000"/>
            </a:solidFill>
          </p:spPr>
          <p:txBody>
            <a:bodyPr wrap="square" lIns="0" tIns="0" rIns="0" bIns="0" rtlCol="0"/>
            <a:lstStyle/>
            <a:p>
              <a:endParaRPr sz="1539"/>
            </a:p>
          </p:txBody>
        </p:sp>
        <p:pic>
          <p:nvPicPr>
            <p:cNvPr id="38" name="object 38"/>
            <p:cNvPicPr/>
            <p:nvPr/>
          </p:nvPicPr>
          <p:blipFill>
            <a:blip r:embed="rId2" cstate="print"/>
            <a:stretch>
              <a:fillRect/>
            </a:stretch>
          </p:blipFill>
          <p:spPr>
            <a:xfrm>
              <a:off x="5556504" y="2298192"/>
              <a:ext cx="4700015" cy="388620"/>
            </a:xfrm>
            <a:prstGeom prst="rect">
              <a:avLst/>
            </a:prstGeom>
          </p:spPr>
        </p:pic>
        <p:sp>
          <p:nvSpPr>
            <p:cNvPr id="39" name="object 39"/>
            <p:cNvSpPr/>
            <p:nvPr/>
          </p:nvSpPr>
          <p:spPr>
            <a:xfrm>
              <a:off x="5553456" y="2295144"/>
              <a:ext cx="4707890" cy="394970"/>
            </a:xfrm>
            <a:custGeom>
              <a:avLst/>
              <a:gdLst/>
              <a:ahLst/>
              <a:cxnLst/>
              <a:rect l="l" t="t" r="r" b="b"/>
              <a:pathLst>
                <a:path w="4707890" h="394969">
                  <a:moveTo>
                    <a:pt x="4707636" y="0"/>
                  </a:moveTo>
                  <a:lnTo>
                    <a:pt x="0" y="0"/>
                  </a:lnTo>
                  <a:lnTo>
                    <a:pt x="0" y="394715"/>
                  </a:lnTo>
                  <a:lnTo>
                    <a:pt x="4707636" y="394715"/>
                  </a:lnTo>
                  <a:lnTo>
                    <a:pt x="4707636" y="391667"/>
                  </a:lnTo>
                  <a:lnTo>
                    <a:pt x="6096" y="391667"/>
                  </a:lnTo>
                  <a:lnTo>
                    <a:pt x="3048" y="388619"/>
                  </a:lnTo>
                  <a:lnTo>
                    <a:pt x="6096" y="388619"/>
                  </a:lnTo>
                  <a:lnTo>
                    <a:pt x="6096" y="6095"/>
                  </a:lnTo>
                  <a:lnTo>
                    <a:pt x="3048" y="6095"/>
                  </a:lnTo>
                  <a:lnTo>
                    <a:pt x="6096" y="3048"/>
                  </a:lnTo>
                  <a:lnTo>
                    <a:pt x="4707636" y="3048"/>
                  </a:lnTo>
                  <a:lnTo>
                    <a:pt x="4707636" y="0"/>
                  </a:lnTo>
                  <a:close/>
                </a:path>
                <a:path w="4707890" h="394969">
                  <a:moveTo>
                    <a:pt x="6096" y="388619"/>
                  </a:moveTo>
                  <a:lnTo>
                    <a:pt x="3048" y="388619"/>
                  </a:lnTo>
                  <a:lnTo>
                    <a:pt x="6096" y="391667"/>
                  </a:lnTo>
                  <a:lnTo>
                    <a:pt x="6096" y="388619"/>
                  </a:lnTo>
                  <a:close/>
                </a:path>
                <a:path w="4707890" h="394969">
                  <a:moveTo>
                    <a:pt x="4700016" y="388619"/>
                  </a:moveTo>
                  <a:lnTo>
                    <a:pt x="6096" y="388619"/>
                  </a:lnTo>
                  <a:lnTo>
                    <a:pt x="6096" y="391667"/>
                  </a:lnTo>
                  <a:lnTo>
                    <a:pt x="4700016" y="391667"/>
                  </a:lnTo>
                  <a:lnTo>
                    <a:pt x="4700016" y="388619"/>
                  </a:lnTo>
                  <a:close/>
                </a:path>
                <a:path w="4707890" h="394969">
                  <a:moveTo>
                    <a:pt x="4700016" y="3048"/>
                  </a:moveTo>
                  <a:lnTo>
                    <a:pt x="4700016" y="391667"/>
                  </a:lnTo>
                  <a:lnTo>
                    <a:pt x="4703064" y="388619"/>
                  </a:lnTo>
                  <a:lnTo>
                    <a:pt x="4707636" y="388619"/>
                  </a:lnTo>
                  <a:lnTo>
                    <a:pt x="4707636" y="6095"/>
                  </a:lnTo>
                  <a:lnTo>
                    <a:pt x="4703064" y="6095"/>
                  </a:lnTo>
                  <a:lnTo>
                    <a:pt x="4700016" y="3048"/>
                  </a:lnTo>
                  <a:close/>
                </a:path>
                <a:path w="4707890" h="394969">
                  <a:moveTo>
                    <a:pt x="4707636" y="388619"/>
                  </a:moveTo>
                  <a:lnTo>
                    <a:pt x="4703064" y="388619"/>
                  </a:lnTo>
                  <a:lnTo>
                    <a:pt x="4700016" y="391667"/>
                  </a:lnTo>
                  <a:lnTo>
                    <a:pt x="4707636" y="391667"/>
                  </a:lnTo>
                  <a:lnTo>
                    <a:pt x="4707636" y="388619"/>
                  </a:lnTo>
                  <a:close/>
                </a:path>
                <a:path w="4707890" h="394969">
                  <a:moveTo>
                    <a:pt x="6096" y="3048"/>
                  </a:moveTo>
                  <a:lnTo>
                    <a:pt x="3048" y="6095"/>
                  </a:lnTo>
                  <a:lnTo>
                    <a:pt x="6096" y="6095"/>
                  </a:lnTo>
                  <a:lnTo>
                    <a:pt x="6096" y="3048"/>
                  </a:lnTo>
                  <a:close/>
                </a:path>
                <a:path w="4707890" h="394969">
                  <a:moveTo>
                    <a:pt x="4700016" y="3048"/>
                  </a:moveTo>
                  <a:lnTo>
                    <a:pt x="6096" y="3048"/>
                  </a:lnTo>
                  <a:lnTo>
                    <a:pt x="6096" y="6095"/>
                  </a:lnTo>
                  <a:lnTo>
                    <a:pt x="4700016" y="6095"/>
                  </a:lnTo>
                  <a:lnTo>
                    <a:pt x="4700016" y="3048"/>
                  </a:lnTo>
                  <a:close/>
                </a:path>
                <a:path w="4707890" h="394969">
                  <a:moveTo>
                    <a:pt x="4707636" y="3048"/>
                  </a:moveTo>
                  <a:lnTo>
                    <a:pt x="4700016" y="3048"/>
                  </a:lnTo>
                  <a:lnTo>
                    <a:pt x="4703064" y="6095"/>
                  </a:lnTo>
                  <a:lnTo>
                    <a:pt x="4707636" y="6095"/>
                  </a:lnTo>
                  <a:lnTo>
                    <a:pt x="4707636" y="3048"/>
                  </a:lnTo>
                  <a:close/>
                </a:path>
              </a:pathLst>
            </a:custGeom>
            <a:solidFill>
              <a:srgbClr val="70AC46"/>
            </a:solidFill>
          </p:spPr>
          <p:txBody>
            <a:bodyPr wrap="square" lIns="0" tIns="0" rIns="0" bIns="0" rtlCol="0"/>
            <a:lstStyle/>
            <a:p>
              <a:endParaRPr sz="1539"/>
            </a:p>
          </p:txBody>
        </p:sp>
      </p:grpSp>
      <p:sp>
        <p:nvSpPr>
          <p:cNvPr id="40" name="object 40"/>
          <p:cNvSpPr txBox="1"/>
          <p:nvPr/>
        </p:nvSpPr>
        <p:spPr>
          <a:xfrm>
            <a:off x="4807007" y="2222795"/>
            <a:ext cx="2144822"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2)技術者派遣制度の活用促進</a:t>
            </a:r>
            <a:endParaRPr sz="1283">
              <a:latin typeface="HGSｺﾞｼｯｸM"/>
              <a:cs typeface="HGSｺﾞｼｯｸM"/>
            </a:endParaRPr>
          </a:p>
        </p:txBody>
      </p:sp>
      <p:grpSp>
        <p:nvGrpSpPr>
          <p:cNvPr id="41" name="object 41"/>
          <p:cNvGrpSpPr/>
          <p:nvPr/>
        </p:nvGrpSpPr>
        <p:grpSpPr>
          <a:xfrm>
            <a:off x="4748798" y="3333541"/>
            <a:ext cx="4025749" cy="337742"/>
            <a:chOff x="5553455" y="3669791"/>
            <a:chExt cx="4707890" cy="394970"/>
          </a:xfrm>
        </p:grpSpPr>
        <p:pic>
          <p:nvPicPr>
            <p:cNvPr id="42" name="object 42"/>
            <p:cNvPicPr/>
            <p:nvPr/>
          </p:nvPicPr>
          <p:blipFill>
            <a:blip r:embed="rId2" cstate="print"/>
            <a:stretch>
              <a:fillRect/>
            </a:stretch>
          </p:blipFill>
          <p:spPr>
            <a:xfrm>
              <a:off x="5556503" y="3672839"/>
              <a:ext cx="4700015" cy="388620"/>
            </a:xfrm>
            <a:prstGeom prst="rect">
              <a:avLst/>
            </a:prstGeom>
          </p:spPr>
        </p:pic>
        <p:sp>
          <p:nvSpPr>
            <p:cNvPr id="43" name="object 43"/>
            <p:cNvSpPr/>
            <p:nvPr/>
          </p:nvSpPr>
          <p:spPr>
            <a:xfrm>
              <a:off x="5553455" y="3669791"/>
              <a:ext cx="4707890" cy="394970"/>
            </a:xfrm>
            <a:custGeom>
              <a:avLst/>
              <a:gdLst/>
              <a:ahLst/>
              <a:cxnLst/>
              <a:rect l="l" t="t" r="r" b="b"/>
              <a:pathLst>
                <a:path w="4707890" h="394970">
                  <a:moveTo>
                    <a:pt x="4707636" y="0"/>
                  </a:moveTo>
                  <a:lnTo>
                    <a:pt x="0" y="0"/>
                  </a:lnTo>
                  <a:lnTo>
                    <a:pt x="0" y="394715"/>
                  </a:lnTo>
                  <a:lnTo>
                    <a:pt x="4707636" y="394715"/>
                  </a:lnTo>
                  <a:lnTo>
                    <a:pt x="4707636" y="391667"/>
                  </a:lnTo>
                  <a:lnTo>
                    <a:pt x="6096" y="391667"/>
                  </a:lnTo>
                  <a:lnTo>
                    <a:pt x="3048" y="388619"/>
                  </a:lnTo>
                  <a:lnTo>
                    <a:pt x="6096" y="388619"/>
                  </a:lnTo>
                  <a:lnTo>
                    <a:pt x="6096" y="6095"/>
                  </a:lnTo>
                  <a:lnTo>
                    <a:pt x="3048" y="6095"/>
                  </a:lnTo>
                  <a:lnTo>
                    <a:pt x="6096" y="3047"/>
                  </a:lnTo>
                  <a:lnTo>
                    <a:pt x="4707636" y="3047"/>
                  </a:lnTo>
                  <a:lnTo>
                    <a:pt x="4707636" y="0"/>
                  </a:lnTo>
                  <a:close/>
                </a:path>
                <a:path w="4707890" h="394970">
                  <a:moveTo>
                    <a:pt x="6096" y="388619"/>
                  </a:moveTo>
                  <a:lnTo>
                    <a:pt x="3048" y="388619"/>
                  </a:lnTo>
                  <a:lnTo>
                    <a:pt x="6096" y="391667"/>
                  </a:lnTo>
                  <a:lnTo>
                    <a:pt x="6096" y="388619"/>
                  </a:lnTo>
                  <a:close/>
                </a:path>
                <a:path w="4707890" h="394970">
                  <a:moveTo>
                    <a:pt x="4700016" y="388619"/>
                  </a:moveTo>
                  <a:lnTo>
                    <a:pt x="6096" y="388619"/>
                  </a:lnTo>
                  <a:lnTo>
                    <a:pt x="6096" y="391667"/>
                  </a:lnTo>
                  <a:lnTo>
                    <a:pt x="4700016" y="391667"/>
                  </a:lnTo>
                  <a:lnTo>
                    <a:pt x="4700016" y="388619"/>
                  </a:lnTo>
                  <a:close/>
                </a:path>
                <a:path w="4707890" h="394970">
                  <a:moveTo>
                    <a:pt x="4700016" y="3047"/>
                  </a:moveTo>
                  <a:lnTo>
                    <a:pt x="4700016" y="391667"/>
                  </a:lnTo>
                  <a:lnTo>
                    <a:pt x="4703064" y="388619"/>
                  </a:lnTo>
                  <a:lnTo>
                    <a:pt x="4707636" y="388619"/>
                  </a:lnTo>
                  <a:lnTo>
                    <a:pt x="4707636" y="6095"/>
                  </a:lnTo>
                  <a:lnTo>
                    <a:pt x="4703064" y="6095"/>
                  </a:lnTo>
                  <a:lnTo>
                    <a:pt x="4700016" y="3047"/>
                  </a:lnTo>
                  <a:close/>
                </a:path>
                <a:path w="4707890" h="394970">
                  <a:moveTo>
                    <a:pt x="4707636" y="388619"/>
                  </a:moveTo>
                  <a:lnTo>
                    <a:pt x="4703064" y="388619"/>
                  </a:lnTo>
                  <a:lnTo>
                    <a:pt x="4700016" y="391667"/>
                  </a:lnTo>
                  <a:lnTo>
                    <a:pt x="4707636" y="391667"/>
                  </a:lnTo>
                  <a:lnTo>
                    <a:pt x="4707636" y="388619"/>
                  </a:lnTo>
                  <a:close/>
                </a:path>
                <a:path w="4707890" h="394970">
                  <a:moveTo>
                    <a:pt x="6096" y="3047"/>
                  </a:moveTo>
                  <a:lnTo>
                    <a:pt x="3048" y="6095"/>
                  </a:lnTo>
                  <a:lnTo>
                    <a:pt x="6096" y="6095"/>
                  </a:lnTo>
                  <a:lnTo>
                    <a:pt x="6096" y="3047"/>
                  </a:lnTo>
                  <a:close/>
                </a:path>
                <a:path w="4707890" h="394970">
                  <a:moveTo>
                    <a:pt x="4700016" y="3047"/>
                  </a:moveTo>
                  <a:lnTo>
                    <a:pt x="6096" y="3047"/>
                  </a:lnTo>
                  <a:lnTo>
                    <a:pt x="6096" y="6095"/>
                  </a:lnTo>
                  <a:lnTo>
                    <a:pt x="4700016" y="6095"/>
                  </a:lnTo>
                  <a:lnTo>
                    <a:pt x="4700016" y="3047"/>
                  </a:lnTo>
                  <a:close/>
                </a:path>
                <a:path w="4707890" h="394970">
                  <a:moveTo>
                    <a:pt x="4707636" y="3047"/>
                  </a:moveTo>
                  <a:lnTo>
                    <a:pt x="4700016" y="3047"/>
                  </a:lnTo>
                  <a:lnTo>
                    <a:pt x="4703064" y="6095"/>
                  </a:lnTo>
                  <a:lnTo>
                    <a:pt x="4707636" y="6095"/>
                  </a:lnTo>
                  <a:lnTo>
                    <a:pt x="4707636" y="3047"/>
                  </a:lnTo>
                  <a:close/>
                </a:path>
              </a:pathLst>
            </a:custGeom>
            <a:solidFill>
              <a:srgbClr val="70AC46"/>
            </a:solidFill>
          </p:spPr>
          <p:txBody>
            <a:bodyPr wrap="square" lIns="0" tIns="0" rIns="0" bIns="0" rtlCol="0"/>
            <a:lstStyle/>
            <a:p>
              <a:endParaRPr sz="1539"/>
            </a:p>
          </p:txBody>
        </p:sp>
      </p:grpSp>
      <p:sp>
        <p:nvSpPr>
          <p:cNvPr id="44" name="object 44"/>
          <p:cNvSpPr txBox="1"/>
          <p:nvPr/>
        </p:nvSpPr>
        <p:spPr>
          <a:xfrm>
            <a:off x="4807008" y="3398267"/>
            <a:ext cx="1652327"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4)外部人材の活用促進</a:t>
            </a:r>
            <a:endParaRPr sz="1283">
              <a:latin typeface="HGSｺﾞｼｯｸM"/>
              <a:cs typeface="HGSｺﾞｼｯｸM"/>
            </a:endParaRPr>
          </a:p>
        </p:txBody>
      </p:sp>
      <p:sp>
        <p:nvSpPr>
          <p:cNvPr id="45" name="object 45"/>
          <p:cNvSpPr txBox="1">
            <a:spLocks noGrp="1"/>
          </p:cNvSpPr>
          <p:nvPr>
            <p:ph type="sldNum" sz="quarter" idx="7"/>
          </p:nvPr>
        </p:nvSpPr>
        <p:spPr>
          <a:xfrm>
            <a:off x="10347452" y="7147033"/>
            <a:ext cx="279653" cy="249554"/>
          </a:xfrm>
          <a:prstGeom prst="rect">
            <a:avLst/>
          </a:prstGeom>
        </p:spPr>
        <p:txBody>
          <a:bodyPr vert="horz" wrap="square" lIns="0" tIns="0" rIns="0" bIns="0" rtlCol="0">
            <a:spAutoFit/>
          </a:bodyPr>
          <a:lstStyle>
            <a:defPPr>
              <a:defRPr kern="0"/>
            </a:defPPr>
            <a:lvl1pPr>
              <a:defRPr sz="1600" b="0" i="0">
                <a:solidFill>
                  <a:schemeClr val="tx1"/>
                </a:solidFill>
                <a:latin typeface="ＭＳ Ｐゴシック"/>
                <a:cs typeface="ＭＳ Ｐゴシック"/>
              </a:defRPr>
            </a:lvl1pPr>
          </a:lstStyle>
          <a:p>
            <a:pPr marL="116205">
              <a:lnSpc>
                <a:spcPts val="1810"/>
              </a:lnSpc>
            </a:pPr>
            <a:fld id="{81D60167-4931-47E6-BA6A-407CBD079E47}" type="slidenum">
              <a:rPr lang="en-US" altLang="ja-JP" spc="-50" smtClean="0"/>
              <a:pPr marL="116205">
                <a:lnSpc>
                  <a:spcPts val="1810"/>
                </a:lnSpc>
              </a:pPr>
              <a:t>51</a:t>
            </a:fld>
            <a:endParaRPr spc="-43" dirty="0"/>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81143" y="926562"/>
            <a:ext cx="8779652" cy="5364227"/>
            <a:chOff x="211836" y="854963"/>
            <a:chExt cx="10267315" cy="6273165"/>
          </a:xfrm>
        </p:grpSpPr>
        <p:sp>
          <p:nvSpPr>
            <p:cNvPr id="3" name="object 3"/>
            <p:cNvSpPr/>
            <p:nvPr/>
          </p:nvSpPr>
          <p:spPr>
            <a:xfrm>
              <a:off x="211836" y="854963"/>
              <a:ext cx="10267315" cy="6273165"/>
            </a:xfrm>
            <a:custGeom>
              <a:avLst/>
              <a:gdLst/>
              <a:ahLst/>
              <a:cxnLst/>
              <a:rect l="l" t="t" r="r" b="b"/>
              <a:pathLst>
                <a:path w="10267315" h="6273165">
                  <a:moveTo>
                    <a:pt x="10265664" y="0"/>
                  </a:moveTo>
                  <a:lnTo>
                    <a:pt x="3048" y="0"/>
                  </a:lnTo>
                  <a:lnTo>
                    <a:pt x="0" y="1524"/>
                  </a:lnTo>
                  <a:lnTo>
                    <a:pt x="0" y="6269741"/>
                  </a:lnTo>
                  <a:lnTo>
                    <a:pt x="3048" y="6272789"/>
                  </a:lnTo>
                  <a:lnTo>
                    <a:pt x="10265664" y="6272789"/>
                  </a:lnTo>
                  <a:lnTo>
                    <a:pt x="10267188" y="6269741"/>
                  </a:lnTo>
                  <a:lnTo>
                    <a:pt x="10267188" y="6266693"/>
                  </a:lnTo>
                  <a:lnTo>
                    <a:pt x="10667" y="6266693"/>
                  </a:lnTo>
                  <a:lnTo>
                    <a:pt x="4571" y="6262121"/>
                  </a:lnTo>
                  <a:lnTo>
                    <a:pt x="10667" y="6262121"/>
                  </a:lnTo>
                  <a:lnTo>
                    <a:pt x="10667" y="9144"/>
                  </a:lnTo>
                  <a:lnTo>
                    <a:pt x="4571" y="9144"/>
                  </a:lnTo>
                  <a:lnTo>
                    <a:pt x="10667" y="4572"/>
                  </a:lnTo>
                  <a:lnTo>
                    <a:pt x="10267188" y="4572"/>
                  </a:lnTo>
                  <a:lnTo>
                    <a:pt x="10267188" y="1524"/>
                  </a:lnTo>
                  <a:lnTo>
                    <a:pt x="10265664" y="0"/>
                  </a:lnTo>
                  <a:close/>
                </a:path>
                <a:path w="10267315" h="6273165">
                  <a:moveTo>
                    <a:pt x="10667" y="6262121"/>
                  </a:moveTo>
                  <a:lnTo>
                    <a:pt x="4571" y="6262121"/>
                  </a:lnTo>
                  <a:lnTo>
                    <a:pt x="10667" y="6266693"/>
                  </a:lnTo>
                  <a:lnTo>
                    <a:pt x="10667" y="6262121"/>
                  </a:lnTo>
                  <a:close/>
                </a:path>
                <a:path w="10267315" h="6273165">
                  <a:moveTo>
                    <a:pt x="10258044" y="6262121"/>
                  </a:moveTo>
                  <a:lnTo>
                    <a:pt x="10667" y="6262121"/>
                  </a:lnTo>
                  <a:lnTo>
                    <a:pt x="10667" y="6266693"/>
                  </a:lnTo>
                  <a:lnTo>
                    <a:pt x="10258044" y="6266693"/>
                  </a:lnTo>
                  <a:lnTo>
                    <a:pt x="10258044" y="6262121"/>
                  </a:lnTo>
                  <a:close/>
                </a:path>
                <a:path w="10267315" h="6273165">
                  <a:moveTo>
                    <a:pt x="10258044" y="4572"/>
                  </a:moveTo>
                  <a:lnTo>
                    <a:pt x="10258044" y="6266693"/>
                  </a:lnTo>
                  <a:lnTo>
                    <a:pt x="10262616" y="6262121"/>
                  </a:lnTo>
                  <a:lnTo>
                    <a:pt x="10267188" y="6262121"/>
                  </a:lnTo>
                  <a:lnTo>
                    <a:pt x="10267188" y="9144"/>
                  </a:lnTo>
                  <a:lnTo>
                    <a:pt x="10262616" y="9144"/>
                  </a:lnTo>
                  <a:lnTo>
                    <a:pt x="10258044" y="4572"/>
                  </a:lnTo>
                  <a:close/>
                </a:path>
                <a:path w="10267315" h="6273165">
                  <a:moveTo>
                    <a:pt x="10267188" y="6262121"/>
                  </a:moveTo>
                  <a:lnTo>
                    <a:pt x="10262616" y="6262121"/>
                  </a:lnTo>
                  <a:lnTo>
                    <a:pt x="10258044" y="6266693"/>
                  </a:lnTo>
                  <a:lnTo>
                    <a:pt x="10267188" y="6266693"/>
                  </a:lnTo>
                  <a:lnTo>
                    <a:pt x="10267188" y="6262121"/>
                  </a:lnTo>
                  <a:close/>
                </a:path>
                <a:path w="10267315" h="6273165">
                  <a:moveTo>
                    <a:pt x="10667" y="4572"/>
                  </a:moveTo>
                  <a:lnTo>
                    <a:pt x="4571" y="9144"/>
                  </a:lnTo>
                  <a:lnTo>
                    <a:pt x="10667" y="9144"/>
                  </a:lnTo>
                  <a:lnTo>
                    <a:pt x="10667" y="4572"/>
                  </a:lnTo>
                  <a:close/>
                </a:path>
                <a:path w="10267315" h="6273165">
                  <a:moveTo>
                    <a:pt x="10258044" y="4572"/>
                  </a:moveTo>
                  <a:lnTo>
                    <a:pt x="10667" y="4572"/>
                  </a:lnTo>
                  <a:lnTo>
                    <a:pt x="10667" y="9144"/>
                  </a:lnTo>
                  <a:lnTo>
                    <a:pt x="10258044" y="9144"/>
                  </a:lnTo>
                  <a:lnTo>
                    <a:pt x="10258044" y="4572"/>
                  </a:lnTo>
                  <a:close/>
                </a:path>
                <a:path w="10267315" h="6273165">
                  <a:moveTo>
                    <a:pt x="10267188" y="4572"/>
                  </a:moveTo>
                  <a:lnTo>
                    <a:pt x="10258044" y="4572"/>
                  </a:lnTo>
                  <a:lnTo>
                    <a:pt x="10262616" y="9144"/>
                  </a:lnTo>
                  <a:lnTo>
                    <a:pt x="10267188" y="9144"/>
                  </a:lnTo>
                  <a:lnTo>
                    <a:pt x="10267188" y="4572"/>
                  </a:lnTo>
                  <a:close/>
                </a:path>
              </a:pathLst>
            </a:custGeom>
            <a:solidFill>
              <a:srgbClr val="4472C3"/>
            </a:solidFill>
          </p:spPr>
          <p:txBody>
            <a:bodyPr wrap="square" lIns="0" tIns="0" rIns="0" bIns="0" rtlCol="0"/>
            <a:lstStyle/>
            <a:p>
              <a:endParaRPr sz="1539"/>
            </a:p>
          </p:txBody>
        </p:sp>
        <p:sp>
          <p:nvSpPr>
            <p:cNvPr id="4" name="object 4"/>
            <p:cNvSpPr/>
            <p:nvPr/>
          </p:nvSpPr>
          <p:spPr>
            <a:xfrm>
              <a:off x="361188" y="908303"/>
              <a:ext cx="4721860" cy="330835"/>
            </a:xfrm>
            <a:custGeom>
              <a:avLst/>
              <a:gdLst/>
              <a:ahLst/>
              <a:cxnLst/>
              <a:rect l="l" t="t" r="r" b="b"/>
              <a:pathLst>
                <a:path w="4721860" h="330834">
                  <a:moveTo>
                    <a:pt x="4671060" y="0"/>
                  </a:moveTo>
                  <a:lnTo>
                    <a:pt x="48768" y="0"/>
                  </a:lnTo>
                  <a:lnTo>
                    <a:pt x="38100" y="4572"/>
                  </a:lnTo>
                  <a:lnTo>
                    <a:pt x="4571" y="38100"/>
                  </a:lnTo>
                  <a:lnTo>
                    <a:pt x="0" y="60959"/>
                  </a:lnTo>
                  <a:lnTo>
                    <a:pt x="0" y="269747"/>
                  </a:lnTo>
                  <a:lnTo>
                    <a:pt x="18287" y="312419"/>
                  </a:lnTo>
                  <a:lnTo>
                    <a:pt x="60960" y="330707"/>
                  </a:lnTo>
                  <a:lnTo>
                    <a:pt x="4658868" y="330707"/>
                  </a:lnTo>
                  <a:lnTo>
                    <a:pt x="4703064" y="312419"/>
                  </a:lnTo>
                  <a:lnTo>
                    <a:pt x="4704334" y="310895"/>
                  </a:lnTo>
                  <a:lnTo>
                    <a:pt x="62483" y="310895"/>
                  </a:lnTo>
                  <a:lnTo>
                    <a:pt x="51816" y="309371"/>
                  </a:lnTo>
                  <a:lnTo>
                    <a:pt x="54863" y="309371"/>
                  </a:lnTo>
                  <a:lnTo>
                    <a:pt x="49530" y="307847"/>
                  </a:lnTo>
                  <a:lnTo>
                    <a:pt x="45719" y="307847"/>
                  </a:lnTo>
                  <a:lnTo>
                    <a:pt x="38100" y="303275"/>
                  </a:lnTo>
                  <a:lnTo>
                    <a:pt x="39623" y="303275"/>
                  </a:lnTo>
                  <a:lnTo>
                    <a:pt x="33908" y="298703"/>
                  </a:lnTo>
                  <a:lnTo>
                    <a:pt x="33527" y="298703"/>
                  </a:lnTo>
                  <a:lnTo>
                    <a:pt x="25907" y="291083"/>
                  </a:lnTo>
                  <a:lnTo>
                    <a:pt x="26669" y="291083"/>
                  </a:lnTo>
                  <a:lnTo>
                    <a:pt x="22859" y="283463"/>
                  </a:lnTo>
                  <a:lnTo>
                    <a:pt x="23513" y="283463"/>
                  </a:lnTo>
                  <a:lnTo>
                    <a:pt x="22206" y="278891"/>
                  </a:lnTo>
                  <a:lnTo>
                    <a:pt x="21335" y="278891"/>
                  </a:lnTo>
                  <a:lnTo>
                    <a:pt x="19811" y="268223"/>
                  </a:lnTo>
                  <a:lnTo>
                    <a:pt x="19811" y="60959"/>
                  </a:lnTo>
                  <a:lnTo>
                    <a:pt x="20029" y="60959"/>
                  </a:lnTo>
                  <a:lnTo>
                    <a:pt x="21335" y="51815"/>
                  </a:lnTo>
                  <a:lnTo>
                    <a:pt x="22206" y="51815"/>
                  </a:lnTo>
                  <a:lnTo>
                    <a:pt x="23948" y="45720"/>
                  </a:lnTo>
                  <a:lnTo>
                    <a:pt x="22859" y="45720"/>
                  </a:lnTo>
                  <a:lnTo>
                    <a:pt x="26517" y="39624"/>
                  </a:lnTo>
                  <a:lnTo>
                    <a:pt x="25907" y="39624"/>
                  </a:lnTo>
                  <a:lnTo>
                    <a:pt x="39623" y="25907"/>
                  </a:lnTo>
                  <a:lnTo>
                    <a:pt x="40639" y="25907"/>
                  </a:lnTo>
                  <a:lnTo>
                    <a:pt x="45719" y="22859"/>
                  </a:lnTo>
                  <a:lnTo>
                    <a:pt x="49530" y="22859"/>
                  </a:lnTo>
                  <a:lnTo>
                    <a:pt x="54863" y="21335"/>
                  </a:lnTo>
                  <a:lnTo>
                    <a:pt x="51816" y="21335"/>
                  </a:lnTo>
                  <a:lnTo>
                    <a:pt x="62483" y="19811"/>
                  </a:lnTo>
                  <a:lnTo>
                    <a:pt x="4704334" y="19811"/>
                  </a:lnTo>
                  <a:lnTo>
                    <a:pt x="4703064" y="18287"/>
                  </a:lnTo>
                  <a:lnTo>
                    <a:pt x="4693920" y="10667"/>
                  </a:lnTo>
                  <a:lnTo>
                    <a:pt x="4683252" y="4572"/>
                  </a:lnTo>
                  <a:lnTo>
                    <a:pt x="4671060" y="0"/>
                  </a:lnTo>
                  <a:close/>
                </a:path>
                <a:path w="4721860" h="330834">
                  <a:moveTo>
                    <a:pt x="4675632" y="306323"/>
                  </a:moveTo>
                  <a:lnTo>
                    <a:pt x="4666488" y="309371"/>
                  </a:lnTo>
                  <a:lnTo>
                    <a:pt x="4668012" y="309371"/>
                  </a:lnTo>
                  <a:lnTo>
                    <a:pt x="4657344" y="310895"/>
                  </a:lnTo>
                  <a:lnTo>
                    <a:pt x="4704334" y="310895"/>
                  </a:lnTo>
                  <a:lnTo>
                    <a:pt x="4706874" y="307847"/>
                  </a:lnTo>
                  <a:lnTo>
                    <a:pt x="4674108" y="307847"/>
                  </a:lnTo>
                  <a:lnTo>
                    <a:pt x="4675632" y="306323"/>
                  </a:lnTo>
                  <a:close/>
                </a:path>
                <a:path w="4721860" h="330834">
                  <a:moveTo>
                    <a:pt x="44196" y="306323"/>
                  </a:moveTo>
                  <a:lnTo>
                    <a:pt x="45719" y="307847"/>
                  </a:lnTo>
                  <a:lnTo>
                    <a:pt x="49530" y="307847"/>
                  </a:lnTo>
                  <a:lnTo>
                    <a:pt x="44196" y="306323"/>
                  </a:lnTo>
                  <a:close/>
                </a:path>
                <a:path w="4721860" h="330834">
                  <a:moveTo>
                    <a:pt x="4688501" y="297857"/>
                  </a:moveTo>
                  <a:lnTo>
                    <a:pt x="4681728" y="303275"/>
                  </a:lnTo>
                  <a:lnTo>
                    <a:pt x="4683252" y="303275"/>
                  </a:lnTo>
                  <a:lnTo>
                    <a:pt x="4674108" y="307847"/>
                  </a:lnTo>
                  <a:lnTo>
                    <a:pt x="4706874" y="307847"/>
                  </a:lnTo>
                  <a:lnTo>
                    <a:pt x="4710684" y="303275"/>
                  </a:lnTo>
                  <a:lnTo>
                    <a:pt x="4713296" y="298703"/>
                  </a:lnTo>
                  <a:lnTo>
                    <a:pt x="4687824" y="298703"/>
                  </a:lnTo>
                  <a:lnTo>
                    <a:pt x="4688501" y="297857"/>
                  </a:lnTo>
                  <a:close/>
                </a:path>
                <a:path w="4721860" h="330834">
                  <a:moveTo>
                    <a:pt x="32003" y="297179"/>
                  </a:moveTo>
                  <a:lnTo>
                    <a:pt x="33527" y="298703"/>
                  </a:lnTo>
                  <a:lnTo>
                    <a:pt x="33908" y="298703"/>
                  </a:lnTo>
                  <a:lnTo>
                    <a:pt x="32003" y="297179"/>
                  </a:lnTo>
                  <a:close/>
                </a:path>
                <a:path w="4721860" h="330834">
                  <a:moveTo>
                    <a:pt x="4689348" y="297179"/>
                  </a:moveTo>
                  <a:lnTo>
                    <a:pt x="4688501" y="297857"/>
                  </a:lnTo>
                  <a:lnTo>
                    <a:pt x="4687824" y="298703"/>
                  </a:lnTo>
                  <a:lnTo>
                    <a:pt x="4689348" y="297179"/>
                  </a:lnTo>
                  <a:close/>
                </a:path>
                <a:path w="4721860" h="330834">
                  <a:moveTo>
                    <a:pt x="4714167" y="297179"/>
                  </a:moveTo>
                  <a:lnTo>
                    <a:pt x="4689348" y="297179"/>
                  </a:lnTo>
                  <a:lnTo>
                    <a:pt x="4687824" y="298703"/>
                  </a:lnTo>
                  <a:lnTo>
                    <a:pt x="4713296" y="298703"/>
                  </a:lnTo>
                  <a:lnTo>
                    <a:pt x="4714167" y="297179"/>
                  </a:lnTo>
                  <a:close/>
                </a:path>
                <a:path w="4721860" h="330834">
                  <a:moveTo>
                    <a:pt x="4717215" y="291083"/>
                  </a:moveTo>
                  <a:lnTo>
                    <a:pt x="4693920" y="291083"/>
                  </a:lnTo>
                  <a:lnTo>
                    <a:pt x="4688501" y="297857"/>
                  </a:lnTo>
                  <a:lnTo>
                    <a:pt x="4689348" y="297179"/>
                  </a:lnTo>
                  <a:lnTo>
                    <a:pt x="4714167" y="297179"/>
                  </a:lnTo>
                  <a:lnTo>
                    <a:pt x="4716780" y="292607"/>
                  </a:lnTo>
                  <a:lnTo>
                    <a:pt x="4717215" y="291083"/>
                  </a:lnTo>
                  <a:close/>
                </a:path>
                <a:path w="4721860" h="330834">
                  <a:moveTo>
                    <a:pt x="26669" y="291083"/>
                  </a:moveTo>
                  <a:lnTo>
                    <a:pt x="25907" y="291083"/>
                  </a:lnTo>
                  <a:lnTo>
                    <a:pt x="27432" y="292607"/>
                  </a:lnTo>
                  <a:lnTo>
                    <a:pt x="26669" y="291083"/>
                  </a:lnTo>
                  <a:close/>
                </a:path>
                <a:path w="4721860" h="330834">
                  <a:moveTo>
                    <a:pt x="4696968" y="283463"/>
                  </a:moveTo>
                  <a:lnTo>
                    <a:pt x="4692396" y="292607"/>
                  </a:lnTo>
                  <a:lnTo>
                    <a:pt x="4693920" y="291083"/>
                  </a:lnTo>
                  <a:lnTo>
                    <a:pt x="4717215" y="291083"/>
                  </a:lnTo>
                  <a:lnTo>
                    <a:pt x="4718521" y="286512"/>
                  </a:lnTo>
                  <a:lnTo>
                    <a:pt x="4696968" y="286512"/>
                  </a:lnTo>
                  <a:lnTo>
                    <a:pt x="4696968" y="283463"/>
                  </a:lnTo>
                  <a:close/>
                </a:path>
                <a:path w="4721860" h="330834">
                  <a:moveTo>
                    <a:pt x="23513" y="283463"/>
                  </a:moveTo>
                  <a:lnTo>
                    <a:pt x="22859" y="283463"/>
                  </a:lnTo>
                  <a:lnTo>
                    <a:pt x="24384" y="286512"/>
                  </a:lnTo>
                  <a:lnTo>
                    <a:pt x="23513" y="283463"/>
                  </a:lnTo>
                  <a:close/>
                </a:path>
                <a:path w="4721860" h="330834">
                  <a:moveTo>
                    <a:pt x="4700016" y="275843"/>
                  </a:moveTo>
                  <a:lnTo>
                    <a:pt x="4696967" y="286512"/>
                  </a:lnTo>
                  <a:lnTo>
                    <a:pt x="4718521" y="286512"/>
                  </a:lnTo>
                  <a:lnTo>
                    <a:pt x="4719828" y="281939"/>
                  </a:lnTo>
                  <a:lnTo>
                    <a:pt x="4720209" y="278891"/>
                  </a:lnTo>
                  <a:lnTo>
                    <a:pt x="4700016" y="278891"/>
                  </a:lnTo>
                  <a:lnTo>
                    <a:pt x="4700016" y="275843"/>
                  </a:lnTo>
                  <a:close/>
                </a:path>
                <a:path w="4721860" h="330834">
                  <a:moveTo>
                    <a:pt x="21335" y="275843"/>
                  </a:moveTo>
                  <a:lnTo>
                    <a:pt x="21335" y="278891"/>
                  </a:lnTo>
                  <a:lnTo>
                    <a:pt x="22206" y="278891"/>
                  </a:lnTo>
                  <a:lnTo>
                    <a:pt x="21335" y="275843"/>
                  </a:lnTo>
                  <a:close/>
                </a:path>
                <a:path w="4721860" h="330834">
                  <a:moveTo>
                    <a:pt x="4720209" y="51815"/>
                  </a:moveTo>
                  <a:lnTo>
                    <a:pt x="4700016" y="51815"/>
                  </a:lnTo>
                  <a:lnTo>
                    <a:pt x="4700016" y="278891"/>
                  </a:lnTo>
                  <a:lnTo>
                    <a:pt x="4720209" y="278891"/>
                  </a:lnTo>
                  <a:lnTo>
                    <a:pt x="4721352" y="269747"/>
                  </a:lnTo>
                  <a:lnTo>
                    <a:pt x="4721352" y="60959"/>
                  </a:lnTo>
                  <a:lnTo>
                    <a:pt x="4720209" y="51815"/>
                  </a:lnTo>
                  <a:close/>
                </a:path>
                <a:path w="4721860" h="330834">
                  <a:moveTo>
                    <a:pt x="20029" y="60959"/>
                  </a:moveTo>
                  <a:lnTo>
                    <a:pt x="19811" y="60959"/>
                  </a:lnTo>
                  <a:lnTo>
                    <a:pt x="19811" y="62483"/>
                  </a:lnTo>
                  <a:lnTo>
                    <a:pt x="20029" y="60959"/>
                  </a:lnTo>
                  <a:close/>
                </a:path>
                <a:path w="4721860" h="330834">
                  <a:moveTo>
                    <a:pt x="22206" y="51815"/>
                  </a:moveTo>
                  <a:lnTo>
                    <a:pt x="21335" y="51815"/>
                  </a:lnTo>
                  <a:lnTo>
                    <a:pt x="21335" y="54863"/>
                  </a:lnTo>
                  <a:lnTo>
                    <a:pt x="22206" y="51815"/>
                  </a:lnTo>
                  <a:close/>
                </a:path>
                <a:path w="4721860" h="330834">
                  <a:moveTo>
                    <a:pt x="4718521" y="44196"/>
                  </a:moveTo>
                  <a:lnTo>
                    <a:pt x="4696968" y="44196"/>
                  </a:lnTo>
                  <a:lnTo>
                    <a:pt x="4700016" y="54863"/>
                  </a:lnTo>
                  <a:lnTo>
                    <a:pt x="4700016" y="51815"/>
                  </a:lnTo>
                  <a:lnTo>
                    <a:pt x="4720209" y="51815"/>
                  </a:lnTo>
                  <a:lnTo>
                    <a:pt x="4719828" y="48767"/>
                  </a:lnTo>
                  <a:lnTo>
                    <a:pt x="4718521" y="44196"/>
                  </a:lnTo>
                  <a:close/>
                </a:path>
                <a:path w="4721860" h="330834">
                  <a:moveTo>
                    <a:pt x="24383" y="44196"/>
                  </a:moveTo>
                  <a:lnTo>
                    <a:pt x="22859" y="45720"/>
                  </a:lnTo>
                  <a:lnTo>
                    <a:pt x="23948" y="45720"/>
                  </a:lnTo>
                  <a:lnTo>
                    <a:pt x="24383" y="44196"/>
                  </a:lnTo>
                  <a:close/>
                </a:path>
                <a:path w="4721860" h="330834">
                  <a:moveTo>
                    <a:pt x="4692396" y="38100"/>
                  </a:moveTo>
                  <a:lnTo>
                    <a:pt x="4696968" y="45720"/>
                  </a:lnTo>
                  <a:lnTo>
                    <a:pt x="4696968" y="44196"/>
                  </a:lnTo>
                  <a:lnTo>
                    <a:pt x="4718521" y="44196"/>
                  </a:lnTo>
                  <a:lnTo>
                    <a:pt x="4717215" y="39624"/>
                  </a:lnTo>
                  <a:lnTo>
                    <a:pt x="4693920" y="39624"/>
                  </a:lnTo>
                  <a:lnTo>
                    <a:pt x="4692396" y="38100"/>
                  </a:lnTo>
                  <a:close/>
                </a:path>
                <a:path w="4721860" h="330834">
                  <a:moveTo>
                    <a:pt x="27432" y="38100"/>
                  </a:moveTo>
                  <a:lnTo>
                    <a:pt x="25907" y="39624"/>
                  </a:lnTo>
                  <a:lnTo>
                    <a:pt x="26517" y="39624"/>
                  </a:lnTo>
                  <a:lnTo>
                    <a:pt x="27432" y="38100"/>
                  </a:lnTo>
                  <a:close/>
                </a:path>
                <a:path w="4721860" h="330834">
                  <a:moveTo>
                    <a:pt x="4687824" y="32003"/>
                  </a:moveTo>
                  <a:lnTo>
                    <a:pt x="4693920" y="39624"/>
                  </a:lnTo>
                  <a:lnTo>
                    <a:pt x="4717215" y="39624"/>
                  </a:lnTo>
                  <a:lnTo>
                    <a:pt x="4716780" y="38100"/>
                  </a:lnTo>
                  <a:lnTo>
                    <a:pt x="4714167" y="33527"/>
                  </a:lnTo>
                  <a:lnTo>
                    <a:pt x="4689348" y="33527"/>
                  </a:lnTo>
                  <a:lnTo>
                    <a:pt x="4687824" y="32003"/>
                  </a:lnTo>
                  <a:close/>
                </a:path>
                <a:path w="4721860" h="330834">
                  <a:moveTo>
                    <a:pt x="4709414" y="25907"/>
                  </a:moveTo>
                  <a:lnTo>
                    <a:pt x="4681728" y="25907"/>
                  </a:lnTo>
                  <a:lnTo>
                    <a:pt x="4689348" y="33527"/>
                  </a:lnTo>
                  <a:lnTo>
                    <a:pt x="4714167" y="33527"/>
                  </a:lnTo>
                  <a:lnTo>
                    <a:pt x="4710684" y="27431"/>
                  </a:lnTo>
                  <a:lnTo>
                    <a:pt x="4709414" y="25907"/>
                  </a:lnTo>
                  <a:close/>
                </a:path>
                <a:path w="4721860" h="330834">
                  <a:moveTo>
                    <a:pt x="40639" y="25907"/>
                  </a:moveTo>
                  <a:lnTo>
                    <a:pt x="39623" y="25907"/>
                  </a:lnTo>
                  <a:lnTo>
                    <a:pt x="38100" y="27431"/>
                  </a:lnTo>
                  <a:lnTo>
                    <a:pt x="40639" y="25907"/>
                  </a:lnTo>
                  <a:close/>
                </a:path>
                <a:path w="4721860" h="330834">
                  <a:moveTo>
                    <a:pt x="4706874" y="22859"/>
                  </a:moveTo>
                  <a:lnTo>
                    <a:pt x="4674108" y="22859"/>
                  </a:lnTo>
                  <a:lnTo>
                    <a:pt x="4683252" y="27431"/>
                  </a:lnTo>
                  <a:lnTo>
                    <a:pt x="4681728" y="25907"/>
                  </a:lnTo>
                  <a:lnTo>
                    <a:pt x="4709414" y="25907"/>
                  </a:lnTo>
                  <a:lnTo>
                    <a:pt x="4706874" y="22859"/>
                  </a:lnTo>
                  <a:close/>
                </a:path>
                <a:path w="4721860" h="330834">
                  <a:moveTo>
                    <a:pt x="49530" y="22859"/>
                  </a:moveTo>
                  <a:lnTo>
                    <a:pt x="45719" y="22859"/>
                  </a:lnTo>
                  <a:lnTo>
                    <a:pt x="44196" y="24383"/>
                  </a:lnTo>
                  <a:lnTo>
                    <a:pt x="49530" y="22859"/>
                  </a:lnTo>
                  <a:close/>
                </a:path>
                <a:path w="4721860" h="330834">
                  <a:moveTo>
                    <a:pt x="4704334" y="19811"/>
                  </a:moveTo>
                  <a:lnTo>
                    <a:pt x="4657344" y="19811"/>
                  </a:lnTo>
                  <a:lnTo>
                    <a:pt x="4668012" y="21335"/>
                  </a:lnTo>
                  <a:lnTo>
                    <a:pt x="4666488" y="21335"/>
                  </a:lnTo>
                  <a:lnTo>
                    <a:pt x="4675632" y="24383"/>
                  </a:lnTo>
                  <a:lnTo>
                    <a:pt x="4674108" y="22859"/>
                  </a:lnTo>
                  <a:lnTo>
                    <a:pt x="4706874" y="22859"/>
                  </a:lnTo>
                  <a:lnTo>
                    <a:pt x="4704334" y="19811"/>
                  </a:lnTo>
                  <a:close/>
                </a:path>
              </a:pathLst>
            </a:custGeom>
            <a:solidFill>
              <a:srgbClr val="ED7C31"/>
            </a:solidFill>
          </p:spPr>
          <p:txBody>
            <a:bodyPr wrap="square" lIns="0" tIns="0" rIns="0" bIns="0" rtlCol="0"/>
            <a:lstStyle/>
            <a:p>
              <a:endParaRPr sz="1539"/>
            </a:p>
          </p:txBody>
        </p:sp>
        <p:pic>
          <p:nvPicPr>
            <p:cNvPr id="5" name="object 5"/>
            <p:cNvPicPr/>
            <p:nvPr/>
          </p:nvPicPr>
          <p:blipFill>
            <a:blip r:embed="rId2" cstate="print"/>
            <a:stretch>
              <a:fillRect/>
            </a:stretch>
          </p:blipFill>
          <p:spPr>
            <a:xfrm>
              <a:off x="327660" y="1740408"/>
              <a:ext cx="4700016" cy="1179576"/>
            </a:xfrm>
            <a:prstGeom prst="rect">
              <a:avLst/>
            </a:prstGeom>
          </p:spPr>
        </p:pic>
        <p:sp>
          <p:nvSpPr>
            <p:cNvPr id="6" name="object 6"/>
            <p:cNvSpPr/>
            <p:nvPr/>
          </p:nvSpPr>
          <p:spPr>
            <a:xfrm>
              <a:off x="323088" y="1737360"/>
              <a:ext cx="4707890" cy="1186180"/>
            </a:xfrm>
            <a:custGeom>
              <a:avLst/>
              <a:gdLst/>
              <a:ahLst/>
              <a:cxnLst/>
              <a:rect l="l" t="t" r="r" b="b"/>
              <a:pathLst>
                <a:path w="4707890" h="1186180">
                  <a:moveTo>
                    <a:pt x="4707636" y="0"/>
                  </a:moveTo>
                  <a:lnTo>
                    <a:pt x="0" y="0"/>
                  </a:lnTo>
                  <a:lnTo>
                    <a:pt x="0" y="1185672"/>
                  </a:lnTo>
                  <a:lnTo>
                    <a:pt x="4707636" y="1185672"/>
                  </a:lnTo>
                  <a:lnTo>
                    <a:pt x="4707636" y="1182624"/>
                  </a:lnTo>
                  <a:lnTo>
                    <a:pt x="7619" y="1182624"/>
                  </a:lnTo>
                  <a:lnTo>
                    <a:pt x="4571" y="1178052"/>
                  </a:lnTo>
                  <a:lnTo>
                    <a:pt x="7619" y="1178052"/>
                  </a:lnTo>
                  <a:lnTo>
                    <a:pt x="7619" y="6096"/>
                  </a:lnTo>
                  <a:lnTo>
                    <a:pt x="4571" y="6096"/>
                  </a:lnTo>
                  <a:lnTo>
                    <a:pt x="7619" y="3048"/>
                  </a:lnTo>
                  <a:lnTo>
                    <a:pt x="4707636" y="3048"/>
                  </a:lnTo>
                  <a:lnTo>
                    <a:pt x="4707636" y="0"/>
                  </a:lnTo>
                  <a:close/>
                </a:path>
                <a:path w="4707890" h="1186180">
                  <a:moveTo>
                    <a:pt x="7619" y="1178052"/>
                  </a:moveTo>
                  <a:lnTo>
                    <a:pt x="4571" y="1178052"/>
                  </a:lnTo>
                  <a:lnTo>
                    <a:pt x="7619" y="1182624"/>
                  </a:lnTo>
                  <a:lnTo>
                    <a:pt x="7619" y="1178052"/>
                  </a:lnTo>
                  <a:close/>
                </a:path>
                <a:path w="4707890" h="1186180">
                  <a:moveTo>
                    <a:pt x="4701540" y="1178052"/>
                  </a:moveTo>
                  <a:lnTo>
                    <a:pt x="7619" y="1178052"/>
                  </a:lnTo>
                  <a:lnTo>
                    <a:pt x="7619" y="1182624"/>
                  </a:lnTo>
                  <a:lnTo>
                    <a:pt x="4701540" y="1182624"/>
                  </a:lnTo>
                  <a:lnTo>
                    <a:pt x="4701540" y="1178052"/>
                  </a:lnTo>
                  <a:close/>
                </a:path>
                <a:path w="4707890" h="1186180">
                  <a:moveTo>
                    <a:pt x="4701540" y="3048"/>
                  </a:moveTo>
                  <a:lnTo>
                    <a:pt x="4701540" y="1182624"/>
                  </a:lnTo>
                  <a:lnTo>
                    <a:pt x="4704588" y="1178052"/>
                  </a:lnTo>
                  <a:lnTo>
                    <a:pt x="4707636" y="1178052"/>
                  </a:lnTo>
                  <a:lnTo>
                    <a:pt x="4707636" y="6096"/>
                  </a:lnTo>
                  <a:lnTo>
                    <a:pt x="4704588" y="6096"/>
                  </a:lnTo>
                  <a:lnTo>
                    <a:pt x="4701540" y="3048"/>
                  </a:lnTo>
                  <a:close/>
                </a:path>
                <a:path w="4707890" h="1186180">
                  <a:moveTo>
                    <a:pt x="4707636" y="1178052"/>
                  </a:moveTo>
                  <a:lnTo>
                    <a:pt x="4704588" y="1178052"/>
                  </a:lnTo>
                  <a:lnTo>
                    <a:pt x="4701540" y="1182624"/>
                  </a:lnTo>
                  <a:lnTo>
                    <a:pt x="4707636" y="1182624"/>
                  </a:lnTo>
                  <a:lnTo>
                    <a:pt x="4707636" y="1178052"/>
                  </a:lnTo>
                  <a:close/>
                </a:path>
                <a:path w="4707890" h="1186180">
                  <a:moveTo>
                    <a:pt x="7619" y="3048"/>
                  </a:moveTo>
                  <a:lnTo>
                    <a:pt x="4571" y="6096"/>
                  </a:lnTo>
                  <a:lnTo>
                    <a:pt x="7619" y="6096"/>
                  </a:lnTo>
                  <a:lnTo>
                    <a:pt x="7619" y="3048"/>
                  </a:lnTo>
                  <a:close/>
                </a:path>
                <a:path w="4707890" h="1186180">
                  <a:moveTo>
                    <a:pt x="4701540" y="3048"/>
                  </a:moveTo>
                  <a:lnTo>
                    <a:pt x="7619" y="3048"/>
                  </a:lnTo>
                  <a:lnTo>
                    <a:pt x="7619" y="6096"/>
                  </a:lnTo>
                  <a:lnTo>
                    <a:pt x="4701540" y="6096"/>
                  </a:lnTo>
                  <a:lnTo>
                    <a:pt x="4701540" y="3048"/>
                  </a:lnTo>
                  <a:close/>
                </a:path>
                <a:path w="4707890" h="1186180">
                  <a:moveTo>
                    <a:pt x="4707636" y="3048"/>
                  </a:moveTo>
                  <a:lnTo>
                    <a:pt x="4701540" y="3048"/>
                  </a:lnTo>
                  <a:lnTo>
                    <a:pt x="4704588" y="6096"/>
                  </a:lnTo>
                  <a:lnTo>
                    <a:pt x="4707636" y="6096"/>
                  </a:lnTo>
                  <a:lnTo>
                    <a:pt x="4707636" y="3048"/>
                  </a:lnTo>
                  <a:close/>
                </a:path>
              </a:pathLst>
            </a:custGeom>
            <a:solidFill>
              <a:srgbClr val="ED7C31"/>
            </a:solidFill>
          </p:spPr>
          <p:txBody>
            <a:bodyPr wrap="square" lIns="0" tIns="0" rIns="0" bIns="0" rtlCol="0"/>
            <a:lstStyle/>
            <a:p>
              <a:endParaRPr sz="1539"/>
            </a:p>
          </p:txBody>
        </p:sp>
        <p:pic>
          <p:nvPicPr>
            <p:cNvPr id="7" name="object 7"/>
            <p:cNvPicPr/>
            <p:nvPr/>
          </p:nvPicPr>
          <p:blipFill>
            <a:blip r:embed="rId3" cstate="print"/>
            <a:stretch>
              <a:fillRect/>
            </a:stretch>
          </p:blipFill>
          <p:spPr>
            <a:xfrm>
              <a:off x="327660" y="4247387"/>
              <a:ext cx="4700016" cy="1008888"/>
            </a:xfrm>
            <a:prstGeom prst="rect">
              <a:avLst/>
            </a:prstGeom>
          </p:spPr>
        </p:pic>
        <p:sp>
          <p:nvSpPr>
            <p:cNvPr id="8" name="object 8"/>
            <p:cNvSpPr/>
            <p:nvPr/>
          </p:nvSpPr>
          <p:spPr>
            <a:xfrm>
              <a:off x="323088" y="4242816"/>
              <a:ext cx="4707890" cy="1018540"/>
            </a:xfrm>
            <a:custGeom>
              <a:avLst/>
              <a:gdLst/>
              <a:ahLst/>
              <a:cxnLst/>
              <a:rect l="l" t="t" r="r" b="b"/>
              <a:pathLst>
                <a:path w="4707890" h="1018539">
                  <a:moveTo>
                    <a:pt x="4707636" y="0"/>
                  </a:moveTo>
                  <a:lnTo>
                    <a:pt x="0" y="0"/>
                  </a:lnTo>
                  <a:lnTo>
                    <a:pt x="0" y="1018032"/>
                  </a:lnTo>
                  <a:lnTo>
                    <a:pt x="4707636" y="1018032"/>
                  </a:lnTo>
                  <a:lnTo>
                    <a:pt x="4707636" y="1013460"/>
                  </a:lnTo>
                  <a:lnTo>
                    <a:pt x="7619" y="1013460"/>
                  </a:lnTo>
                  <a:lnTo>
                    <a:pt x="4571" y="1010412"/>
                  </a:lnTo>
                  <a:lnTo>
                    <a:pt x="7619" y="1010412"/>
                  </a:lnTo>
                  <a:lnTo>
                    <a:pt x="7619" y="7620"/>
                  </a:lnTo>
                  <a:lnTo>
                    <a:pt x="4571" y="7620"/>
                  </a:lnTo>
                  <a:lnTo>
                    <a:pt x="7619" y="4572"/>
                  </a:lnTo>
                  <a:lnTo>
                    <a:pt x="4707636" y="4572"/>
                  </a:lnTo>
                  <a:lnTo>
                    <a:pt x="4707636" y="0"/>
                  </a:lnTo>
                  <a:close/>
                </a:path>
                <a:path w="4707890" h="1018539">
                  <a:moveTo>
                    <a:pt x="7619" y="1010412"/>
                  </a:moveTo>
                  <a:lnTo>
                    <a:pt x="4571" y="1010412"/>
                  </a:lnTo>
                  <a:lnTo>
                    <a:pt x="7619" y="1013460"/>
                  </a:lnTo>
                  <a:lnTo>
                    <a:pt x="7619" y="1010412"/>
                  </a:lnTo>
                  <a:close/>
                </a:path>
                <a:path w="4707890" h="1018539">
                  <a:moveTo>
                    <a:pt x="4701540" y="1010412"/>
                  </a:moveTo>
                  <a:lnTo>
                    <a:pt x="7619" y="1010412"/>
                  </a:lnTo>
                  <a:lnTo>
                    <a:pt x="7619" y="1013460"/>
                  </a:lnTo>
                  <a:lnTo>
                    <a:pt x="4701540" y="1013460"/>
                  </a:lnTo>
                  <a:lnTo>
                    <a:pt x="4701540" y="1010412"/>
                  </a:lnTo>
                  <a:close/>
                </a:path>
                <a:path w="4707890" h="1018539">
                  <a:moveTo>
                    <a:pt x="4701540" y="4572"/>
                  </a:moveTo>
                  <a:lnTo>
                    <a:pt x="4701540" y="1013460"/>
                  </a:lnTo>
                  <a:lnTo>
                    <a:pt x="4704588" y="1010412"/>
                  </a:lnTo>
                  <a:lnTo>
                    <a:pt x="4707636" y="1010412"/>
                  </a:lnTo>
                  <a:lnTo>
                    <a:pt x="4707636" y="7620"/>
                  </a:lnTo>
                  <a:lnTo>
                    <a:pt x="4704588" y="7620"/>
                  </a:lnTo>
                  <a:lnTo>
                    <a:pt x="4701540" y="4572"/>
                  </a:lnTo>
                  <a:close/>
                </a:path>
                <a:path w="4707890" h="1018539">
                  <a:moveTo>
                    <a:pt x="4707636" y="1010412"/>
                  </a:moveTo>
                  <a:lnTo>
                    <a:pt x="4704588" y="1010412"/>
                  </a:lnTo>
                  <a:lnTo>
                    <a:pt x="4701540" y="1013460"/>
                  </a:lnTo>
                  <a:lnTo>
                    <a:pt x="4707636" y="1013460"/>
                  </a:lnTo>
                  <a:lnTo>
                    <a:pt x="4707636" y="1010412"/>
                  </a:lnTo>
                  <a:close/>
                </a:path>
                <a:path w="4707890" h="1018539">
                  <a:moveTo>
                    <a:pt x="7619" y="4572"/>
                  </a:moveTo>
                  <a:lnTo>
                    <a:pt x="4571" y="7620"/>
                  </a:lnTo>
                  <a:lnTo>
                    <a:pt x="7619" y="7620"/>
                  </a:lnTo>
                  <a:lnTo>
                    <a:pt x="7619" y="4572"/>
                  </a:lnTo>
                  <a:close/>
                </a:path>
                <a:path w="4707890" h="1018539">
                  <a:moveTo>
                    <a:pt x="4701540" y="4572"/>
                  </a:moveTo>
                  <a:lnTo>
                    <a:pt x="7619" y="4572"/>
                  </a:lnTo>
                  <a:lnTo>
                    <a:pt x="7619" y="7620"/>
                  </a:lnTo>
                  <a:lnTo>
                    <a:pt x="4701540" y="7620"/>
                  </a:lnTo>
                  <a:lnTo>
                    <a:pt x="4701540" y="4572"/>
                  </a:lnTo>
                  <a:close/>
                </a:path>
                <a:path w="4707890" h="1018539">
                  <a:moveTo>
                    <a:pt x="4707636" y="4572"/>
                  </a:moveTo>
                  <a:lnTo>
                    <a:pt x="4701540" y="4572"/>
                  </a:lnTo>
                  <a:lnTo>
                    <a:pt x="4704588" y="7620"/>
                  </a:lnTo>
                  <a:lnTo>
                    <a:pt x="4707636" y="7620"/>
                  </a:lnTo>
                  <a:lnTo>
                    <a:pt x="4707636" y="4572"/>
                  </a:lnTo>
                  <a:close/>
                </a:path>
              </a:pathLst>
            </a:custGeom>
            <a:solidFill>
              <a:srgbClr val="ED7C31"/>
            </a:solidFill>
          </p:spPr>
          <p:txBody>
            <a:bodyPr wrap="square" lIns="0" tIns="0" rIns="0" bIns="0" rtlCol="0"/>
            <a:lstStyle/>
            <a:p>
              <a:endParaRPr sz="1539"/>
            </a:p>
          </p:txBody>
        </p:sp>
        <p:pic>
          <p:nvPicPr>
            <p:cNvPr id="9" name="object 9"/>
            <p:cNvPicPr/>
            <p:nvPr/>
          </p:nvPicPr>
          <p:blipFill>
            <a:blip r:embed="rId4" cstate="print"/>
            <a:stretch>
              <a:fillRect/>
            </a:stretch>
          </p:blipFill>
          <p:spPr>
            <a:xfrm>
              <a:off x="5556503" y="6490721"/>
              <a:ext cx="4700015" cy="582168"/>
            </a:xfrm>
            <a:prstGeom prst="rect">
              <a:avLst/>
            </a:prstGeom>
          </p:spPr>
        </p:pic>
        <p:sp>
          <p:nvSpPr>
            <p:cNvPr id="10" name="object 10"/>
            <p:cNvSpPr/>
            <p:nvPr/>
          </p:nvSpPr>
          <p:spPr>
            <a:xfrm>
              <a:off x="5553456" y="6486148"/>
              <a:ext cx="4707890" cy="589915"/>
            </a:xfrm>
            <a:custGeom>
              <a:avLst/>
              <a:gdLst/>
              <a:ahLst/>
              <a:cxnLst/>
              <a:rect l="l" t="t" r="r" b="b"/>
              <a:pathLst>
                <a:path w="4707890" h="589915">
                  <a:moveTo>
                    <a:pt x="4707636" y="0"/>
                  </a:moveTo>
                  <a:lnTo>
                    <a:pt x="0" y="0"/>
                  </a:lnTo>
                  <a:lnTo>
                    <a:pt x="0" y="589788"/>
                  </a:lnTo>
                  <a:lnTo>
                    <a:pt x="4707636" y="589788"/>
                  </a:lnTo>
                  <a:lnTo>
                    <a:pt x="4707636" y="586740"/>
                  </a:lnTo>
                  <a:lnTo>
                    <a:pt x="6096" y="586740"/>
                  </a:lnTo>
                  <a:lnTo>
                    <a:pt x="3048" y="583692"/>
                  </a:lnTo>
                  <a:lnTo>
                    <a:pt x="6096" y="583692"/>
                  </a:lnTo>
                  <a:lnTo>
                    <a:pt x="6096" y="7620"/>
                  </a:lnTo>
                  <a:lnTo>
                    <a:pt x="3048" y="7620"/>
                  </a:lnTo>
                  <a:lnTo>
                    <a:pt x="6096" y="4572"/>
                  </a:lnTo>
                  <a:lnTo>
                    <a:pt x="4707636" y="4572"/>
                  </a:lnTo>
                  <a:lnTo>
                    <a:pt x="4707636" y="0"/>
                  </a:lnTo>
                  <a:close/>
                </a:path>
                <a:path w="4707890" h="589915">
                  <a:moveTo>
                    <a:pt x="6096" y="583692"/>
                  </a:moveTo>
                  <a:lnTo>
                    <a:pt x="3048" y="583692"/>
                  </a:lnTo>
                  <a:lnTo>
                    <a:pt x="6096" y="586740"/>
                  </a:lnTo>
                  <a:lnTo>
                    <a:pt x="6096" y="583692"/>
                  </a:lnTo>
                  <a:close/>
                </a:path>
                <a:path w="4707890" h="589915">
                  <a:moveTo>
                    <a:pt x="4700016" y="583692"/>
                  </a:moveTo>
                  <a:lnTo>
                    <a:pt x="6096" y="583692"/>
                  </a:lnTo>
                  <a:lnTo>
                    <a:pt x="6096" y="586740"/>
                  </a:lnTo>
                  <a:lnTo>
                    <a:pt x="4700016" y="586740"/>
                  </a:lnTo>
                  <a:lnTo>
                    <a:pt x="4700016" y="583692"/>
                  </a:lnTo>
                  <a:close/>
                </a:path>
                <a:path w="4707890" h="589915">
                  <a:moveTo>
                    <a:pt x="4700016" y="4572"/>
                  </a:moveTo>
                  <a:lnTo>
                    <a:pt x="4700016" y="586740"/>
                  </a:lnTo>
                  <a:lnTo>
                    <a:pt x="4703064" y="583692"/>
                  </a:lnTo>
                  <a:lnTo>
                    <a:pt x="4707636" y="583692"/>
                  </a:lnTo>
                  <a:lnTo>
                    <a:pt x="4707636" y="7620"/>
                  </a:lnTo>
                  <a:lnTo>
                    <a:pt x="4703064" y="7620"/>
                  </a:lnTo>
                  <a:lnTo>
                    <a:pt x="4700016" y="4572"/>
                  </a:lnTo>
                  <a:close/>
                </a:path>
                <a:path w="4707890" h="589915">
                  <a:moveTo>
                    <a:pt x="4707636" y="583692"/>
                  </a:moveTo>
                  <a:lnTo>
                    <a:pt x="4703064" y="583692"/>
                  </a:lnTo>
                  <a:lnTo>
                    <a:pt x="4700016" y="586740"/>
                  </a:lnTo>
                  <a:lnTo>
                    <a:pt x="4707636" y="586740"/>
                  </a:lnTo>
                  <a:lnTo>
                    <a:pt x="4707636" y="583692"/>
                  </a:lnTo>
                  <a:close/>
                </a:path>
                <a:path w="4707890" h="589915">
                  <a:moveTo>
                    <a:pt x="6096" y="4572"/>
                  </a:moveTo>
                  <a:lnTo>
                    <a:pt x="3048" y="7620"/>
                  </a:lnTo>
                  <a:lnTo>
                    <a:pt x="6096" y="7620"/>
                  </a:lnTo>
                  <a:lnTo>
                    <a:pt x="6096" y="4572"/>
                  </a:lnTo>
                  <a:close/>
                </a:path>
                <a:path w="4707890" h="589915">
                  <a:moveTo>
                    <a:pt x="4700016" y="4572"/>
                  </a:moveTo>
                  <a:lnTo>
                    <a:pt x="6096" y="4572"/>
                  </a:lnTo>
                  <a:lnTo>
                    <a:pt x="6096" y="7620"/>
                  </a:lnTo>
                  <a:lnTo>
                    <a:pt x="4700016" y="7620"/>
                  </a:lnTo>
                  <a:lnTo>
                    <a:pt x="4700016" y="4572"/>
                  </a:lnTo>
                  <a:close/>
                </a:path>
                <a:path w="4707890" h="589915">
                  <a:moveTo>
                    <a:pt x="4707636" y="4572"/>
                  </a:moveTo>
                  <a:lnTo>
                    <a:pt x="4700016" y="4572"/>
                  </a:lnTo>
                  <a:lnTo>
                    <a:pt x="4703064" y="7620"/>
                  </a:lnTo>
                  <a:lnTo>
                    <a:pt x="4707636" y="7620"/>
                  </a:lnTo>
                  <a:lnTo>
                    <a:pt x="4707636" y="4572"/>
                  </a:lnTo>
                  <a:close/>
                </a:path>
              </a:pathLst>
            </a:custGeom>
            <a:solidFill>
              <a:srgbClr val="70AC46"/>
            </a:solidFill>
          </p:spPr>
          <p:txBody>
            <a:bodyPr wrap="square" lIns="0" tIns="0" rIns="0" bIns="0" rtlCol="0"/>
            <a:lstStyle/>
            <a:p>
              <a:endParaRPr sz="1539"/>
            </a:p>
          </p:txBody>
        </p:sp>
      </p:grpSp>
      <p:sp>
        <p:nvSpPr>
          <p:cNvPr id="11" name="object 11"/>
          <p:cNvSpPr txBox="1"/>
          <p:nvPr/>
        </p:nvSpPr>
        <p:spPr>
          <a:xfrm>
            <a:off x="4971209" y="5988999"/>
            <a:ext cx="350230" cy="209489"/>
          </a:xfrm>
          <a:prstGeom prst="rect">
            <a:avLst/>
          </a:prstGeom>
        </p:spPr>
        <p:txBody>
          <a:bodyPr vert="horz" wrap="square" lIns="0" tIns="11946" rIns="0" bIns="0" rtlCol="0">
            <a:spAutoFit/>
          </a:bodyPr>
          <a:lstStyle/>
          <a:p>
            <a:pPr marL="10860">
              <a:spcBef>
                <a:spcPts val="94"/>
              </a:spcBef>
            </a:pPr>
            <a:r>
              <a:rPr sz="1283" spc="-21" dirty="0">
                <a:latin typeface="HGSｺﾞｼｯｸM"/>
                <a:cs typeface="HGSｺﾞｼｯｸM"/>
              </a:rPr>
              <a:t>検討</a:t>
            </a:r>
            <a:endParaRPr sz="1283">
              <a:latin typeface="HGSｺﾞｼｯｸM"/>
              <a:cs typeface="HGSｺﾞｼｯｸM"/>
            </a:endParaRPr>
          </a:p>
        </p:txBody>
      </p:sp>
      <p:grpSp>
        <p:nvGrpSpPr>
          <p:cNvPr id="12" name="object 12"/>
          <p:cNvGrpSpPr/>
          <p:nvPr/>
        </p:nvGrpSpPr>
        <p:grpSpPr>
          <a:xfrm>
            <a:off x="4748798" y="2495596"/>
            <a:ext cx="4025749" cy="503354"/>
            <a:chOff x="5553455" y="2689860"/>
            <a:chExt cx="4707890" cy="588645"/>
          </a:xfrm>
        </p:grpSpPr>
        <p:pic>
          <p:nvPicPr>
            <p:cNvPr id="13" name="object 13"/>
            <p:cNvPicPr/>
            <p:nvPr/>
          </p:nvPicPr>
          <p:blipFill>
            <a:blip r:embed="rId4" cstate="print"/>
            <a:stretch>
              <a:fillRect/>
            </a:stretch>
          </p:blipFill>
          <p:spPr>
            <a:xfrm>
              <a:off x="5556503" y="2692908"/>
              <a:ext cx="4700015" cy="582167"/>
            </a:xfrm>
            <a:prstGeom prst="rect">
              <a:avLst/>
            </a:prstGeom>
          </p:spPr>
        </p:pic>
        <p:sp>
          <p:nvSpPr>
            <p:cNvPr id="14" name="object 14"/>
            <p:cNvSpPr/>
            <p:nvPr/>
          </p:nvSpPr>
          <p:spPr>
            <a:xfrm>
              <a:off x="5553455" y="2689860"/>
              <a:ext cx="4707890" cy="588645"/>
            </a:xfrm>
            <a:custGeom>
              <a:avLst/>
              <a:gdLst/>
              <a:ahLst/>
              <a:cxnLst/>
              <a:rect l="l" t="t" r="r" b="b"/>
              <a:pathLst>
                <a:path w="4707890" h="588645">
                  <a:moveTo>
                    <a:pt x="4707636" y="0"/>
                  </a:moveTo>
                  <a:lnTo>
                    <a:pt x="0" y="0"/>
                  </a:lnTo>
                  <a:lnTo>
                    <a:pt x="0" y="588263"/>
                  </a:lnTo>
                  <a:lnTo>
                    <a:pt x="4707636" y="588263"/>
                  </a:lnTo>
                  <a:lnTo>
                    <a:pt x="4707636" y="585215"/>
                  </a:lnTo>
                  <a:lnTo>
                    <a:pt x="6096" y="585215"/>
                  </a:lnTo>
                  <a:lnTo>
                    <a:pt x="3048" y="582167"/>
                  </a:lnTo>
                  <a:lnTo>
                    <a:pt x="6096" y="582167"/>
                  </a:lnTo>
                  <a:lnTo>
                    <a:pt x="6096" y="6096"/>
                  </a:lnTo>
                  <a:lnTo>
                    <a:pt x="3048" y="6096"/>
                  </a:lnTo>
                  <a:lnTo>
                    <a:pt x="6096" y="3048"/>
                  </a:lnTo>
                  <a:lnTo>
                    <a:pt x="4707636" y="3048"/>
                  </a:lnTo>
                  <a:lnTo>
                    <a:pt x="4707636" y="0"/>
                  </a:lnTo>
                  <a:close/>
                </a:path>
                <a:path w="4707890" h="588645">
                  <a:moveTo>
                    <a:pt x="6096" y="582167"/>
                  </a:moveTo>
                  <a:lnTo>
                    <a:pt x="3048" y="582167"/>
                  </a:lnTo>
                  <a:lnTo>
                    <a:pt x="6096" y="585215"/>
                  </a:lnTo>
                  <a:lnTo>
                    <a:pt x="6096" y="582167"/>
                  </a:lnTo>
                  <a:close/>
                </a:path>
                <a:path w="4707890" h="588645">
                  <a:moveTo>
                    <a:pt x="4700016" y="582167"/>
                  </a:moveTo>
                  <a:lnTo>
                    <a:pt x="6096" y="582167"/>
                  </a:lnTo>
                  <a:lnTo>
                    <a:pt x="6096" y="585215"/>
                  </a:lnTo>
                  <a:lnTo>
                    <a:pt x="4700016" y="585215"/>
                  </a:lnTo>
                  <a:lnTo>
                    <a:pt x="4700016" y="582167"/>
                  </a:lnTo>
                  <a:close/>
                </a:path>
                <a:path w="4707890" h="588645">
                  <a:moveTo>
                    <a:pt x="4700016" y="3048"/>
                  </a:moveTo>
                  <a:lnTo>
                    <a:pt x="4700016" y="585215"/>
                  </a:lnTo>
                  <a:lnTo>
                    <a:pt x="4703064" y="582167"/>
                  </a:lnTo>
                  <a:lnTo>
                    <a:pt x="4707636" y="582167"/>
                  </a:lnTo>
                  <a:lnTo>
                    <a:pt x="4707636" y="6096"/>
                  </a:lnTo>
                  <a:lnTo>
                    <a:pt x="4703064" y="6096"/>
                  </a:lnTo>
                  <a:lnTo>
                    <a:pt x="4700016" y="3048"/>
                  </a:lnTo>
                  <a:close/>
                </a:path>
                <a:path w="4707890" h="588645">
                  <a:moveTo>
                    <a:pt x="4707636" y="582167"/>
                  </a:moveTo>
                  <a:lnTo>
                    <a:pt x="4703064" y="582167"/>
                  </a:lnTo>
                  <a:lnTo>
                    <a:pt x="4700016" y="585215"/>
                  </a:lnTo>
                  <a:lnTo>
                    <a:pt x="4707636" y="585215"/>
                  </a:lnTo>
                  <a:lnTo>
                    <a:pt x="4707636" y="582167"/>
                  </a:lnTo>
                  <a:close/>
                </a:path>
                <a:path w="4707890" h="588645">
                  <a:moveTo>
                    <a:pt x="6096" y="3048"/>
                  </a:moveTo>
                  <a:lnTo>
                    <a:pt x="3048" y="6096"/>
                  </a:lnTo>
                  <a:lnTo>
                    <a:pt x="6096" y="6096"/>
                  </a:lnTo>
                  <a:lnTo>
                    <a:pt x="6096" y="3048"/>
                  </a:lnTo>
                  <a:close/>
                </a:path>
                <a:path w="4707890" h="588645">
                  <a:moveTo>
                    <a:pt x="4700016" y="3048"/>
                  </a:moveTo>
                  <a:lnTo>
                    <a:pt x="6096" y="3048"/>
                  </a:lnTo>
                  <a:lnTo>
                    <a:pt x="6096" y="6096"/>
                  </a:lnTo>
                  <a:lnTo>
                    <a:pt x="4700016" y="6096"/>
                  </a:lnTo>
                  <a:lnTo>
                    <a:pt x="4700016" y="3048"/>
                  </a:lnTo>
                  <a:close/>
                </a:path>
                <a:path w="4707890" h="588645">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grpSp>
      <p:sp>
        <p:nvSpPr>
          <p:cNvPr id="15" name="object 15"/>
          <p:cNvSpPr txBox="1"/>
          <p:nvPr/>
        </p:nvSpPr>
        <p:spPr>
          <a:xfrm>
            <a:off x="4971209" y="2761011"/>
            <a:ext cx="1007252" cy="209489"/>
          </a:xfrm>
          <a:prstGeom prst="rect">
            <a:avLst/>
          </a:prstGeom>
        </p:spPr>
        <p:txBody>
          <a:bodyPr vert="horz" wrap="square" lIns="0" tIns="11946" rIns="0" bIns="0" rtlCol="0">
            <a:spAutoFit/>
          </a:bodyPr>
          <a:lstStyle/>
          <a:p>
            <a:pPr marL="10860">
              <a:spcBef>
                <a:spcPts val="94"/>
              </a:spcBef>
            </a:pPr>
            <a:r>
              <a:rPr sz="1283" spc="-9" dirty="0">
                <a:latin typeface="HGSｺﾞｼｯｸM"/>
                <a:cs typeface="HGSｺﾞｼｯｸM"/>
              </a:rPr>
              <a:t>仕組みの検討</a:t>
            </a:r>
            <a:endParaRPr sz="1283">
              <a:latin typeface="HGSｺﾞｼｯｸM"/>
              <a:cs typeface="HGSｺﾞｼｯｸM"/>
            </a:endParaRPr>
          </a:p>
        </p:txBody>
      </p:sp>
      <p:grpSp>
        <p:nvGrpSpPr>
          <p:cNvPr id="16" name="object 16"/>
          <p:cNvGrpSpPr/>
          <p:nvPr/>
        </p:nvGrpSpPr>
        <p:grpSpPr>
          <a:xfrm>
            <a:off x="276275" y="1393102"/>
            <a:ext cx="8498381" cy="4629014"/>
            <a:chOff x="323088" y="1400555"/>
            <a:chExt cx="9938385" cy="5413375"/>
          </a:xfrm>
        </p:grpSpPr>
        <p:pic>
          <p:nvPicPr>
            <p:cNvPr id="17" name="object 17"/>
            <p:cNvPicPr/>
            <p:nvPr/>
          </p:nvPicPr>
          <p:blipFill>
            <a:blip r:embed="rId5" cstate="print"/>
            <a:stretch>
              <a:fillRect/>
            </a:stretch>
          </p:blipFill>
          <p:spPr>
            <a:xfrm>
              <a:off x="5556503" y="3430523"/>
              <a:ext cx="4700015" cy="583691"/>
            </a:xfrm>
            <a:prstGeom prst="rect">
              <a:avLst/>
            </a:prstGeom>
          </p:spPr>
        </p:pic>
        <p:sp>
          <p:nvSpPr>
            <p:cNvPr id="18" name="object 18"/>
            <p:cNvSpPr/>
            <p:nvPr/>
          </p:nvSpPr>
          <p:spPr>
            <a:xfrm>
              <a:off x="5553455" y="3427476"/>
              <a:ext cx="4707890" cy="589915"/>
            </a:xfrm>
            <a:custGeom>
              <a:avLst/>
              <a:gdLst/>
              <a:ahLst/>
              <a:cxnLst/>
              <a:rect l="l" t="t" r="r" b="b"/>
              <a:pathLst>
                <a:path w="4707890" h="589914">
                  <a:moveTo>
                    <a:pt x="4707636" y="0"/>
                  </a:moveTo>
                  <a:lnTo>
                    <a:pt x="0" y="0"/>
                  </a:lnTo>
                  <a:lnTo>
                    <a:pt x="0" y="589788"/>
                  </a:lnTo>
                  <a:lnTo>
                    <a:pt x="4707636" y="589788"/>
                  </a:lnTo>
                  <a:lnTo>
                    <a:pt x="4707636" y="586739"/>
                  </a:lnTo>
                  <a:lnTo>
                    <a:pt x="6096" y="586739"/>
                  </a:lnTo>
                  <a:lnTo>
                    <a:pt x="3048" y="582168"/>
                  </a:lnTo>
                  <a:lnTo>
                    <a:pt x="6096" y="582168"/>
                  </a:lnTo>
                  <a:lnTo>
                    <a:pt x="6096" y="6096"/>
                  </a:lnTo>
                  <a:lnTo>
                    <a:pt x="3048" y="6096"/>
                  </a:lnTo>
                  <a:lnTo>
                    <a:pt x="6096" y="3048"/>
                  </a:lnTo>
                  <a:lnTo>
                    <a:pt x="4707636" y="3048"/>
                  </a:lnTo>
                  <a:lnTo>
                    <a:pt x="4707636" y="0"/>
                  </a:lnTo>
                  <a:close/>
                </a:path>
                <a:path w="4707890" h="589914">
                  <a:moveTo>
                    <a:pt x="6096" y="582168"/>
                  </a:moveTo>
                  <a:lnTo>
                    <a:pt x="3048" y="582168"/>
                  </a:lnTo>
                  <a:lnTo>
                    <a:pt x="6096" y="586739"/>
                  </a:lnTo>
                  <a:lnTo>
                    <a:pt x="6096" y="582168"/>
                  </a:lnTo>
                  <a:close/>
                </a:path>
                <a:path w="4707890" h="589914">
                  <a:moveTo>
                    <a:pt x="4700016" y="582168"/>
                  </a:moveTo>
                  <a:lnTo>
                    <a:pt x="6096" y="582168"/>
                  </a:lnTo>
                  <a:lnTo>
                    <a:pt x="6096" y="586739"/>
                  </a:lnTo>
                  <a:lnTo>
                    <a:pt x="4700016" y="586739"/>
                  </a:lnTo>
                  <a:lnTo>
                    <a:pt x="4700016" y="582168"/>
                  </a:lnTo>
                  <a:close/>
                </a:path>
                <a:path w="4707890" h="589914">
                  <a:moveTo>
                    <a:pt x="4700016" y="3048"/>
                  </a:moveTo>
                  <a:lnTo>
                    <a:pt x="4700016" y="586739"/>
                  </a:lnTo>
                  <a:lnTo>
                    <a:pt x="4703064" y="582168"/>
                  </a:lnTo>
                  <a:lnTo>
                    <a:pt x="4707636" y="582168"/>
                  </a:lnTo>
                  <a:lnTo>
                    <a:pt x="4707636" y="6096"/>
                  </a:lnTo>
                  <a:lnTo>
                    <a:pt x="4703064" y="6096"/>
                  </a:lnTo>
                  <a:lnTo>
                    <a:pt x="4700016" y="3048"/>
                  </a:lnTo>
                  <a:close/>
                </a:path>
                <a:path w="4707890" h="589914">
                  <a:moveTo>
                    <a:pt x="4707636" y="582168"/>
                  </a:moveTo>
                  <a:lnTo>
                    <a:pt x="4703064" y="582168"/>
                  </a:lnTo>
                  <a:lnTo>
                    <a:pt x="4700016" y="586739"/>
                  </a:lnTo>
                  <a:lnTo>
                    <a:pt x="4707636" y="586739"/>
                  </a:lnTo>
                  <a:lnTo>
                    <a:pt x="4707636" y="582168"/>
                  </a:lnTo>
                  <a:close/>
                </a:path>
                <a:path w="4707890" h="589914">
                  <a:moveTo>
                    <a:pt x="6096" y="3048"/>
                  </a:moveTo>
                  <a:lnTo>
                    <a:pt x="3048" y="6096"/>
                  </a:lnTo>
                  <a:lnTo>
                    <a:pt x="6096" y="6096"/>
                  </a:lnTo>
                  <a:lnTo>
                    <a:pt x="6096" y="3048"/>
                  </a:lnTo>
                  <a:close/>
                </a:path>
                <a:path w="4707890" h="589914">
                  <a:moveTo>
                    <a:pt x="4700016" y="3048"/>
                  </a:moveTo>
                  <a:lnTo>
                    <a:pt x="6096" y="3048"/>
                  </a:lnTo>
                  <a:lnTo>
                    <a:pt x="6096" y="6096"/>
                  </a:lnTo>
                  <a:lnTo>
                    <a:pt x="4700016" y="6096"/>
                  </a:lnTo>
                  <a:lnTo>
                    <a:pt x="4700016" y="3048"/>
                  </a:lnTo>
                  <a:close/>
                </a:path>
                <a:path w="4707890" h="589914">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pic>
          <p:nvPicPr>
            <p:cNvPr id="19" name="object 19"/>
            <p:cNvPicPr/>
            <p:nvPr/>
          </p:nvPicPr>
          <p:blipFill>
            <a:blip r:embed="rId6" cstate="print"/>
            <a:stretch>
              <a:fillRect/>
            </a:stretch>
          </p:blipFill>
          <p:spPr>
            <a:xfrm>
              <a:off x="5556503" y="4850891"/>
              <a:ext cx="4700015" cy="388619"/>
            </a:xfrm>
            <a:prstGeom prst="rect">
              <a:avLst/>
            </a:prstGeom>
          </p:spPr>
        </p:pic>
        <p:sp>
          <p:nvSpPr>
            <p:cNvPr id="20" name="object 20"/>
            <p:cNvSpPr/>
            <p:nvPr/>
          </p:nvSpPr>
          <p:spPr>
            <a:xfrm>
              <a:off x="5553455" y="4847844"/>
              <a:ext cx="4707890" cy="394970"/>
            </a:xfrm>
            <a:custGeom>
              <a:avLst/>
              <a:gdLst/>
              <a:ahLst/>
              <a:cxnLst/>
              <a:rect l="l" t="t" r="r" b="b"/>
              <a:pathLst>
                <a:path w="4707890" h="394970">
                  <a:moveTo>
                    <a:pt x="4707636" y="0"/>
                  </a:moveTo>
                  <a:lnTo>
                    <a:pt x="0" y="0"/>
                  </a:lnTo>
                  <a:lnTo>
                    <a:pt x="0" y="394716"/>
                  </a:lnTo>
                  <a:lnTo>
                    <a:pt x="4707636" y="394716"/>
                  </a:lnTo>
                  <a:lnTo>
                    <a:pt x="4707636" y="391668"/>
                  </a:lnTo>
                  <a:lnTo>
                    <a:pt x="6096" y="391668"/>
                  </a:lnTo>
                  <a:lnTo>
                    <a:pt x="3048" y="388620"/>
                  </a:lnTo>
                  <a:lnTo>
                    <a:pt x="6096" y="388620"/>
                  </a:lnTo>
                  <a:lnTo>
                    <a:pt x="6096" y="6096"/>
                  </a:lnTo>
                  <a:lnTo>
                    <a:pt x="3048" y="6096"/>
                  </a:lnTo>
                  <a:lnTo>
                    <a:pt x="6096" y="3048"/>
                  </a:lnTo>
                  <a:lnTo>
                    <a:pt x="4707636" y="3048"/>
                  </a:lnTo>
                  <a:lnTo>
                    <a:pt x="4707636" y="0"/>
                  </a:lnTo>
                  <a:close/>
                </a:path>
                <a:path w="4707890" h="394970">
                  <a:moveTo>
                    <a:pt x="6096" y="388620"/>
                  </a:moveTo>
                  <a:lnTo>
                    <a:pt x="3048" y="388620"/>
                  </a:lnTo>
                  <a:lnTo>
                    <a:pt x="6096" y="391668"/>
                  </a:lnTo>
                  <a:lnTo>
                    <a:pt x="6096" y="388620"/>
                  </a:lnTo>
                  <a:close/>
                </a:path>
                <a:path w="4707890" h="394970">
                  <a:moveTo>
                    <a:pt x="4700016" y="388620"/>
                  </a:moveTo>
                  <a:lnTo>
                    <a:pt x="6096" y="388620"/>
                  </a:lnTo>
                  <a:lnTo>
                    <a:pt x="6096" y="391668"/>
                  </a:lnTo>
                  <a:lnTo>
                    <a:pt x="4700016" y="391668"/>
                  </a:lnTo>
                  <a:lnTo>
                    <a:pt x="4700016" y="388620"/>
                  </a:lnTo>
                  <a:close/>
                </a:path>
                <a:path w="4707890" h="394970">
                  <a:moveTo>
                    <a:pt x="4700016" y="3048"/>
                  </a:moveTo>
                  <a:lnTo>
                    <a:pt x="4700016" y="391668"/>
                  </a:lnTo>
                  <a:lnTo>
                    <a:pt x="4703064" y="388620"/>
                  </a:lnTo>
                  <a:lnTo>
                    <a:pt x="4707636" y="388620"/>
                  </a:lnTo>
                  <a:lnTo>
                    <a:pt x="4707636" y="6096"/>
                  </a:lnTo>
                  <a:lnTo>
                    <a:pt x="4703064" y="6096"/>
                  </a:lnTo>
                  <a:lnTo>
                    <a:pt x="4700016" y="3048"/>
                  </a:lnTo>
                  <a:close/>
                </a:path>
                <a:path w="4707890" h="394970">
                  <a:moveTo>
                    <a:pt x="4707636" y="388620"/>
                  </a:moveTo>
                  <a:lnTo>
                    <a:pt x="4703064" y="388620"/>
                  </a:lnTo>
                  <a:lnTo>
                    <a:pt x="4700016" y="391668"/>
                  </a:lnTo>
                  <a:lnTo>
                    <a:pt x="4707636" y="391668"/>
                  </a:lnTo>
                  <a:lnTo>
                    <a:pt x="4707636" y="388620"/>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sp>
          <p:nvSpPr>
            <p:cNvPr id="21" name="object 21"/>
            <p:cNvSpPr/>
            <p:nvPr/>
          </p:nvSpPr>
          <p:spPr>
            <a:xfrm>
              <a:off x="5027676" y="2327604"/>
              <a:ext cx="528955" cy="659130"/>
            </a:xfrm>
            <a:custGeom>
              <a:avLst/>
              <a:gdLst/>
              <a:ahLst/>
              <a:cxnLst/>
              <a:rect l="l" t="t" r="r" b="b"/>
              <a:pathLst>
                <a:path w="528954" h="659130">
                  <a:moveTo>
                    <a:pt x="528828" y="653338"/>
                  </a:moveTo>
                  <a:lnTo>
                    <a:pt x="268224" y="653338"/>
                  </a:lnTo>
                  <a:lnTo>
                    <a:pt x="265658" y="653338"/>
                  </a:lnTo>
                  <a:lnTo>
                    <a:pt x="265658" y="652780"/>
                  </a:lnTo>
                  <a:lnTo>
                    <a:pt x="268224" y="652780"/>
                  </a:lnTo>
                  <a:lnTo>
                    <a:pt x="268224" y="5638"/>
                  </a:lnTo>
                  <a:lnTo>
                    <a:pt x="268224" y="5080"/>
                  </a:lnTo>
                  <a:lnTo>
                    <a:pt x="268224" y="2590"/>
                  </a:lnTo>
                  <a:lnTo>
                    <a:pt x="263093" y="2590"/>
                  </a:lnTo>
                  <a:lnTo>
                    <a:pt x="263093" y="5080"/>
                  </a:lnTo>
                  <a:lnTo>
                    <a:pt x="261810" y="5080"/>
                  </a:lnTo>
                  <a:lnTo>
                    <a:pt x="261810" y="3797"/>
                  </a:lnTo>
                  <a:lnTo>
                    <a:pt x="263093" y="5080"/>
                  </a:lnTo>
                  <a:lnTo>
                    <a:pt x="263093" y="2590"/>
                  </a:lnTo>
                  <a:lnTo>
                    <a:pt x="261810" y="2590"/>
                  </a:lnTo>
                  <a:lnTo>
                    <a:pt x="268224" y="2540"/>
                  </a:lnTo>
                  <a:lnTo>
                    <a:pt x="268224" y="0"/>
                  </a:lnTo>
                  <a:lnTo>
                    <a:pt x="0" y="0"/>
                  </a:lnTo>
                  <a:lnTo>
                    <a:pt x="0" y="2540"/>
                  </a:lnTo>
                  <a:lnTo>
                    <a:pt x="0" y="5080"/>
                  </a:lnTo>
                  <a:lnTo>
                    <a:pt x="260604" y="5080"/>
                  </a:lnTo>
                  <a:lnTo>
                    <a:pt x="260604" y="652780"/>
                  </a:lnTo>
                  <a:lnTo>
                    <a:pt x="260604" y="656590"/>
                  </a:lnTo>
                  <a:lnTo>
                    <a:pt x="260604" y="659130"/>
                  </a:lnTo>
                  <a:lnTo>
                    <a:pt x="528828" y="659130"/>
                  </a:lnTo>
                  <a:lnTo>
                    <a:pt x="528828" y="656590"/>
                  </a:lnTo>
                  <a:lnTo>
                    <a:pt x="265658" y="656590"/>
                  </a:lnTo>
                  <a:lnTo>
                    <a:pt x="265658" y="654685"/>
                  </a:lnTo>
                  <a:lnTo>
                    <a:pt x="268224" y="656386"/>
                  </a:lnTo>
                  <a:lnTo>
                    <a:pt x="528828" y="656386"/>
                  </a:lnTo>
                  <a:lnTo>
                    <a:pt x="528828" y="653338"/>
                  </a:lnTo>
                  <a:close/>
                </a:path>
              </a:pathLst>
            </a:custGeom>
            <a:solidFill>
              <a:srgbClr val="000000"/>
            </a:solidFill>
          </p:spPr>
          <p:txBody>
            <a:bodyPr wrap="square" lIns="0" tIns="0" rIns="0" bIns="0" rtlCol="0"/>
            <a:lstStyle/>
            <a:p>
              <a:endParaRPr sz="1539"/>
            </a:p>
          </p:txBody>
        </p:sp>
        <p:pic>
          <p:nvPicPr>
            <p:cNvPr id="22" name="object 22"/>
            <p:cNvPicPr/>
            <p:nvPr/>
          </p:nvPicPr>
          <p:blipFill>
            <a:blip r:embed="rId7" cstate="print"/>
            <a:stretch>
              <a:fillRect/>
            </a:stretch>
          </p:blipFill>
          <p:spPr>
            <a:xfrm>
              <a:off x="327660" y="5644901"/>
              <a:ext cx="4700016" cy="1165860"/>
            </a:xfrm>
            <a:prstGeom prst="rect">
              <a:avLst/>
            </a:prstGeom>
          </p:spPr>
        </p:pic>
        <p:sp>
          <p:nvSpPr>
            <p:cNvPr id="23" name="object 23"/>
            <p:cNvSpPr/>
            <p:nvPr/>
          </p:nvSpPr>
          <p:spPr>
            <a:xfrm>
              <a:off x="323088" y="5641847"/>
              <a:ext cx="4707890" cy="1172210"/>
            </a:xfrm>
            <a:custGeom>
              <a:avLst/>
              <a:gdLst/>
              <a:ahLst/>
              <a:cxnLst/>
              <a:rect l="l" t="t" r="r" b="b"/>
              <a:pathLst>
                <a:path w="4707890" h="1172209">
                  <a:moveTo>
                    <a:pt x="4707636" y="0"/>
                  </a:moveTo>
                  <a:lnTo>
                    <a:pt x="0" y="0"/>
                  </a:lnTo>
                  <a:lnTo>
                    <a:pt x="0" y="1171961"/>
                  </a:lnTo>
                  <a:lnTo>
                    <a:pt x="4707636" y="1171961"/>
                  </a:lnTo>
                  <a:lnTo>
                    <a:pt x="4707636" y="1168913"/>
                  </a:lnTo>
                  <a:lnTo>
                    <a:pt x="7619" y="1168913"/>
                  </a:lnTo>
                  <a:lnTo>
                    <a:pt x="4572" y="1165865"/>
                  </a:lnTo>
                  <a:lnTo>
                    <a:pt x="7619" y="1165865"/>
                  </a:lnTo>
                  <a:lnTo>
                    <a:pt x="7619" y="7619"/>
                  </a:lnTo>
                  <a:lnTo>
                    <a:pt x="4571" y="7619"/>
                  </a:lnTo>
                  <a:lnTo>
                    <a:pt x="7619" y="3048"/>
                  </a:lnTo>
                  <a:lnTo>
                    <a:pt x="4707636" y="3048"/>
                  </a:lnTo>
                  <a:lnTo>
                    <a:pt x="4707636" y="0"/>
                  </a:lnTo>
                  <a:close/>
                </a:path>
                <a:path w="4707890" h="1172209">
                  <a:moveTo>
                    <a:pt x="7619" y="1165865"/>
                  </a:moveTo>
                  <a:lnTo>
                    <a:pt x="4572" y="1165865"/>
                  </a:lnTo>
                  <a:lnTo>
                    <a:pt x="7619" y="1168913"/>
                  </a:lnTo>
                  <a:lnTo>
                    <a:pt x="7619" y="1165865"/>
                  </a:lnTo>
                  <a:close/>
                </a:path>
                <a:path w="4707890" h="1172209">
                  <a:moveTo>
                    <a:pt x="4701540" y="1165865"/>
                  </a:moveTo>
                  <a:lnTo>
                    <a:pt x="7619" y="1165865"/>
                  </a:lnTo>
                  <a:lnTo>
                    <a:pt x="7619" y="1168913"/>
                  </a:lnTo>
                  <a:lnTo>
                    <a:pt x="4701540" y="1168913"/>
                  </a:lnTo>
                  <a:lnTo>
                    <a:pt x="4701540" y="1165865"/>
                  </a:lnTo>
                  <a:close/>
                </a:path>
                <a:path w="4707890" h="1172209">
                  <a:moveTo>
                    <a:pt x="4701540" y="3048"/>
                  </a:moveTo>
                  <a:lnTo>
                    <a:pt x="4701540" y="1168913"/>
                  </a:lnTo>
                  <a:lnTo>
                    <a:pt x="4704588" y="1165865"/>
                  </a:lnTo>
                  <a:lnTo>
                    <a:pt x="4707636" y="1165865"/>
                  </a:lnTo>
                  <a:lnTo>
                    <a:pt x="4707636" y="7619"/>
                  </a:lnTo>
                  <a:lnTo>
                    <a:pt x="4704588" y="7619"/>
                  </a:lnTo>
                  <a:lnTo>
                    <a:pt x="4701540" y="3048"/>
                  </a:lnTo>
                  <a:close/>
                </a:path>
                <a:path w="4707890" h="1172209">
                  <a:moveTo>
                    <a:pt x="4707636" y="1165865"/>
                  </a:moveTo>
                  <a:lnTo>
                    <a:pt x="4704588" y="1165865"/>
                  </a:lnTo>
                  <a:lnTo>
                    <a:pt x="4701540" y="1168913"/>
                  </a:lnTo>
                  <a:lnTo>
                    <a:pt x="4707636" y="1168913"/>
                  </a:lnTo>
                  <a:lnTo>
                    <a:pt x="4707636" y="1165865"/>
                  </a:lnTo>
                  <a:close/>
                </a:path>
                <a:path w="4707890" h="1172209">
                  <a:moveTo>
                    <a:pt x="7619" y="3048"/>
                  </a:moveTo>
                  <a:lnTo>
                    <a:pt x="4571" y="7619"/>
                  </a:lnTo>
                  <a:lnTo>
                    <a:pt x="7619" y="7619"/>
                  </a:lnTo>
                  <a:lnTo>
                    <a:pt x="7619" y="3048"/>
                  </a:lnTo>
                  <a:close/>
                </a:path>
                <a:path w="4707890" h="1172209">
                  <a:moveTo>
                    <a:pt x="4701540" y="3048"/>
                  </a:moveTo>
                  <a:lnTo>
                    <a:pt x="7619" y="3048"/>
                  </a:lnTo>
                  <a:lnTo>
                    <a:pt x="7619" y="7619"/>
                  </a:lnTo>
                  <a:lnTo>
                    <a:pt x="4701540" y="7619"/>
                  </a:lnTo>
                  <a:lnTo>
                    <a:pt x="4701540" y="3048"/>
                  </a:lnTo>
                  <a:close/>
                </a:path>
                <a:path w="4707890" h="1172209">
                  <a:moveTo>
                    <a:pt x="4707636" y="3048"/>
                  </a:moveTo>
                  <a:lnTo>
                    <a:pt x="4701540" y="3048"/>
                  </a:lnTo>
                  <a:lnTo>
                    <a:pt x="4704588" y="7619"/>
                  </a:lnTo>
                  <a:lnTo>
                    <a:pt x="4707636" y="7619"/>
                  </a:lnTo>
                  <a:lnTo>
                    <a:pt x="4707636" y="3048"/>
                  </a:lnTo>
                  <a:close/>
                </a:path>
              </a:pathLst>
            </a:custGeom>
            <a:solidFill>
              <a:srgbClr val="ED7C31"/>
            </a:solidFill>
          </p:spPr>
          <p:txBody>
            <a:bodyPr wrap="square" lIns="0" tIns="0" rIns="0" bIns="0" rtlCol="0"/>
            <a:lstStyle/>
            <a:p>
              <a:endParaRPr sz="1539"/>
            </a:p>
          </p:txBody>
        </p:sp>
        <p:pic>
          <p:nvPicPr>
            <p:cNvPr id="24" name="object 24"/>
            <p:cNvPicPr/>
            <p:nvPr/>
          </p:nvPicPr>
          <p:blipFill>
            <a:blip r:embed="rId5" cstate="print"/>
            <a:stretch>
              <a:fillRect/>
            </a:stretch>
          </p:blipFill>
          <p:spPr>
            <a:xfrm>
              <a:off x="5556503" y="5355335"/>
              <a:ext cx="4700015" cy="583692"/>
            </a:xfrm>
            <a:prstGeom prst="rect">
              <a:avLst/>
            </a:prstGeom>
          </p:spPr>
        </p:pic>
        <p:sp>
          <p:nvSpPr>
            <p:cNvPr id="25" name="object 25"/>
            <p:cNvSpPr/>
            <p:nvPr/>
          </p:nvSpPr>
          <p:spPr>
            <a:xfrm>
              <a:off x="5553455" y="5352288"/>
              <a:ext cx="4707890" cy="589915"/>
            </a:xfrm>
            <a:custGeom>
              <a:avLst/>
              <a:gdLst/>
              <a:ahLst/>
              <a:cxnLst/>
              <a:rect l="l" t="t" r="r" b="b"/>
              <a:pathLst>
                <a:path w="4707890" h="589914">
                  <a:moveTo>
                    <a:pt x="4707636" y="0"/>
                  </a:moveTo>
                  <a:lnTo>
                    <a:pt x="0" y="0"/>
                  </a:lnTo>
                  <a:lnTo>
                    <a:pt x="0" y="589788"/>
                  </a:lnTo>
                  <a:lnTo>
                    <a:pt x="4707636" y="589788"/>
                  </a:lnTo>
                  <a:lnTo>
                    <a:pt x="4707636" y="586740"/>
                  </a:lnTo>
                  <a:lnTo>
                    <a:pt x="6096" y="586740"/>
                  </a:lnTo>
                  <a:lnTo>
                    <a:pt x="3048" y="582168"/>
                  </a:lnTo>
                  <a:lnTo>
                    <a:pt x="6096" y="582168"/>
                  </a:lnTo>
                  <a:lnTo>
                    <a:pt x="6096" y="7620"/>
                  </a:lnTo>
                  <a:lnTo>
                    <a:pt x="3048" y="7620"/>
                  </a:lnTo>
                  <a:lnTo>
                    <a:pt x="6096" y="3048"/>
                  </a:lnTo>
                  <a:lnTo>
                    <a:pt x="4707636" y="3048"/>
                  </a:lnTo>
                  <a:lnTo>
                    <a:pt x="4707636" y="0"/>
                  </a:lnTo>
                  <a:close/>
                </a:path>
                <a:path w="4707890" h="589914">
                  <a:moveTo>
                    <a:pt x="6096" y="582168"/>
                  </a:moveTo>
                  <a:lnTo>
                    <a:pt x="3048" y="582168"/>
                  </a:lnTo>
                  <a:lnTo>
                    <a:pt x="6096" y="586740"/>
                  </a:lnTo>
                  <a:lnTo>
                    <a:pt x="6096" y="582168"/>
                  </a:lnTo>
                  <a:close/>
                </a:path>
                <a:path w="4707890" h="589914">
                  <a:moveTo>
                    <a:pt x="4700016" y="582168"/>
                  </a:moveTo>
                  <a:lnTo>
                    <a:pt x="6096" y="582168"/>
                  </a:lnTo>
                  <a:lnTo>
                    <a:pt x="6096" y="586740"/>
                  </a:lnTo>
                  <a:lnTo>
                    <a:pt x="4700016" y="586740"/>
                  </a:lnTo>
                  <a:lnTo>
                    <a:pt x="4700016" y="582168"/>
                  </a:lnTo>
                  <a:close/>
                </a:path>
                <a:path w="4707890" h="589914">
                  <a:moveTo>
                    <a:pt x="4700016" y="3048"/>
                  </a:moveTo>
                  <a:lnTo>
                    <a:pt x="4700016" y="586740"/>
                  </a:lnTo>
                  <a:lnTo>
                    <a:pt x="4703064" y="582168"/>
                  </a:lnTo>
                  <a:lnTo>
                    <a:pt x="4707636" y="582168"/>
                  </a:lnTo>
                  <a:lnTo>
                    <a:pt x="4707636" y="7620"/>
                  </a:lnTo>
                  <a:lnTo>
                    <a:pt x="4703064" y="7620"/>
                  </a:lnTo>
                  <a:lnTo>
                    <a:pt x="4700016" y="3048"/>
                  </a:lnTo>
                  <a:close/>
                </a:path>
                <a:path w="4707890" h="589914">
                  <a:moveTo>
                    <a:pt x="4707636" y="582168"/>
                  </a:moveTo>
                  <a:lnTo>
                    <a:pt x="4703064" y="582168"/>
                  </a:lnTo>
                  <a:lnTo>
                    <a:pt x="4700016" y="586740"/>
                  </a:lnTo>
                  <a:lnTo>
                    <a:pt x="4707636" y="586740"/>
                  </a:lnTo>
                  <a:lnTo>
                    <a:pt x="4707636" y="582168"/>
                  </a:lnTo>
                  <a:close/>
                </a:path>
                <a:path w="4707890" h="589914">
                  <a:moveTo>
                    <a:pt x="6096" y="3048"/>
                  </a:moveTo>
                  <a:lnTo>
                    <a:pt x="3048" y="7620"/>
                  </a:lnTo>
                  <a:lnTo>
                    <a:pt x="6096" y="7620"/>
                  </a:lnTo>
                  <a:lnTo>
                    <a:pt x="6096" y="3048"/>
                  </a:lnTo>
                  <a:close/>
                </a:path>
                <a:path w="4707890" h="589914">
                  <a:moveTo>
                    <a:pt x="4700016" y="3048"/>
                  </a:moveTo>
                  <a:lnTo>
                    <a:pt x="6096" y="3048"/>
                  </a:lnTo>
                  <a:lnTo>
                    <a:pt x="6096" y="7620"/>
                  </a:lnTo>
                  <a:lnTo>
                    <a:pt x="4700016" y="7620"/>
                  </a:lnTo>
                  <a:lnTo>
                    <a:pt x="4700016" y="3048"/>
                  </a:lnTo>
                  <a:close/>
                </a:path>
                <a:path w="4707890" h="589914">
                  <a:moveTo>
                    <a:pt x="4707636" y="3048"/>
                  </a:moveTo>
                  <a:lnTo>
                    <a:pt x="4700016" y="3048"/>
                  </a:lnTo>
                  <a:lnTo>
                    <a:pt x="4703064" y="7620"/>
                  </a:lnTo>
                  <a:lnTo>
                    <a:pt x="4707636" y="7620"/>
                  </a:lnTo>
                  <a:lnTo>
                    <a:pt x="4707636" y="3048"/>
                  </a:lnTo>
                  <a:close/>
                </a:path>
              </a:pathLst>
            </a:custGeom>
            <a:solidFill>
              <a:srgbClr val="70AC46"/>
            </a:solidFill>
          </p:spPr>
          <p:txBody>
            <a:bodyPr wrap="square" lIns="0" tIns="0" rIns="0" bIns="0" rtlCol="0"/>
            <a:lstStyle/>
            <a:p>
              <a:endParaRPr sz="1539"/>
            </a:p>
          </p:txBody>
        </p:sp>
        <p:sp>
          <p:nvSpPr>
            <p:cNvPr id="26" name="object 26"/>
            <p:cNvSpPr/>
            <p:nvPr/>
          </p:nvSpPr>
          <p:spPr>
            <a:xfrm>
              <a:off x="5027676" y="4748224"/>
              <a:ext cx="528955" cy="2037080"/>
            </a:xfrm>
            <a:custGeom>
              <a:avLst/>
              <a:gdLst/>
              <a:ahLst/>
              <a:cxnLst/>
              <a:rect l="l" t="t" r="r" b="b"/>
              <a:pathLst>
                <a:path w="528954" h="2037079">
                  <a:moveTo>
                    <a:pt x="528828" y="895146"/>
                  </a:moveTo>
                  <a:lnTo>
                    <a:pt x="267906" y="895146"/>
                  </a:lnTo>
                  <a:lnTo>
                    <a:pt x="267906" y="2033270"/>
                  </a:lnTo>
                  <a:lnTo>
                    <a:pt x="266636" y="2033270"/>
                  </a:lnTo>
                  <a:lnTo>
                    <a:pt x="266636" y="2032000"/>
                  </a:lnTo>
                  <a:lnTo>
                    <a:pt x="267906" y="2033270"/>
                  </a:lnTo>
                  <a:lnTo>
                    <a:pt x="267906" y="895146"/>
                  </a:lnTo>
                  <a:lnTo>
                    <a:pt x="260604" y="895146"/>
                  </a:lnTo>
                  <a:lnTo>
                    <a:pt x="260604" y="1477010"/>
                  </a:lnTo>
                  <a:lnTo>
                    <a:pt x="0" y="1477010"/>
                  </a:lnTo>
                  <a:lnTo>
                    <a:pt x="0" y="1477314"/>
                  </a:lnTo>
                  <a:lnTo>
                    <a:pt x="0" y="1480820"/>
                  </a:lnTo>
                  <a:lnTo>
                    <a:pt x="0" y="1483360"/>
                  </a:lnTo>
                  <a:lnTo>
                    <a:pt x="260604" y="1483410"/>
                  </a:lnTo>
                  <a:lnTo>
                    <a:pt x="260604" y="2030730"/>
                  </a:lnTo>
                  <a:lnTo>
                    <a:pt x="260604" y="2033270"/>
                  </a:lnTo>
                  <a:lnTo>
                    <a:pt x="260604" y="2037080"/>
                  </a:lnTo>
                  <a:lnTo>
                    <a:pt x="528828" y="2037080"/>
                  </a:lnTo>
                  <a:lnTo>
                    <a:pt x="528828" y="2033587"/>
                  </a:lnTo>
                  <a:lnTo>
                    <a:pt x="528828" y="2033270"/>
                  </a:lnTo>
                  <a:lnTo>
                    <a:pt x="528828" y="2030539"/>
                  </a:lnTo>
                  <a:lnTo>
                    <a:pt x="268224" y="2030539"/>
                  </a:lnTo>
                  <a:lnTo>
                    <a:pt x="268224" y="902766"/>
                  </a:lnTo>
                  <a:lnTo>
                    <a:pt x="528828" y="902766"/>
                  </a:lnTo>
                  <a:lnTo>
                    <a:pt x="528828" y="898194"/>
                  </a:lnTo>
                  <a:lnTo>
                    <a:pt x="528828" y="895146"/>
                  </a:lnTo>
                  <a:close/>
                </a:path>
                <a:path w="528954" h="2037079">
                  <a:moveTo>
                    <a:pt x="528828" y="293166"/>
                  </a:moveTo>
                  <a:lnTo>
                    <a:pt x="268224" y="293166"/>
                  </a:lnTo>
                  <a:lnTo>
                    <a:pt x="268224" y="6654"/>
                  </a:lnTo>
                  <a:lnTo>
                    <a:pt x="268224" y="6350"/>
                  </a:lnTo>
                  <a:lnTo>
                    <a:pt x="268224" y="3810"/>
                  </a:lnTo>
                  <a:lnTo>
                    <a:pt x="268224" y="3606"/>
                  </a:lnTo>
                  <a:lnTo>
                    <a:pt x="268224" y="0"/>
                  </a:lnTo>
                  <a:lnTo>
                    <a:pt x="267919" y="0"/>
                  </a:lnTo>
                  <a:lnTo>
                    <a:pt x="267919" y="295910"/>
                  </a:lnTo>
                  <a:lnTo>
                    <a:pt x="266649" y="295910"/>
                  </a:lnTo>
                  <a:lnTo>
                    <a:pt x="266649" y="294640"/>
                  </a:lnTo>
                  <a:lnTo>
                    <a:pt x="267919" y="295910"/>
                  </a:lnTo>
                  <a:lnTo>
                    <a:pt x="267919" y="0"/>
                  </a:lnTo>
                  <a:lnTo>
                    <a:pt x="264718" y="0"/>
                  </a:lnTo>
                  <a:lnTo>
                    <a:pt x="264718" y="6350"/>
                  </a:lnTo>
                  <a:lnTo>
                    <a:pt x="262813" y="6350"/>
                  </a:lnTo>
                  <a:lnTo>
                    <a:pt x="262813" y="5080"/>
                  </a:lnTo>
                  <a:lnTo>
                    <a:pt x="264718" y="6350"/>
                  </a:lnTo>
                  <a:lnTo>
                    <a:pt x="264718" y="0"/>
                  </a:lnTo>
                  <a:lnTo>
                    <a:pt x="0" y="0"/>
                  </a:lnTo>
                  <a:lnTo>
                    <a:pt x="0" y="3810"/>
                  </a:lnTo>
                  <a:lnTo>
                    <a:pt x="0" y="6350"/>
                  </a:lnTo>
                  <a:lnTo>
                    <a:pt x="260604" y="6350"/>
                  </a:lnTo>
                  <a:lnTo>
                    <a:pt x="260604" y="293370"/>
                  </a:lnTo>
                  <a:lnTo>
                    <a:pt x="260604" y="295910"/>
                  </a:lnTo>
                  <a:lnTo>
                    <a:pt x="260604" y="300990"/>
                  </a:lnTo>
                  <a:lnTo>
                    <a:pt x="528828" y="300990"/>
                  </a:lnTo>
                  <a:lnTo>
                    <a:pt x="528828" y="296214"/>
                  </a:lnTo>
                  <a:lnTo>
                    <a:pt x="528828" y="295910"/>
                  </a:lnTo>
                  <a:lnTo>
                    <a:pt x="528828" y="293166"/>
                  </a:lnTo>
                  <a:close/>
                </a:path>
              </a:pathLst>
            </a:custGeom>
            <a:solidFill>
              <a:srgbClr val="000000"/>
            </a:solidFill>
          </p:spPr>
          <p:txBody>
            <a:bodyPr wrap="square" lIns="0" tIns="0" rIns="0" bIns="0" rtlCol="0"/>
            <a:lstStyle/>
            <a:p>
              <a:endParaRPr sz="1539"/>
            </a:p>
          </p:txBody>
        </p:sp>
        <p:pic>
          <p:nvPicPr>
            <p:cNvPr id="27" name="object 27"/>
            <p:cNvPicPr/>
            <p:nvPr/>
          </p:nvPicPr>
          <p:blipFill>
            <a:blip r:embed="rId4" cstate="print"/>
            <a:stretch>
              <a:fillRect/>
            </a:stretch>
          </p:blipFill>
          <p:spPr>
            <a:xfrm>
              <a:off x="5556503" y="4169663"/>
              <a:ext cx="4700015" cy="582168"/>
            </a:xfrm>
            <a:prstGeom prst="rect">
              <a:avLst/>
            </a:prstGeom>
          </p:spPr>
        </p:pic>
        <p:sp>
          <p:nvSpPr>
            <p:cNvPr id="28" name="object 28"/>
            <p:cNvSpPr/>
            <p:nvPr/>
          </p:nvSpPr>
          <p:spPr>
            <a:xfrm>
              <a:off x="5553455" y="4165091"/>
              <a:ext cx="4707890" cy="589915"/>
            </a:xfrm>
            <a:custGeom>
              <a:avLst/>
              <a:gdLst/>
              <a:ahLst/>
              <a:cxnLst/>
              <a:rect l="l" t="t" r="r" b="b"/>
              <a:pathLst>
                <a:path w="4707890" h="589914">
                  <a:moveTo>
                    <a:pt x="4707636" y="0"/>
                  </a:moveTo>
                  <a:lnTo>
                    <a:pt x="0" y="0"/>
                  </a:lnTo>
                  <a:lnTo>
                    <a:pt x="0" y="589787"/>
                  </a:lnTo>
                  <a:lnTo>
                    <a:pt x="4707636" y="589787"/>
                  </a:lnTo>
                  <a:lnTo>
                    <a:pt x="4707636" y="586739"/>
                  </a:lnTo>
                  <a:lnTo>
                    <a:pt x="6096" y="586739"/>
                  </a:lnTo>
                  <a:lnTo>
                    <a:pt x="3048" y="583691"/>
                  </a:lnTo>
                  <a:lnTo>
                    <a:pt x="6096" y="583691"/>
                  </a:lnTo>
                  <a:lnTo>
                    <a:pt x="6096" y="7619"/>
                  </a:lnTo>
                  <a:lnTo>
                    <a:pt x="3048" y="7619"/>
                  </a:lnTo>
                  <a:lnTo>
                    <a:pt x="6096" y="4571"/>
                  </a:lnTo>
                  <a:lnTo>
                    <a:pt x="4707636" y="4571"/>
                  </a:lnTo>
                  <a:lnTo>
                    <a:pt x="4707636" y="0"/>
                  </a:lnTo>
                  <a:close/>
                </a:path>
                <a:path w="4707890" h="589914">
                  <a:moveTo>
                    <a:pt x="6096" y="583691"/>
                  </a:moveTo>
                  <a:lnTo>
                    <a:pt x="3048" y="583691"/>
                  </a:lnTo>
                  <a:lnTo>
                    <a:pt x="6096" y="586739"/>
                  </a:lnTo>
                  <a:lnTo>
                    <a:pt x="6096" y="583691"/>
                  </a:lnTo>
                  <a:close/>
                </a:path>
                <a:path w="4707890" h="589914">
                  <a:moveTo>
                    <a:pt x="4700016" y="583691"/>
                  </a:moveTo>
                  <a:lnTo>
                    <a:pt x="6096" y="583691"/>
                  </a:lnTo>
                  <a:lnTo>
                    <a:pt x="6096" y="586739"/>
                  </a:lnTo>
                  <a:lnTo>
                    <a:pt x="4700016" y="586739"/>
                  </a:lnTo>
                  <a:lnTo>
                    <a:pt x="4700016" y="583691"/>
                  </a:lnTo>
                  <a:close/>
                </a:path>
                <a:path w="4707890" h="589914">
                  <a:moveTo>
                    <a:pt x="4700016" y="4571"/>
                  </a:moveTo>
                  <a:lnTo>
                    <a:pt x="4700016" y="586739"/>
                  </a:lnTo>
                  <a:lnTo>
                    <a:pt x="4703064" y="583691"/>
                  </a:lnTo>
                  <a:lnTo>
                    <a:pt x="4707636" y="583691"/>
                  </a:lnTo>
                  <a:lnTo>
                    <a:pt x="4707636" y="7619"/>
                  </a:lnTo>
                  <a:lnTo>
                    <a:pt x="4703064" y="7619"/>
                  </a:lnTo>
                  <a:lnTo>
                    <a:pt x="4700016" y="4571"/>
                  </a:lnTo>
                  <a:close/>
                </a:path>
                <a:path w="4707890" h="589914">
                  <a:moveTo>
                    <a:pt x="4707636" y="583691"/>
                  </a:moveTo>
                  <a:lnTo>
                    <a:pt x="4703064" y="583691"/>
                  </a:lnTo>
                  <a:lnTo>
                    <a:pt x="4700016" y="586739"/>
                  </a:lnTo>
                  <a:lnTo>
                    <a:pt x="4707636" y="586739"/>
                  </a:lnTo>
                  <a:lnTo>
                    <a:pt x="4707636" y="583691"/>
                  </a:lnTo>
                  <a:close/>
                </a:path>
                <a:path w="4707890" h="589914">
                  <a:moveTo>
                    <a:pt x="6096" y="4571"/>
                  </a:moveTo>
                  <a:lnTo>
                    <a:pt x="3048" y="7619"/>
                  </a:lnTo>
                  <a:lnTo>
                    <a:pt x="6096" y="7619"/>
                  </a:lnTo>
                  <a:lnTo>
                    <a:pt x="6096" y="4571"/>
                  </a:lnTo>
                  <a:close/>
                </a:path>
                <a:path w="4707890" h="589914">
                  <a:moveTo>
                    <a:pt x="4700016" y="4571"/>
                  </a:moveTo>
                  <a:lnTo>
                    <a:pt x="6096" y="4571"/>
                  </a:lnTo>
                  <a:lnTo>
                    <a:pt x="6096" y="7619"/>
                  </a:lnTo>
                  <a:lnTo>
                    <a:pt x="4700016" y="7619"/>
                  </a:lnTo>
                  <a:lnTo>
                    <a:pt x="4700016" y="4571"/>
                  </a:lnTo>
                  <a:close/>
                </a:path>
                <a:path w="4707890" h="589914">
                  <a:moveTo>
                    <a:pt x="4707636" y="4571"/>
                  </a:moveTo>
                  <a:lnTo>
                    <a:pt x="4700016" y="4571"/>
                  </a:lnTo>
                  <a:lnTo>
                    <a:pt x="4703064" y="7619"/>
                  </a:lnTo>
                  <a:lnTo>
                    <a:pt x="4707636" y="7619"/>
                  </a:lnTo>
                  <a:lnTo>
                    <a:pt x="4707636" y="4571"/>
                  </a:lnTo>
                  <a:close/>
                </a:path>
              </a:pathLst>
            </a:custGeom>
            <a:solidFill>
              <a:srgbClr val="70AC46"/>
            </a:solidFill>
          </p:spPr>
          <p:txBody>
            <a:bodyPr wrap="square" lIns="0" tIns="0" rIns="0" bIns="0" rtlCol="0"/>
            <a:lstStyle/>
            <a:p>
              <a:endParaRPr sz="1539"/>
            </a:p>
          </p:txBody>
        </p:sp>
        <p:sp>
          <p:nvSpPr>
            <p:cNvPr id="29" name="object 29"/>
            <p:cNvSpPr/>
            <p:nvPr/>
          </p:nvSpPr>
          <p:spPr>
            <a:xfrm>
              <a:off x="5027676" y="3718255"/>
              <a:ext cx="528955" cy="1036955"/>
            </a:xfrm>
            <a:custGeom>
              <a:avLst/>
              <a:gdLst/>
              <a:ahLst/>
              <a:cxnLst/>
              <a:rect l="l" t="t" r="r" b="b"/>
              <a:pathLst>
                <a:path w="528954" h="1036954">
                  <a:moveTo>
                    <a:pt x="528828" y="737920"/>
                  </a:moveTo>
                  <a:lnTo>
                    <a:pt x="260604" y="737920"/>
                  </a:lnTo>
                  <a:lnTo>
                    <a:pt x="260604" y="1030528"/>
                  </a:lnTo>
                  <a:lnTo>
                    <a:pt x="0" y="1030528"/>
                  </a:lnTo>
                  <a:lnTo>
                    <a:pt x="0" y="1036624"/>
                  </a:lnTo>
                  <a:lnTo>
                    <a:pt x="268224" y="1036624"/>
                  </a:lnTo>
                  <a:lnTo>
                    <a:pt x="268224" y="1033576"/>
                  </a:lnTo>
                  <a:lnTo>
                    <a:pt x="268224" y="1030528"/>
                  </a:lnTo>
                  <a:lnTo>
                    <a:pt x="268224" y="745540"/>
                  </a:lnTo>
                  <a:lnTo>
                    <a:pt x="528828" y="745540"/>
                  </a:lnTo>
                  <a:lnTo>
                    <a:pt x="528828" y="742492"/>
                  </a:lnTo>
                  <a:lnTo>
                    <a:pt x="528828" y="737920"/>
                  </a:lnTo>
                  <a:close/>
                </a:path>
                <a:path w="528954" h="1036954">
                  <a:moveTo>
                    <a:pt x="528828" y="0"/>
                  </a:moveTo>
                  <a:lnTo>
                    <a:pt x="268224" y="0"/>
                  </a:lnTo>
                  <a:lnTo>
                    <a:pt x="268224" y="304"/>
                  </a:lnTo>
                  <a:lnTo>
                    <a:pt x="268224" y="3352"/>
                  </a:lnTo>
                  <a:lnTo>
                    <a:pt x="268224" y="3810"/>
                  </a:lnTo>
                  <a:lnTo>
                    <a:pt x="266039" y="3810"/>
                  </a:lnTo>
                  <a:lnTo>
                    <a:pt x="266039" y="1905"/>
                  </a:lnTo>
                  <a:lnTo>
                    <a:pt x="268224" y="3352"/>
                  </a:lnTo>
                  <a:lnTo>
                    <a:pt x="268224" y="304"/>
                  </a:lnTo>
                  <a:lnTo>
                    <a:pt x="266039" y="304"/>
                  </a:lnTo>
                  <a:lnTo>
                    <a:pt x="266039" y="0"/>
                  </a:lnTo>
                  <a:lnTo>
                    <a:pt x="262166" y="0"/>
                  </a:lnTo>
                  <a:lnTo>
                    <a:pt x="262166" y="3810"/>
                  </a:lnTo>
                  <a:lnTo>
                    <a:pt x="262166" y="5702"/>
                  </a:lnTo>
                  <a:lnTo>
                    <a:pt x="260908" y="3810"/>
                  </a:lnTo>
                  <a:lnTo>
                    <a:pt x="262166" y="3810"/>
                  </a:lnTo>
                  <a:lnTo>
                    <a:pt x="262166" y="0"/>
                  </a:lnTo>
                  <a:lnTo>
                    <a:pt x="0" y="0"/>
                  </a:lnTo>
                  <a:lnTo>
                    <a:pt x="0" y="3810"/>
                  </a:lnTo>
                  <a:lnTo>
                    <a:pt x="0" y="7620"/>
                  </a:lnTo>
                  <a:lnTo>
                    <a:pt x="260604" y="7620"/>
                  </a:lnTo>
                  <a:lnTo>
                    <a:pt x="260604" y="7924"/>
                  </a:lnTo>
                  <a:lnTo>
                    <a:pt x="263652" y="7924"/>
                  </a:lnTo>
                  <a:lnTo>
                    <a:pt x="263448" y="7620"/>
                  </a:lnTo>
                  <a:lnTo>
                    <a:pt x="528828" y="7620"/>
                  </a:lnTo>
                  <a:lnTo>
                    <a:pt x="528828" y="3810"/>
                  </a:lnTo>
                  <a:lnTo>
                    <a:pt x="528828" y="0"/>
                  </a:lnTo>
                  <a:close/>
                </a:path>
              </a:pathLst>
            </a:custGeom>
            <a:solidFill>
              <a:srgbClr val="000000"/>
            </a:solidFill>
          </p:spPr>
          <p:txBody>
            <a:bodyPr wrap="square" lIns="0" tIns="0" rIns="0" bIns="0" rtlCol="0"/>
            <a:lstStyle/>
            <a:p>
              <a:endParaRPr sz="1539"/>
            </a:p>
          </p:txBody>
        </p:sp>
        <p:pic>
          <p:nvPicPr>
            <p:cNvPr id="30" name="object 30"/>
            <p:cNvPicPr/>
            <p:nvPr/>
          </p:nvPicPr>
          <p:blipFill>
            <a:blip r:embed="rId4" cstate="print"/>
            <a:stretch>
              <a:fillRect/>
            </a:stretch>
          </p:blipFill>
          <p:spPr>
            <a:xfrm>
              <a:off x="5556503" y="1403603"/>
              <a:ext cx="4700015" cy="582167"/>
            </a:xfrm>
            <a:prstGeom prst="rect">
              <a:avLst/>
            </a:prstGeom>
          </p:spPr>
        </p:pic>
        <p:sp>
          <p:nvSpPr>
            <p:cNvPr id="31" name="object 31"/>
            <p:cNvSpPr/>
            <p:nvPr/>
          </p:nvSpPr>
          <p:spPr>
            <a:xfrm>
              <a:off x="5553455" y="1400555"/>
              <a:ext cx="4707890" cy="588645"/>
            </a:xfrm>
            <a:custGeom>
              <a:avLst/>
              <a:gdLst/>
              <a:ahLst/>
              <a:cxnLst/>
              <a:rect l="l" t="t" r="r" b="b"/>
              <a:pathLst>
                <a:path w="4707890" h="588644">
                  <a:moveTo>
                    <a:pt x="4707636" y="0"/>
                  </a:moveTo>
                  <a:lnTo>
                    <a:pt x="0" y="0"/>
                  </a:lnTo>
                  <a:lnTo>
                    <a:pt x="0" y="588263"/>
                  </a:lnTo>
                  <a:lnTo>
                    <a:pt x="4707636" y="588263"/>
                  </a:lnTo>
                  <a:lnTo>
                    <a:pt x="4707636" y="585215"/>
                  </a:lnTo>
                  <a:lnTo>
                    <a:pt x="6096" y="585215"/>
                  </a:lnTo>
                  <a:lnTo>
                    <a:pt x="3048" y="582167"/>
                  </a:lnTo>
                  <a:lnTo>
                    <a:pt x="6096" y="582167"/>
                  </a:lnTo>
                  <a:lnTo>
                    <a:pt x="6096" y="6095"/>
                  </a:lnTo>
                  <a:lnTo>
                    <a:pt x="3048" y="6095"/>
                  </a:lnTo>
                  <a:lnTo>
                    <a:pt x="6096" y="3048"/>
                  </a:lnTo>
                  <a:lnTo>
                    <a:pt x="4707636" y="3048"/>
                  </a:lnTo>
                  <a:lnTo>
                    <a:pt x="4707636" y="0"/>
                  </a:lnTo>
                  <a:close/>
                </a:path>
                <a:path w="4707890" h="588644">
                  <a:moveTo>
                    <a:pt x="6096" y="582167"/>
                  </a:moveTo>
                  <a:lnTo>
                    <a:pt x="3048" y="582167"/>
                  </a:lnTo>
                  <a:lnTo>
                    <a:pt x="6096" y="585215"/>
                  </a:lnTo>
                  <a:lnTo>
                    <a:pt x="6096" y="582167"/>
                  </a:lnTo>
                  <a:close/>
                </a:path>
                <a:path w="4707890" h="588644">
                  <a:moveTo>
                    <a:pt x="4700016" y="582167"/>
                  </a:moveTo>
                  <a:lnTo>
                    <a:pt x="6096" y="582167"/>
                  </a:lnTo>
                  <a:lnTo>
                    <a:pt x="6096" y="585215"/>
                  </a:lnTo>
                  <a:lnTo>
                    <a:pt x="4700016" y="585215"/>
                  </a:lnTo>
                  <a:lnTo>
                    <a:pt x="4700016" y="582167"/>
                  </a:lnTo>
                  <a:close/>
                </a:path>
                <a:path w="4707890" h="588644">
                  <a:moveTo>
                    <a:pt x="4700016" y="3048"/>
                  </a:moveTo>
                  <a:lnTo>
                    <a:pt x="4700016" y="585215"/>
                  </a:lnTo>
                  <a:lnTo>
                    <a:pt x="4703064" y="582167"/>
                  </a:lnTo>
                  <a:lnTo>
                    <a:pt x="4707636" y="582167"/>
                  </a:lnTo>
                  <a:lnTo>
                    <a:pt x="4707636" y="6095"/>
                  </a:lnTo>
                  <a:lnTo>
                    <a:pt x="4703064" y="6095"/>
                  </a:lnTo>
                  <a:lnTo>
                    <a:pt x="4700016" y="3048"/>
                  </a:lnTo>
                  <a:close/>
                </a:path>
                <a:path w="4707890" h="588644">
                  <a:moveTo>
                    <a:pt x="4707636" y="582167"/>
                  </a:moveTo>
                  <a:lnTo>
                    <a:pt x="4703064" y="582167"/>
                  </a:lnTo>
                  <a:lnTo>
                    <a:pt x="4700016" y="585215"/>
                  </a:lnTo>
                  <a:lnTo>
                    <a:pt x="4707636" y="585215"/>
                  </a:lnTo>
                  <a:lnTo>
                    <a:pt x="4707636" y="582167"/>
                  </a:lnTo>
                  <a:close/>
                </a:path>
                <a:path w="4707890" h="588644">
                  <a:moveTo>
                    <a:pt x="6096" y="3048"/>
                  </a:moveTo>
                  <a:lnTo>
                    <a:pt x="3048" y="6095"/>
                  </a:lnTo>
                  <a:lnTo>
                    <a:pt x="6096" y="6095"/>
                  </a:lnTo>
                  <a:lnTo>
                    <a:pt x="6096" y="3048"/>
                  </a:lnTo>
                  <a:close/>
                </a:path>
                <a:path w="4707890" h="588644">
                  <a:moveTo>
                    <a:pt x="4700016" y="3048"/>
                  </a:moveTo>
                  <a:lnTo>
                    <a:pt x="6096" y="3048"/>
                  </a:lnTo>
                  <a:lnTo>
                    <a:pt x="6096" y="6095"/>
                  </a:lnTo>
                  <a:lnTo>
                    <a:pt x="4700016" y="6095"/>
                  </a:lnTo>
                  <a:lnTo>
                    <a:pt x="4700016" y="3048"/>
                  </a:lnTo>
                  <a:close/>
                </a:path>
                <a:path w="4707890" h="588644">
                  <a:moveTo>
                    <a:pt x="4707636" y="3048"/>
                  </a:moveTo>
                  <a:lnTo>
                    <a:pt x="4700016" y="3048"/>
                  </a:lnTo>
                  <a:lnTo>
                    <a:pt x="4703064" y="6095"/>
                  </a:lnTo>
                  <a:lnTo>
                    <a:pt x="4707636" y="6095"/>
                  </a:lnTo>
                  <a:lnTo>
                    <a:pt x="4707636" y="3048"/>
                  </a:lnTo>
                  <a:close/>
                </a:path>
              </a:pathLst>
            </a:custGeom>
            <a:solidFill>
              <a:srgbClr val="70AC46"/>
            </a:solidFill>
          </p:spPr>
          <p:txBody>
            <a:bodyPr wrap="square" lIns="0" tIns="0" rIns="0" bIns="0" rtlCol="0"/>
            <a:lstStyle/>
            <a:p>
              <a:endParaRPr sz="1539"/>
            </a:p>
          </p:txBody>
        </p:sp>
        <p:sp>
          <p:nvSpPr>
            <p:cNvPr id="32" name="object 32"/>
            <p:cNvSpPr/>
            <p:nvPr/>
          </p:nvSpPr>
          <p:spPr>
            <a:xfrm>
              <a:off x="5027676" y="1691639"/>
              <a:ext cx="528955" cy="641985"/>
            </a:xfrm>
            <a:custGeom>
              <a:avLst/>
              <a:gdLst/>
              <a:ahLst/>
              <a:cxnLst/>
              <a:rect l="l" t="t" r="r" b="b"/>
              <a:pathLst>
                <a:path w="528954" h="641985">
                  <a:moveTo>
                    <a:pt x="260603" y="635508"/>
                  </a:moveTo>
                  <a:lnTo>
                    <a:pt x="0" y="635508"/>
                  </a:lnTo>
                  <a:lnTo>
                    <a:pt x="0" y="641604"/>
                  </a:lnTo>
                  <a:lnTo>
                    <a:pt x="268224" y="641604"/>
                  </a:lnTo>
                  <a:lnTo>
                    <a:pt x="268224" y="638556"/>
                  </a:lnTo>
                  <a:lnTo>
                    <a:pt x="260603" y="638556"/>
                  </a:lnTo>
                  <a:lnTo>
                    <a:pt x="260603" y="635508"/>
                  </a:lnTo>
                  <a:close/>
                </a:path>
                <a:path w="528954" h="641985">
                  <a:moveTo>
                    <a:pt x="528827" y="0"/>
                  </a:moveTo>
                  <a:lnTo>
                    <a:pt x="260603" y="0"/>
                  </a:lnTo>
                  <a:lnTo>
                    <a:pt x="260603" y="638556"/>
                  </a:lnTo>
                  <a:lnTo>
                    <a:pt x="263651" y="635508"/>
                  </a:lnTo>
                  <a:lnTo>
                    <a:pt x="268224" y="635508"/>
                  </a:lnTo>
                  <a:lnTo>
                    <a:pt x="268224" y="6096"/>
                  </a:lnTo>
                  <a:lnTo>
                    <a:pt x="263651" y="6096"/>
                  </a:lnTo>
                  <a:lnTo>
                    <a:pt x="268224" y="3048"/>
                  </a:lnTo>
                  <a:lnTo>
                    <a:pt x="528827" y="3048"/>
                  </a:lnTo>
                  <a:lnTo>
                    <a:pt x="528827" y="0"/>
                  </a:lnTo>
                  <a:close/>
                </a:path>
                <a:path w="528954" h="641985">
                  <a:moveTo>
                    <a:pt x="268224" y="635508"/>
                  </a:moveTo>
                  <a:lnTo>
                    <a:pt x="263651" y="635508"/>
                  </a:lnTo>
                  <a:lnTo>
                    <a:pt x="260603" y="638556"/>
                  </a:lnTo>
                  <a:lnTo>
                    <a:pt x="268224" y="638556"/>
                  </a:lnTo>
                  <a:lnTo>
                    <a:pt x="268224" y="635508"/>
                  </a:lnTo>
                  <a:close/>
                </a:path>
                <a:path w="528954" h="641985">
                  <a:moveTo>
                    <a:pt x="268224" y="3048"/>
                  </a:moveTo>
                  <a:lnTo>
                    <a:pt x="263651" y="6096"/>
                  </a:lnTo>
                  <a:lnTo>
                    <a:pt x="268224" y="6096"/>
                  </a:lnTo>
                  <a:lnTo>
                    <a:pt x="268224" y="3048"/>
                  </a:lnTo>
                  <a:close/>
                </a:path>
                <a:path w="528954" h="641985">
                  <a:moveTo>
                    <a:pt x="528827" y="3048"/>
                  </a:moveTo>
                  <a:lnTo>
                    <a:pt x="268224" y="3048"/>
                  </a:lnTo>
                  <a:lnTo>
                    <a:pt x="268224" y="6096"/>
                  </a:lnTo>
                  <a:lnTo>
                    <a:pt x="528827" y="6096"/>
                  </a:lnTo>
                  <a:lnTo>
                    <a:pt x="528827" y="3048"/>
                  </a:lnTo>
                  <a:close/>
                </a:path>
              </a:pathLst>
            </a:custGeom>
            <a:solidFill>
              <a:srgbClr val="000000"/>
            </a:solidFill>
          </p:spPr>
          <p:txBody>
            <a:bodyPr wrap="square" lIns="0" tIns="0" rIns="0" bIns="0" rtlCol="0"/>
            <a:lstStyle/>
            <a:p>
              <a:endParaRPr sz="1539"/>
            </a:p>
          </p:txBody>
        </p:sp>
        <p:pic>
          <p:nvPicPr>
            <p:cNvPr id="33" name="object 33"/>
            <p:cNvPicPr/>
            <p:nvPr/>
          </p:nvPicPr>
          <p:blipFill>
            <a:blip r:embed="rId8" cstate="print"/>
            <a:stretch>
              <a:fillRect/>
            </a:stretch>
          </p:blipFill>
          <p:spPr>
            <a:xfrm>
              <a:off x="327660" y="3392423"/>
              <a:ext cx="4700016" cy="659891"/>
            </a:xfrm>
            <a:prstGeom prst="rect">
              <a:avLst/>
            </a:prstGeom>
          </p:spPr>
        </p:pic>
        <p:sp>
          <p:nvSpPr>
            <p:cNvPr id="34" name="object 34"/>
            <p:cNvSpPr/>
            <p:nvPr/>
          </p:nvSpPr>
          <p:spPr>
            <a:xfrm>
              <a:off x="323088" y="3387851"/>
              <a:ext cx="4707890" cy="668020"/>
            </a:xfrm>
            <a:custGeom>
              <a:avLst/>
              <a:gdLst/>
              <a:ahLst/>
              <a:cxnLst/>
              <a:rect l="l" t="t" r="r" b="b"/>
              <a:pathLst>
                <a:path w="4707890" h="668020">
                  <a:moveTo>
                    <a:pt x="4707636" y="0"/>
                  </a:moveTo>
                  <a:lnTo>
                    <a:pt x="0" y="0"/>
                  </a:lnTo>
                  <a:lnTo>
                    <a:pt x="0" y="667512"/>
                  </a:lnTo>
                  <a:lnTo>
                    <a:pt x="4707636" y="667512"/>
                  </a:lnTo>
                  <a:lnTo>
                    <a:pt x="4707636" y="664463"/>
                  </a:lnTo>
                  <a:lnTo>
                    <a:pt x="7619" y="664463"/>
                  </a:lnTo>
                  <a:lnTo>
                    <a:pt x="4571" y="661416"/>
                  </a:lnTo>
                  <a:lnTo>
                    <a:pt x="7619" y="661416"/>
                  </a:lnTo>
                  <a:lnTo>
                    <a:pt x="7619" y="7620"/>
                  </a:lnTo>
                  <a:lnTo>
                    <a:pt x="4571" y="7620"/>
                  </a:lnTo>
                  <a:lnTo>
                    <a:pt x="7619" y="4572"/>
                  </a:lnTo>
                  <a:lnTo>
                    <a:pt x="4707636" y="4572"/>
                  </a:lnTo>
                  <a:lnTo>
                    <a:pt x="4707636" y="0"/>
                  </a:lnTo>
                  <a:close/>
                </a:path>
                <a:path w="4707890" h="668020">
                  <a:moveTo>
                    <a:pt x="7619" y="661416"/>
                  </a:moveTo>
                  <a:lnTo>
                    <a:pt x="4571" y="661416"/>
                  </a:lnTo>
                  <a:lnTo>
                    <a:pt x="7619" y="664463"/>
                  </a:lnTo>
                  <a:lnTo>
                    <a:pt x="7619" y="661416"/>
                  </a:lnTo>
                  <a:close/>
                </a:path>
                <a:path w="4707890" h="668020">
                  <a:moveTo>
                    <a:pt x="4701540" y="661416"/>
                  </a:moveTo>
                  <a:lnTo>
                    <a:pt x="7619" y="661416"/>
                  </a:lnTo>
                  <a:lnTo>
                    <a:pt x="7619" y="664463"/>
                  </a:lnTo>
                  <a:lnTo>
                    <a:pt x="4701540" y="664463"/>
                  </a:lnTo>
                  <a:lnTo>
                    <a:pt x="4701540" y="661416"/>
                  </a:lnTo>
                  <a:close/>
                </a:path>
                <a:path w="4707890" h="668020">
                  <a:moveTo>
                    <a:pt x="4701540" y="4572"/>
                  </a:moveTo>
                  <a:lnTo>
                    <a:pt x="4701540" y="664463"/>
                  </a:lnTo>
                  <a:lnTo>
                    <a:pt x="4704588" y="661416"/>
                  </a:lnTo>
                  <a:lnTo>
                    <a:pt x="4707636" y="661416"/>
                  </a:lnTo>
                  <a:lnTo>
                    <a:pt x="4707636" y="7620"/>
                  </a:lnTo>
                  <a:lnTo>
                    <a:pt x="4704588" y="7620"/>
                  </a:lnTo>
                  <a:lnTo>
                    <a:pt x="4701540" y="4572"/>
                  </a:lnTo>
                  <a:close/>
                </a:path>
                <a:path w="4707890" h="668020">
                  <a:moveTo>
                    <a:pt x="4707636" y="661416"/>
                  </a:moveTo>
                  <a:lnTo>
                    <a:pt x="4704588" y="661416"/>
                  </a:lnTo>
                  <a:lnTo>
                    <a:pt x="4701540" y="664463"/>
                  </a:lnTo>
                  <a:lnTo>
                    <a:pt x="4707636" y="664463"/>
                  </a:lnTo>
                  <a:lnTo>
                    <a:pt x="4707636" y="661416"/>
                  </a:lnTo>
                  <a:close/>
                </a:path>
                <a:path w="4707890" h="668020">
                  <a:moveTo>
                    <a:pt x="7619" y="4572"/>
                  </a:moveTo>
                  <a:lnTo>
                    <a:pt x="4571" y="7620"/>
                  </a:lnTo>
                  <a:lnTo>
                    <a:pt x="7619" y="7620"/>
                  </a:lnTo>
                  <a:lnTo>
                    <a:pt x="7619" y="4572"/>
                  </a:lnTo>
                  <a:close/>
                </a:path>
                <a:path w="4707890" h="668020">
                  <a:moveTo>
                    <a:pt x="4701540" y="4572"/>
                  </a:moveTo>
                  <a:lnTo>
                    <a:pt x="7619" y="4572"/>
                  </a:lnTo>
                  <a:lnTo>
                    <a:pt x="7619" y="7620"/>
                  </a:lnTo>
                  <a:lnTo>
                    <a:pt x="4701540" y="7620"/>
                  </a:lnTo>
                  <a:lnTo>
                    <a:pt x="4701540" y="4572"/>
                  </a:lnTo>
                  <a:close/>
                </a:path>
                <a:path w="4707890" h="668020">
                  <a:moveTo>
                    <a:pt x="4707636" y="4572"/>
                  </a:moveTo>
                  <a:lnTo>
                    <a:pt x="4701540" y="4572"/>
                  </a:lnTo>
                  <a:lnTo>
                    <a:pt x="4704588" y="7620"/>
                  </a:lnTo>
                  <a:lnTo>
                    <a:pt x="4707636" y="7620"/>
                  </a:lnTo>
                  <a:lnTo>
                    <a:pt x="4707636" y="4572"/>
                  </a:lnTo>
                  <a:close/>
                </a:path>
              </a:pathLst>
            </a:custGeom>
            <a:solidFill>
              <a:srgbClr val="ED7C31"/>
            </a:solidFill>
          </p:spPr>
          <p:txBody>
            <a:bodyPr wrap="square" lIns="0" tIns="0" rIns="0" bIns="0" rtlCol="0"/>
            <a:lstStyle/>
            <a:p>
              <a:endParaRPr sz="1539"/>
            </a:p>
          </p:txBody>
        </p:sp>
      </p:grpSp>
      <p:sp>
        <p:nvSpPr>
          <p:cNvPr id="35" name="object 35"/>
          <p:cNvSpPr txBox="1"/>
          <p:nvPr/>
        </p:nvSpPr>
        <p:spPr>
          <a:xfrm>
            <a:off x="240654" y="893318"/>
            <a:ext cx="3893802" cy="5051904"/>
          </a:xfrm>
          <a:prstGeom prst="rect">
            <a:avLst/>
          </a:prstGeom>
        </p:spPr>
        <p:txBody>
          <a:bodyPr vert="horz" wrap="square" lIns="0" tIns="118372" rIns="0" bIns="0" rtlCol="0">
            <a:spAutoFit/>
          </a:bodyPr>
          <a:lstStyle/>
          <a:p>
            <a:pPr marL="283983" algn="ctr">
              <a:spcBef>
                <a:spcPts val="932"/>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a:p>
            <a:pPr marL="10860">
              <a:spcBef>
                <a:spcPts val="924"/>
              </a:spcBef>
            </a:pPr>
            <a:r>
              <a:rPr sz="1667" b="1" spc="-9" dirty="0">
                <a:solidFill>
                  <a:srgbClr val="0070BF"/>
                </a:solidFill>
                <a:latin typeface="ＭＳ Ｐゴシック"/>
                <a:cs typeface="ＭＳ Ｐゴシック"/>
              </a:rPr>
              <a:t>（５）</a:t>
            </a:r>
            <a:r>
              <a:rPr sz="1667" b="1" spc="-17" dirty="0">
                <a:solidFill>
                  <a:srgbClr val="0070BF"/>
                </a:solidFill>
                <a:latin typeface="ＭＳ Ｐゴシック"/>
                <a:cs typeface="ＭＳ Ｐゴシック"/>
              </a:rPr>
              <a:t>新技術の活用</a:t>
            </a:r>
            <a:endParaRPr sz="1667">
              <a:latin typeface="ＭＳ Ｐゴシック"/>
              <a:cs typeface="ＭＳ Ｐゴシック"/>
            </a:endParaRPr>
          </a:p>
          <a:p>
            <a:pPr marL="105883">
              <a:spcBef>
                <a:spcPts val="996"/>
              </a:spcBef>
            </a:pPr>
            <a:r>
              <a:rPr sz="1454" spc="-4" dirty="0">
                <a:latin typeface="HGSｺﾞｼｯｸM"/>
                <a:cs typeface="HGSｺﾞｼｯｸM"/>
              </a:rPr>
              <a:t>①情報収集・マッチング</a:t>
            </a:r>
            <a:endParaRPr sz="1454">
              <a:latin typeface="HGSｺﾞｼｯｸM"/>
              <a:cs typeface="HGSｺﾞｼｯｸM"/>
            </a:endParaRPr>
          </a:p>
          <a:p>
            <a:pPr marL="269865" marR="4344" indent="-164526">
              <a:lnSpc>
                <a:spcPts val="1856"/>
              </a:lnSpc>
              <a:spcBef>
                <a:spcPts val="111"/>
              </a:spcBef>
            </a:pPr>
            <a:r>
              <a:rPr sz="1283" spc="-4" dirty="0">
                <a:latin typeface="HGSｺﾞｼｯｸM"/>
                <a:cs typeface="HGSｺﾞｼｯｸM"/>
              </a:rPr>
              <a:t>・自治体側のニーズを国や技術開発者等が把握・整</a:t>
            </a:r>
            <a:r>
              <a:rPr sz="1283" spc="-9" dirty="0">
                <a:latin typeface="HGSｺﾞｼｯｸM"/>
                <a:cs typeface="HGSｺﾞｼｯｸM"/>
              </a:rPr>
              <a:t>理できていない</a:t>
            </a:r>
            <a:endParaRPr sz="1283">
              <a:latin typeface="HGSｺﾞｼｯｸM"/>
              <a:cs typeface="HGSｺﾞｼｯｸM"/>
            </a:endParaRPr>
          </a:p>
          <a:p>
            <a:pPr marL="105883">
              <a:spcBef>
                <a:spcPts val="214"/>
              </a:spcBef>
            </a:pPr>
            <a:r>
              <a:rPr sz="1283" spc="-4" dirty="0">
                <a:latin typeface="HGSｺﾞｼｯｸM"/>
                <a:cs typeface="HGSｺﾞｼｯｸM"/>
              </a:rPr>
              <a:t>・新技術の情報を探すことが困難</a:t>
            </a:r>
            <a:endParaRPr sz="1283">
              <a:latin typeface="HGSｺﾞｼｯｸM"/>
              <a:cs typeface="HGSｺﾞｼｯｸM"/>
            </a:endParaRPr>
          </a:p>
          <a:p>
            <a:pPr>
              <a:lnSpc>
                <a:spcPct val="100000"/>
              </a:lnSpc>
            </a:pPr>
            <a:endParaRPr sz="1283">
              <a:latin typeface="HGSｺﾞｼｯｸM"/>
              <a:cs typeface="HGSｺﾞｼｯｸM"/>
            </a:endParaRPr>
          </a:p>
          <a:p>
            <a:pPr>
              <a:spcBef>
                <a:spcPts val="577"/>
              </a:spcBef>
            </a:pPr>
            <a:endParaRPr sz="1283">
              <a:latin typeface="HGSｺﾞｼｯｸM"/>
              <a:cs typeface="HGSｺﾞｼｯｸM"/>
            </a:endParaRPr>
          </a:p>
          <a:p>
            <a:pPr marL="105883">
              <a:spcBef>
                <a:spcPts val="4"/>
              </a:spcBef>
            </a:pPr>
            <a:r>
              <a:rPr sz="1454" spc="-9" dirty="0">
                <a:latin typeface="HGSｺﾞｼｯｸM"/>
                <a:cs typeface="HGSｺﾞｼｯｸM"/>
              </a:rPr>
              <a:t>②技術の評価</a:t>
            </a:r>
            <a:endParaRPr sz="1454">
              <a:latin typeface="HGSｺﾞｼｯｸM"/>
              <a:cs typeface="HGSｺﾞｼｯｸM"/>
            </a:endParaRPr>
          </a:p>
          <a:p>
            <a:pPr marL="105883">
              <a:spcBef>
                <a:spcPts val="312"/>
              </a:spcBef>
            </a:pPr>
            <a:r>
              <a:rPr sz="1283" spc="-4" dirty="0">
                <a:latin typeface="HGSｺﾞｼｯｸM"/>
                <a:cs typeface="HGSｺﾞｼｯｸM"/>
              </a:rPr>
              <a:t>・技術の有用性の判断が困難</a:t>
            </a:r>
            <a:endParaRPr sz="1283">
              <a:latin typeface="HGSｺﾞｼｯｸM"/>
              <a:cs typeface="HGSｺﾞｼｯｸM"/>
            </a:endParaRPr>
          </a:p>
          <a:p>
            <a:pPr>
              <a:spcBef>
                <a:spcPts val="735"/>
              </a:spcBef>
            </a:pPr>
            <a:endParaRPr sz="1283">
              <a:latin typeface="HGSｺﾞｼｯｸM"/>
              <a:cs typeface="HGSｺﾞｼｯｸM"/>
            </a:endParaRPr>
          </a:p>
          <a:p>
            <a:pPr marL="105883">
              <a:spcBef>
                <a:spcPts val="4"/>
              </a:spcBef>
            </a:pPr>
            <a:r>
              <a:rPr sz="1454" spc="-17" dirty="0">
                <a:latin typeface="HGSｺﾞｼｯｸM"/>
                <a:cs typeface="HGSｺﾞｼｯｸM"/>
              </a:rPr>
              <a:t>③実装</a:t>
            </a:r>
            <a:endParaRPr sz="1454">
              <a:latin typeface="HGSｺﾞｼｯｸM"/>
              <a:cs typeface="HGSｺﾞｼｯｸM"/>
            </a:endParaRPr>
          </a:p>
          <a:p>
            <a:pPr marL="105883">
              <a:spcBef>
                <a:spcPts val="312"/>
              </a:spcBef>
            </a:pPr>
            <a:r>
              <a:rPr sz="1283" spc="-4" dirty="0">
                <a:latin typeface="HGSｺﾞｼｯｸM"/>
                <a:cs typeface="HGSｺﾞｼｯｸM"/>
              </a:rPr>
              <a:t>・発注業務への負担が大きい</a:t>
            </a:r>
            <a:endParaRPr sz="1283">
              <a:latin typeface="HGSｺﾞｼｯｸM"/>
              <a:cs typeface="HGSｺﾞｼｯｸM"/>
            </a:endParaRPr>
          </a:p>
          <a:p>
            <a:pPr marL="105883">
              <a:spcBef>
                <a:spcPts val="321"/>
              </a:spcBef>
            </a:pPr>
            <a:r>
              <a:rPr sz="1283" spc="-4" dirty="0">
                <a:latin typeface="HGSｺﾞｼｯｸM"/>
                <a:cs typeface="HGSｺﾞｼｯｸM"/>
              </a:rPr>
              <a:t>・導入費用等を確保できない</a:t>
            </a:r>
            <a:endParaRPr sz="1283">
              <a:latin typeface="HGSｺﾞｼｯｸM"/>
              <a:cs typeface="HGSｺﾞｼｯｸM"/>
            </a:endParaRPr>
          </a:p>
          <a:p>
            <a:pPr>
              <a:lnSpc>
                <a:spcPct val="100000"/>
              </a:lnSpc>
            </a:pPr>
            <a:endParaRPr sz="1283">
              <a:latin typeface="HGSｺﾞｼｯｸM"/>
              <a:cs typeface="HGSｺﾞｼｯｸM"/>
            </a:endParaRPr>
          </a:p>
          <a:p>
            <a:pPr>
              <a:spcBef>
                <a:spcPts val="217"/>
              </a:spcBef>
            </a:pPr>
            <a:endParaRPr sz="1283">
              <a:latin typeface="HGSｺﾞｼｯｸM"/>
              <a:cs typeface="HGSｺﾞｼｯｸM"/>
            </a:endParaRPr>
          </a:p>
          <a:p>
            <a:pPr marL="105883"/>
            <a:r>
              <a:rPr sz="1454" spc="-9" dirty="0">
                <a:latin typeface="HGSｺﾞｼｯｸM"/>
                <a:cs typeface="HGSｺﾞｼｯｸM"/>
              </a:rPr>
              <a:t>④環境整備</a:t>
            </a:r>
            <a:endParaRPr sz="1454">
              <a:latin typeface="HGSｺﾞｼｯｸM"/>
              <a:cs typeface="HGSｺﾞｼｯｸM"/>
            </a:endParaRPr>
          </a:p>
          <a:p>
            <a:pPr marL="105883">
              <a:spcBef>
                <a:spcPts val="312"/>
              </a:spcBef>
            </a:pPr>
            <a:r>
              <a:rPr sz="1283" spc="-4" dirty="0">
                <a:latin typeface="HGSｺﾞｼｯｸM"/>
                <a:cs typeface="HGSｺﾞｼｯｸM"/>
              </a:rPr>
              <a:t>・新技術導入を検討できる技術系職員が少ない</a:t>
            </a:r>
            <a:endParaRPr sz="1283">
              <a:latin typeface="HGSｺﾞｼｯｸM"/>
              <a:cs typeface="HGSｺﾞｼｯｸM"/>
            </a:endParaRPr>
          </a:p>
          <a:p>
            <a:pPr marL="269865" marR="4344" indent="-164526">
              <a:lnSpc>
                <a:spcPts val="1864"/>
              </a:lnSpc>
              <a:spcBef>
                <a:spcPts val="86"/>
              </a:spcBef>
            </a:pPr>
            <a:r>
              <a:rPr sz="1283" spc="-4" dirty="0">
                <a:latin typeface="HGSｺﾞｼｯｸM"/>
                <a:cs typeface="HGSｺﾞｼｯｸM"/>
              </a:rPr>
              <a:t>・新技術導入にインセンティブがないと考えられて</a:t>
            </a:r>
            <a:r>
              <a:rPr sz="1283" spc="-21" dirty="0">
                <a:latin typeface="HGSｺﾞｼｯｸM"/>
                <a:cs typeface="HGSｺﾞｼｯｸM"/>
              </a:rPr>
              <a:t>いる</a:t>
            </a:r>
            <a:endParaRPr sz="1283">
              <a:latin typeface="HGSｺﾞｼｯｸM"/>
              <a:cs typeface="HGSｺﾞｼｯｸM"/>
            </a:endParaRPr>
          </a:p>
        </p:txBody>
      </p:sp>
      <p:grpSp>
        <p:nvGrpSpPr>
          <p:cNvPr id="36" name="object 36"/>
          <p:cNvGrpSpPr/>
          <p:nvPr/>
        </p:nvGrpSpPr>
        <p:grpSpPr>
          <a:xfrm>
            <a:off x="4505103" y="979993"/>
            <a:ext cx="4360776" cy="4702318"/>
            <a:chOff x="5268467" y="917447"/>
            <a:chExt cx="5099685" cy="5499100"/>
          </a:xfrm>
        </p:grpSpPr>
        <p:sp>
          <p:nvSpPr>
            <p:cNvPr id="37" name="object 37"/>
            <p:cNvSpPr/>
            <p:nvPr/>
          </p:nvSpPr>
          <p:spPr>
            <a:xfrm>
              <a:off x="5530595" y="917447"/>
              <a:ext cx="4837430" cy="332740"/>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sp>
          <p:nvSpPr>
            <p:cNvPr id="38" name="object 38"/>
            <p:cNvSpPr/>
            <p:nvPr/>
          </p:nvSpPr>
          <p:spPr>
            <a:xfrm>
              <a:off x="5268467" y="2327147"/>
              <a:ext cx="388620" cy="7620"/>
            </a:xfrm>
            <a:custGeom>
              <a:avLst/>
              <a:gdLst/>
              <a:ahLst/>
              <a:cxnLst/>
              <a:rect l="l" t="t" r="r" b="b"/>
              <a:pathLst>
                <a:path w="388620" h="7619">
                  <a:moveTo>
                    <a:pt x="388620" y="0"/>
                  </a:moveTo>
                  <a:lnTo>
                    <a:pt x="0" y="0"/>
                  </a:lnTo>
                  <a:lnTo>
                    <a:pt x="0" y="7620"/>
                  </a:lnTo>
                  <a:lnTo>
                    <a:pt x="388620" y="7620"/>
                  </a:lnTo>
                  <a:lnTo>
                    <a:pt x="388620" y="0"/>
                  </a:lnTo>
                  <a:close/>
                </a:path>
              </a:pathLst>
            </a:custGeom>
            <a:solidFill>
              <a:srgbClr val="000000"/>
            </a:solidFill>
          </p:spPr>
          <p:txBody>
            <a:bodyPr wrap="square" lIns="0" tIns="0" rIns="0" bIns="0" rtlCol="0"/>
            <a:lstStyle/>
            <a:p>
              <a:endParaRPr sz="1539"/>
            </a:p>
          </p:txBody>
        </p:sp>
        <p:pic>
          <p:nvPicPr>
            <p:cNvPr id="39" name="object 39"/>
            <p:cNvPicPr/>
            <p:nvPr/>
          </p:nvPicPr>
          <p:blipFill>
            <a:blip r:embed="rId9" cstate="print"/>
            <a:stretch>
              <a:fillRect/>
            </a:stretch>
          </p:blipFill>
          <p:spPr>
            <a:xfrm>
              <a:off x="5556503" y="2060447"/>
              <a:ext cx="4700015" cy="542543"/>
            </a:xfrm>
            <a:prstGeom prst="rect">
              <a:avLst/>
            </a:prstGeom>
          </p:spPr>
        </p:pic>
        <p:sp>
          <p:nvSpPr>
            <p:cNvPr id="40" name="object 40"/>
            <p:cNvSpPr/>
            <p:nvPr/>
          </p:nvSpPr>
          <p:spPr>
            <a:xfrm>
              <a:off x="5553455" y="2057400"/>
              <a:ext cx="4707890" cy="548640"/>
            </a:xfrm>
            <a:custGeom>
              <a:avLst/>
              <a:gdLst/>
              <a:ahLst/>
              <a:cxnLst/>
              <a:rect l="l" t="t" r="r" b="b"/>
              <a:pathLst>
                <a:path w="4707890" h="548639">
                  <a:moveTo>
                    <a:pt x="4707636" y="0"/>
                  </a:moveTo>
                  <a:lnTo>
                    <a:pt x="0" y="0"/>
                  </a:lnTo>
                  <a:lnTo>
                    <a:pt x="0" y="548639"/>
                  </a:lnTo>
                  <a:lnTo>
                    <a:pt x="4707636" y="548639"/>
                  </a:lnTo>
                  <a:lnTo>
                    <a:pt x="4707636" y="545592"/>
                  </a:lnTo>
                  <a:lnTo>
                    <a:pt x="6096" y="545592"/>
                  </a:lnTo>
                  <a:lnTo>
                    <a:pt x="3048" y="541020"/>
                  </a:lnTo>
                  <a:lnTo>
                    <a:pt x="6096" y="541020"/>
                  </a:lnTo>
                  <a:lnTo>
                    <a:pt x="6096" y="6096"/>
                  </a:lnTo>
                  <a:lnTo>
                    <a:pt x="3048" y="6096"/>
                  </a:lnTo>
                  <a:lnTo>
                    <a:pt x="6096" y="3048"/>
                  </a:lnTo>
                  <a:lnTo>
                    <a:pt x="4707636" y="3048"/>
                  </a:lnTo>
                  <a:lnTo>
                    <a:pt x="4707636" y="0"/>
                  </a:lnTo>
                  <a:close/>
                </a:path>
                <a:path w="4707890" h="548639">
                  <a:moveTo>
                    <a:pt x="6096" y="541020"/>
                  </a:moveTo>
                  <a:lnTo>
                    <a:pt x="3048" y="541020"/>
                  </a:lnTo>
                  <a:lnTo>
                    <a:pt x="6096" y="545592"/>
                  </a:lnTo>
                  <a:lnTo>
                    <a:pt x="6096" y="541020"/>
                  </a:lnTo>
                  <a:close/>
                </a:path>
                <a:path w="4707890" h="548639">
                  <a:moveTo>
                    <a:pt x="4700016" y="541020"/>
                  </a:moveTo>
                  <a:lnTo>
                    <a:pt x="6096" y="541020"/>
                  </a:lnTo>
                  <a:lnTo>
                    <a:pt x="6096" y="545592"/>
                  </a:lnTo>
                  <a:lnTo>
                    <a:pt x="4700016" y="545592"/>
                  </a:lnTo>
                  <a:lnTo>
                    <a:pt x="4700016" y="541020"/>
                  </a:lnTo>
                  <a:close/>
                </a:path>
                <a:path w="4707890" h="548639">
                  <a:moveTo>
                    <a:pt x="4700016" y="3048"/>
                  </a:moveTo>
                  <a:lnTo>
                    <a:pt x="4700016" y="545592"/>
                  </a:lnTo>
                  <a:lnTo>
                    <a:pt x="4703064" y="541020"/>
                  </a:lnTo>
                  <a:lnTo>
                    <a:pt x="4707636" y="541020"/>
                  </a:lnTo>
                  <a:lnTo>
                    <a:pt x="4707636" y="6096"/>
                  </a:lnTo>
                  <a:lnTo>
                    <a:pt x="4703064" y="6096"/>
                  </a:lnTo>
                  <a:lnTo>
                    <a:pt x="4700016" y="3048"/>
                  </a:lnTo>
                  <a:close/>
                </a:path>
                <a:path w="4707890" h="548639">
                  <a:moveTo>
                    <a:pt x="4707636" y="541020"/>
                  </a:moveTo>
                  <a:lnTo>
                    <a:pt x="4703064" y="541020"/>
                  </a:lnTo>
                  <a:lnTo>
                    <a:pt x="4700016" y="545592"/>
                  </a:lnTo>
                  <a:lnTo>
                    <a:pt x="4707636" y="545592"/>
                  </a:lnTo>
                  <a:lnTo>
                    <a:pt x="4707636" y="541020"/>
                  </a:lnTo>
                  <a:close/>
                </a:path>
                <a:path w="4707890" h="548639">
                  <a:moveTo>
                    <a:pt x="6096" y="3048"/>
                  </a:moveTo>
                  <a:lnTo>
                    <a:pt x="3048" y="6096"/>
                  </a:lnTo>
                  <a:lnTo>
                    <a:pt x="6096" y="6096"/>
                  </a:lnTo>
                  <a:lnTo>
                    <a:pt x="6096" y="3048"/>
                  </a:lnTo>
                  <a:close/>
                </a:path>
                <a:path w="4707890" h="548639">
                  <a:moveTo>
                    <a:pt x="4700016" y="3048"/>
                  </a:moveTo>
                  <a:lnTo>
                    <a:pt x="6096" y="3048"/>
                  </a:lnTo>
                  <a:lnTo>
                    <a:pt x="6096" y="6096"/>
                  </a:lnTo>
                  <a:lnTo>
                    <a:pt x="4700016" y="6096"/>
                  </a:lnTo>
                  <a:lnTo>
                    <a:pt x="4700016" y="3048"/>
                  </a:lnTo>
                  <a:close/>
                </a:path>
                <a:path w="4707890" h="548639">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sp>
          <p:nvSpPr>
            <p:cNvPr id="41" name="object 41"/>
            <p:cNvSpPr/>
            <p:nvPr/>
          </p:nvSpPr>
          <p:spPr>
            <a:xfrm>
              <a:off x="5268467" y="6225539"/>
              <a:ext cx="388620" cy="6350"/>
            </a:xfrm>
            <a:custGeom>
              <a:avLst/>
              <a:gdLst/>
              <a:ahLst/>
              <a:cxnLst/>
              <a:rect l="l" t="t" r="r" b="b"/>
              <a:pathLst>
                <a:path w="388620" h="6350">
                  <a:moveTo>
                    <a:pt x="388620" y="0"/>
                  </a:moveTo>
                  <a:lnTo>
                    <a:pt x="0" y="0"/>
                  </a:lnTo>
                  <a:lnTo>
                    <a:pt x="0" y="6096"/>
                  </a:lnTo>
                  <a:lnTo>
                    <a:pt x="388620" y="6096"/>
                  </a:lnTo>
                  <a:lnTo>
                    <a:pt x="388620" y="0"/>
                  </a:lnTo>
                  <a:close/>
                </a:path>
              </a:pathLst>
            </a:custGeom>
            <a:solidFill>
              <a:srgbClr val="000000"/>
            </a:solidFill>
          </p:spPr>
          <p:txBody>
            <a:bodyPr wrap="square" lIns="0" tIns="0" rIns="0" bIns="0" rtlCol="0"/>
            <a:lstStyle/>
            <a:p>
              <a:endParaRPr sz="1539"/>
            </a:p>
          </p:txBody>
        </p:sp>
        <p:pic>
          <p:nvPicPr>
            <p:cNvPr id="42" name="object 42"/>
            <p:cNvPicPr/>
            <p:nvPr/>
          </p:nvPicPr>
          <p:blipFill>
            <a:blip r:embed="rId6" cstate="print"/>
            <a:stretch>
              <a:fillRect/>
            </a:stretch>
          </p:blipFill>
          <p:spPr>
            <a:xfrm>
              <a:off x="5556503" y="6024376"/>
              <a:ext cx="4700015" cy="388620"/>
            </a:xfrm>
            <a:prstGeom prst="rect">
              <a:avLst/>
            </a:prstGeom>
          </p:spPr>
        </p:pic>
        <p:sp>
          <p:nvSpPr>
            <p:cNvPr id="43" name="object 43"/>
            <p:cNvSpPr/>
            <p:nvPr/>
          </p:nvSpPr>
          <p:spPr>
            <a:xfrm>
              <a:off x="5553455" y="6021324"/>
              <a:ext cx="4707890" cy="394970"/>
            </a:xfrm>
            <a:custGeom>
              <a:avLst/>
              <a:gdLst/>
              <a:ahLst/>
              <a:cxnLst/>
              <a:rect l="l" t="t" r="r" b="b"/>
              <a:pathLst>
                <a:path w="4707890" h="394970">
                  <a:moveTo>
                    <a:pt x="4707636" y="0"/>
                  </a:moveTo>
                  <a:lnTo>
                    <a:pt x="0" y="0"/>
                  </a:lnTo>
                  <a:lnTo>
                    <a:pt x="0" y="394721"/>
                  </a:lnTo>
                  <a:lnTo>
                    <a:pt x="4707636" y="394721"/>
                  </a:lnTo>
                  <a:lnTo>
                    <a:pt x="4707636" y="391673"/>
                  </a:lnTo>
                  <a:lnTo>
                    <a:pt x="6096" y="391673"/>
                  </a:lnTo>
                  <a:lnTo>
                    <a:pt x="3048" y="387101"/>
                  </a:lnTo>
                  <a:lnTo>
                    <a:pt x="6096" y="387101"/>
                  </a:lnTo>
                  <a:lnTo>
                    <a:pt x="6096" y="6096"/>
                  </a:lnTo>
                  <a:lnTo>
                    <a:pt x="3048" y="6096"/>
                  </a:lnTo>
                  <a:lnTo>
                    <a:pt x="6096" y="3048"/>
                  </a:lnTo>
                  <a:lnTo>
                    <a:pt x="4707636" y="3048"/>
                  </a:lnTo>
                  <a:lnTo>
                    <a:pt x="4707636" y="0"/>
                  </a:lnTo>
                  <a:close/>
                </a:path>
                <a:path w="4707890" h="394970">
                  <a:moveTo>
                    <a:pt x="6096" y="387101"/>
                  </a:moveTo>
                  <a:lnTo>
                    <a:pt x="3048" y="387101"/>
                  </a:lnTo>
                  <a:lnTo>
                    <a:pt x="6096" y="391673"/>
                  </a:lnTo>
                  <a:lnTo>
                    <a:pt x="6096" y="387101"/>
                  </a:lnTo>
                  <a:close/>
                </a:path>
                <a:path w="4707890" h="394970">
                  <a:moveTo>
                    <a:pt x="4700016" y="387101"/>
                  </a:moveTo>
                  <a:lnTo>
                    <a:pt x="6096" y="387101"/>
                  </a:lnTo>
                  <a:lnTo>
                    <a:pt x="6096" y="391673"/>
                  </a:lnTo>
                  <a:lnTo>
                    <a:pt x="4700016" y="391673"/>
                  </a:lnTo>
                  <a:lnTo>
                    <a:pt x="4700016" y="387101"/>
                  </a:lnTo>
                  <a:close/>
                </a:path>
                <a:path w="4707890" h="394970">
                  <a:moveTo>
                    <a:pt x="4700016" y="3048"/>
                  </a:moveTo>
                  <a:lnTo>
                    <a:pt x="4700016" y="391673"/>
                  </a:lnTo>
                  <a:lnTo>
                    <a:pt x="4703064" y="387101"/>
                  </a:lnTo>
                  <a:lnTo>
                    <a:pt x="4707636" y="387101"/>
                  </a:lnTo>
                  <a:lnTo>
                    <a:pt x="4707636" y="6096"/>
                  </a:lnTo>
                  <a:lnTo>
                    <a:pt x="4703064" y="6096"/>
                  </a:lnTo>
                  <a:lnTo>
                    <a:pt x="4700016" y="3048"/>
                  </a:lnTo>
                  <a:close/>
                </a:path>
                <a:path w="4707890" h="394970">
                  <a:moveTo>
                    <a:pt x="4707636" y="387101"/>
                  </a:moveTo>
                  <a:lnTo>
                    <a:pt x="4703064" y="387101"/>
                  </a:lnTo>
                  <a:lnTo>
                    <a:pt x="4700016" y="391673"/>
                  </a:lnTo>
                  <a:lnTo>
                    <a:pt x="4707636" y="391673"/>
                  </a:lnTo>
                  <a:lnTo>
                    <a:pt x="4707636" y="387101"/>
                  </a:lnTo>
                  <a:close/>
                </a:path>
                <a:path w="4707890" h="394970">
                  <a:moveTo>
                    <a:pt x="6096" y="3048"/>
                  </a:moveTo>
                  <a:lnTo>
                    <a:pt x="3048" y="6096"/>
                  </a:lnTo>
                  <a:lnTo>
                    <a:pt x="6096" y="6096"/>
                  </a:lnTo>
                  <a:lnTo>
                    <a:pt x="6096" y="3048"/>
                  </a:lnTo>
                  <a:close/>
                </a:path>
                <a:path w="4707890" h="394970">
                  <a:moveTo>
                    <a:pt x="4700016" y="3048"/>
                  </a:moveTo>
                  <a:lnTo>
                    <a:pt x="6096" y="3048"/>
                  </a:lnTo>
                  <a:lnTo>
                    <a:pt x="6096" y="6096"/>
                  </a:lnTo>
                  <a:lnTo>
                    <a:pt x="4700016" y="6096"/>
                  </a:lnTo>
                  <a:lnTo>
                    <a:pt x="4700016" y="3048"/>
                  </a:lnTo>
                  <a:close/>
                </a:path>
                <a:path w="4707890" h="394970">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grpSp>
      <p:sp>
        <p:nvSpPr>
          <p:cNvPr id="44" name="object 44"/>
          <p:cNvSpPr txBox="1"/>
          <p:nvPr/>
        </p:nvSpPr>
        <p:spPr>
          <a:xfrm>
            <a:off x="4807007" y="1005623"/>
            <a:ext cx="3844390" cy="5050023"/>
          </a:xfrm>
          <a:prstGeom prst="rect">
            <a:avLst/>
          </a:prstGeom>
        </p:spPr>
        <p:txBody>
          <a:bodyPr vert="horz" wrap="square" lIns="0" tIns="13575" rIns="0" bIns="0" rtlCol="0">
            <a:spAutoFit/>
          </a:bodyPr>
          <a:lstStyle/>
          <a:p>
            <a:pPr marL="140634" algn="ctr">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a:p>
            <a:pPr marL="162354" marR="61358" indent="-152037">
              <a:lnSpc>
                <a:spcPct val="120700"/>
              </a:lnSpc>
              <a:spcBef>
                <a:spcPts val="1210"/>
              </a:spcBef>
              <a:buSzPct val="93333"/>
              <a:buAutoNum type="arabicParenR"/>
              <a:tabLst>
                <a:tab pos="174842" algn="l"/>
              </a:tabLst>
            </a:pPr>
            <a:r>
              <a:rPr sz="1283" spc="-4" dirty="0">
                <a:latin typeface="HGSｺﾞｼｯｸM"/>
                <a:cs typeface="HGSｺﾞｼｯｸM"/>
              </a:rPr>
              <a:t>新技術と自治体側とのニーズのマッチングに関す	</a:t>
            </a:r>
            <a:r>
              <a:rPr sz="1283" spc="-17" dirty="0">
                <a:latin typeface="HGSｺﾞｼｯｸM"/>
                <a:cs typeface="HGSｺﾞｼｯｸM"/>
              </a:rPr>
              <a:t>る支援</a:t>
            </a:r>
            <a:endParaRPr sz="1283">
              <a:latin typeface="HGSｺﾞｼｯｸM"/>
              <a:cs typeface="HGSｺﾞｼｯｸM"/>
            </a:endParaRPr>
          </a:p>
          <a:p>
            <a:pPr marL="174842" marR="6516" indent="-164526">
              <a:lnSpc>
                <a:spcPct val="120700"/>
              </a:lnSpc>
              <a:spcBef>
                <a:spcPts val="573"/>
              </a:spcBef>
              <a:buSzPct val="93333"/>
              <a:buAutoNum type="arabicParenR"/>
              <a:tabLst>
                <a:tab pos="174842" algn="l"/>
                <a:tab pos="217195" algn="l"/>
              </a:tabLst>
            </a:pPr>
            <a:r>
              <a:rPr sz="1283" dirty="0">
                <a:latin typeface="HGSｺﾞｼｯｸM"/>
                <a:cs typeface="HGSｺﾞｼｯｸM"/>
              </a:rPr>
              <a:t>	</a:t>
            </a:r>
            <a:r>
              <a:rPr sz="1283" spc="-4" dirty="0">
                <a:latin typeface="HGSｺﾞｼｯｸM"/>
                <a:cs typeface="HGSｺﾞｼｯｸM"/>
              </a:rPr>
              <a:t>自治体側のニーズを国や技術開発者等が把握でき</a:t>
            </a:r>
            <a:r>
              <a:rPr sz="1283" spc="-9" dirty="0">
                <a:latin typeface="HGSｺﾞｼｯｸM"/>
                <a:cs typeface="HGSｺﾞｼｯｸM"/>
              </a:rPr>
              <a:t>る仕組みの検討</a:t>
            </a:r>
            <a:endParaRPr sz="1283">
              <a:latin typeface="HGSｺﾞｼｯｸM"/>
              <a:cs typeface="HGSｺﾞｼｯｸM"/>
            </a:endParaRPr>
          </a:p>
          <a:p>
            <a:pPr marL="162897" indent="-152037">
              <a:spcBef>
                <a:spcPts val="996"/>
              </a:spcBef>
              <a:buSzPct val="93333"/>
              <a:buAutoNum type="arabicParenR"/>
              <a:tabLst>
                <a:tab pos="162897" algn="l"/>
              </a:tabLst>
            </a:pPr>
            <a:r>
              <a:rPr sz="1283" spc="-4" dirty="0">
                <a:latin typeface="HGSｺﾞｼｯｸM"/>
                <a:cs typeface="HGSｺﾞｼｯｸM"/>
              </a:rPr>
              <a:t>自治体担当者が新技術の情報を探すことができる</a:t>
            </a:r>
            <a:endParaRPr sz="1283">
              <a:latin typeface="HGSｺﾞｼｯｸM"/>
              <a:cs typeface="HGSｺﾞｼｯｸM"/>
            </a:endParaRPr>
          </a:p>
          <a:p>
            <a:pPr>
              <a:spcBef>
                <a:spcPts val="1449"/>
              </a:spcBef>
            </a:pPr>
            <a:endParaRPr sz="1283">
              <a:latin typeface="HGSｺﾞｼｯｸM"/>
              <a:cs typeface="HGSｺﾞｼｯｸM"/>
            </a:endParaRPr>
          </a:p>
          <a:p>
            <a:pPr marL="162354" marR="61358" indent="-152037">
              <a:lnSpc>
                <a:spcPct val="120700"/>
              </a:lnSpc>
              <a:buSzPct val="93333"/>
              <a:buAutoNum type="arabicParenR"/>
              <a:tabLst>
                <a:tab pos="174842" algn="l"/>
              </a:tabLst>
            </a:pPr>
            <a:r>
              <a:rPr sz="1283" spc="-4" dirty="0">
                <a:latin typeface="HGSｺﾞｼｯｸM"/>
                <a:cs typeface="HGSｺﾞｼｯｸM"/>
              </a:rPr>
              <a:t>導入効果や有効性評価などの技術的支援の仕組み	</a:t>
            </a:r>
            <a:r>
              <a:rPr sz="1283" spc="-17" dirty="0">
                <a:latin typeface="HGSｺﾞｼｯｸM"/>
                <a:cs typeface="HGSｺﾞｼｯｸM"/>
              </a:rPr>
              <a:t>の検討</a:t>
            </a:r>
            <a:endParaRPr sz="1283">
              <a:latin typeface="HGSｺﾞｼｯｸM"/>
              <a:cs typeface="HGSｺﾞｼｯｸM"/>
            </a:endParaRPr>
          </a:p>
          <a:p>
            <a:pPr marL="162354" marR="61358" indent="-152037">
              <a:lnSpc>
                <a:spcPct val="120700"/>
              </a:lnSpc>
              <a:spcBef>
                <a:spcPts val="1253"/>
              </a:spcBef>
              <a:buSzPct val="93333"/>
              <a:buAutoNum type="arabicParenR"/>
              <a:tabLst>
                <a:tab pos="174842" algn="l"/>
              </a:tabLst>
            </a:pPr>
            <a:r>
              <a:rPr sz="1283" spc="-4" dirty="0">
                <a:latin typeface="HGSｺﾞｼｯｸM"/>
                <a:cs typeface="HGSｺﾞｼｯｸM"/>
              </a:rPr>
              <a:t>新技術発注におけるひな型の作成や発注手続きの	簡素化等の発注支援策の検討</a:t>
            </a:r>
            <a:endParaRPr sz="1283">
              <a:latin typeface="HGSｺﾞｼｯｸM"/>
              <a:cs typeface="HGSｺﾞｼｯｸM"/>
            </a:endParaRPr>
          </a:p>
          <a:p>
            <a:pPr marL="162897" indent="-152037">
              <a:spcBef>
                <a:spcPts val="1466"/>
              </a:spcBef>
              <a:buSzPct val="93333"/>
              <a:buAutoNum type="arabicParenR"/>
              <a:tabLst>
                <a:tab pos="162897" algn="l"/>
              </a:tabLst>
            </a:pPr>
            <a:r>
              <a:rPr sz="1283" spc="-9" dirty="0">
                <a:latin typeface="HGSｺﾞｼｯｸM"/>
                <a:cs typeface="HGSｺﾞｼｯｸM"/>
              </a:rPr>
              <a:t>財政面の支援の充実</a:t>
            </a:r>
            <a:endParaRPr sz="1283">
              <a:latin typeface="HGSｺﾞｼｯｸM"/>
              <a:cs typeface="HGSｺﾞｼｯｸM"/>
            </a:endParaRPr>
          </a:p>
          <a:p>
            <a:pPr marL="162354" marR="4344" indent="-152037">
              <a:lnSpc>
                <a:spcPct val="120700"/>
              </a:lnSpc>
              <a:spcBef>
                <a:spcPts val="1270"/>
              </a:spcBef>
              <a:buSzPct val="93333"/>
              <a:buAutoNum type="arabicParenR"/>
              <a:tabLst>
                <a:tab pos="174842" algn="l"/>
              </a:tabLst>
            </a:pPr>
            <a:r>
              <a:rPr sz="1283" spc="-4" dirty="0">
                <a:latin typeface="HGSｺﾞｼｯｸM"/>
                <a:cs typeface="HGSｺﾞｼｯｸM"/>
              </a:rPr>
              <a:t>新技術導入事例の収集・整理(知識普及・啓発・メ	</a:t>
            </a:r>
            <a:r>
              <a:rPr sz="1283" spc="-13" dirty="0">
                <a:latin typeface="HGSｺﾞｼｯｸM"/>
                <a:cs typeface="HGSｺﾞｼｯｸM"/>
              </a:rPr>
              <a:t>リット)</a:t>
            </a:r>
            <a:endParaRPr sz="1283">
              <a:latin typeface="HGSｺﾞｼｯｸM"/>
              <a:cs typeface="HGSｺﾞｼｯｸM"/>
            </a:endParaRPr>
          </a:p>
          <a:p>
            <a:pPr marL="162897" indent="-152037">
              <a:spcBef>
                <a:spcPts val="1377"/>
              </a:spcBef>
              <a:buSzPct val="93333"/>
              <a:buAutoNum type="arabicParenR"/>
              <a:tabLst>
                <a:tab pos="162897" algn="l"/>
              </a:tabLst>
            </a:pPr>
            <a:r>
              <a:rPr sz="1283" spc="-4" dirty="0">
                <a:latin typeface="HGSｺﾞｼｯｸM"/>
                <a:cs typeface="HGSｺﾞｼｯｸM"/>
              </a:rPr>
              <a:t>人材育成・人的なサポート等の仕組みの検討</a:t>
            </a:r>
            <a:endParaRPr sz="1283">
              <a:latin typeface="HGSｺﾞｼｯｸM"/>
              <a:cs typeface="HGSｺﾞｼｯｸM"/>
            </a:endParaRPr>
          </a:p>
          <a:p>
            <a:pPr marL="162897" indent="-152037">
              <a:spcBef>
                <a:spcPts val="1479"/>
              </a:spcBef>
              <a:buSzPct val="93333"/>
              <a:buAutoNum type="arabicParenR"/>
              <a:tabLst>
                <a:tab pos="162897" algn="l"/>
              </a:tabLst>
            </a:pPr>
            <a:r>
              <a:rPr sz="1283" spc="-4" dirty="0">
                <a:latin typeface="HGSｺﾞｼｯｸM"/>
                <a:cs typeface="HGSｺﾞｼｯｸM"/>
              </a:rPr>
              <a:t>新技術を導入しやすくする環境整備のあり方の</a:t>
            </a:r>
            <a:endParaRPr sz="1283">
              <a:latin typeface="HGSｺﾞｼｯｸM"/>
              <a:cs typeface="HGSｺﾞｼｯｸM"/>
            </a:endParaRPr>
          </a:p>
        </p:txBody>
      </p:sp>
      <p:sp>
        <p:nvSpPr>
          <p:cNvPr id="46" name="object 46"/>
          <p:cNvSpPr txBox="1"/>
          <p:nvPr/>
        </p:nvSpPr>
        <p:spPr>
          <a:xfrm>
            <a:off x="8848178" y="6306955"/>
            <a:ext cx="198735" cy="192360"/>
          </a:xfrm>
          <a:prstGeom prst="rect">
            <a:avLst/>
          </a:prstGeom>
        </p:spPr>
        <p:txBody>
          <a:bodyPr vert="horz" wrap="square" lIns="0" tIns="0" rIns="0" bIns="0" rtlCol="0">
            <a:spAutoFit/>
          </a:bodyPr>
          <a:lstStyle/>
          <a:p>
            <a:pPr marL="10860">
              <a:lnSpc>
                <a:spcPts val="1548"/>
              </a:lnSpc>
            </a:pPr>
            <a:r>
              <a:rPr sz="1368" spc="-21" dirty="0">
                <a:latin typeface="ＭＳ Ｐゴシック"/>
                <a:cs typeface="ＭＳ Ｐゴシック"/>
              </a:rPr>
              <a:t>10</a:t>
            </a:r>
            <a:endParaRPr sz="1368">
              <a:latin typeface="ＭＳ Ｐゴシック"/>
              <a:cs typeface="ＭＳ Ｐゴシック"/>
            </a:endParaRPr>
          </a:p>
        </p:txBody>
      </p:sp>
      <p:sp>
        <p:nvSpPr>
          <p:cNvPr id="45" name="object 45"/>
          <p:cNvSpPr txBox="1">
            <a:spLocks noGrp="1"/>
          </p:cNvSpPr>
          <p:nvPr>
            <p:ph type="title"/>
          </p:nvPr>
        </p:nvSpPr>
        <p:spPr>
          <a:xfrm>
            <a:off x="537563" y="50038"/>
            <a:ext cx="6743971" cy="694031"/>
          </a:xfrm>
          <a:prstGeom prst="rect">
            <a:avLst/>
          </a:prstGeom>
        </p:spPr>
        <p:txBody>
          <a:bodyPr vert="horz" wrap="square" lIns="0" tIns="9774" rIns="0" bIns="0" rtlCol="0" anchor="ctr">
            <a:spAutoFit/>
          </a:bodyPr>
          <a:lstStyle/>
          <a:p>
            <a:pPr marL="18462">
              <a:lnSpc>
                <a:spcPct val="100000"/>
              </a:lnSpc>
              <a:spcBef>
                <a:spcPts val="77"/>
              </a:spcBef>
            </a:pPr>
            <a:r>
              <a:rPr spc="-38" dirty="0"/>
              <a:t>インフラメンテナンスにおける取り組むべき項目の課題と当面の進め方</a:t>
            </a:r>
          </a:p>
        </p:txBody>
      </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99201" y="4669304"/>
            <a:ext cx="452313" cy="8145"/>
          </a:xfrm>
          <a:custGeom>
            <a:avLst/>
            <a:gdLst/>
            <a:ahLst/>
            <a:cxnLst/>
            <a:rect l="l" t="t" r="r" b="b"/>
            <a:pathLst>
              <a:path w="528954" h="9525">
                <a:moveTo>
                  <a:pt x="528827" y="0"/>
                </a:moveTo>
                <a:lnTo>
                  <a:pt x="0" y="1524"/>
                </a:lnTo>
                <a:lnTo>
                  <a:pt x="0" y="9144"/>
                </a:lnTo>
                <a:lnTo>
                  <a:pt x="528827" y="6096"/>
                </a:lnTo>
                <a:lnTo>
                  <a:pt x="528827" y="0"/>
                </a:lnTo>
                <a:close/>
              </a:path>
            </a:pathLst>
          </a:custGeom>
          <a:solidFill>
            <a:srgbClr val="000000"/>
          </a:solidFill>
        </p:spPr>
        <p:txBody>
          <a:bodyPr wrap="square" lIns="0" tIns="0" rIns="0" bIns="0" rtlCol="0"/>
          <a:lstStyle/>
          <a:p>
            <a:endParaRPr sz="1539"/>
          </a:p>
        </p:txBody>
      </p:sp>
      <p:grpSp>
        <p:nvGrpSpPr>
          <p:cNvPr id="3" name="object 3"/>
          <p:cNvGrpSpPr/>
          <p:nvPr/>
        </p:nvGrpSpPr>
        <p:grpSpPr>
          <a:xfrm>
            <a:off x="181143" y="956536"/>
            <a:ext cx="8779652" cy="5334362"/>
            <a:chOff x="211836" y="890016"/>
            <a:chExt cx="10267315" cy="6238240"/>
          </a:xfrm>
        </p:grpSpPr>
        <p:sp>
          <p:nvSpPr>
            <p:cNvPr id="4" name="object 4"/>
            <p:cNvSpPr/>
            <p:nvPr/>
          </p:nvSpPr>
          <p:spPr>
            <a:xfrm>
              <a:off x="5027676" y="6009131"/>
              <a:ext cx="528955" cy="9525"/>
            </a:xfrm>
            <a:custGeom>
              <a:avLst/>
              <a:gdLst/>
              <a:ahLst/>
              <a:cxnLst/>
              <a:rect l="l" t="t" r="r" b="b"/>
              <a:pathLst>
                <a:path w="528954" h="9525">
                  <a:moveTo>
                    <a:pt x="0" y="0"/>
                  </a:moveTo>
                  <a:lnTo>
                    <a:pt x="0" y="6095"/>
                  </a:lnTo>
                  <a:lnTo>
                    <a:pt x="528827" y="9143"/>
                  </a:lnTo>
                  <a:lnTo>
                    <a:pt x="528827" y="1523"/>
                  </a:lnTo>
                  <a:lnTo>
                    <a:pt x="0" y="0"/>
                  </a:lnTo>
                  <a:close/>
                </a:path>
              </a:pathLst>
            </a:custGeom>
            <a:solidFill>
              <a:srgbClr val="000000"/>
            </a:solidFill>
          </p:spPr>
          <p:txBody>
            <a:bodyPr wrap="square" lIns="0" tIns="0" rIns="0" bIns="0" rtlCol="0"/>
            <a:lstStyle/>
            <a:p>
              <a:endParaRPr sz="1539"/>
            </a:p>
          </p:txBody>
        </p:sp>
        <p:sp>
          <p:nvSpPr>
            <p:cNvPr id="5" name="object 5"/>
            <p:cNvSpPr/>
            <p:nvPr/>
          </p:nvSpPr>
          <p:spPr>
            <a:xfrm>
              <a:off x="211836" y="890016"/>
              <a:ext cx="10267315" cy="6238240"/>
            </a:xfrm>
            <a:custGeom>
              <a:avLst/>
              <a:gdLst/>
              <a:ahLst/>
              <a:cxnLst/>
              <a:rect l="l" t="t" r="r" b="b"/>
              <a:pathLst>
                <a:path w="10267315" h="6238240">
                  <a:moveTo>
                    <a:pt x="10265664" y="0"/>
                  </a:moveTo>
                  <a:lnTo>
                    <a:pt x="3048" y="0"/>
                  </a:lnTo>
                  <a:lnTo>
                    <a:pt x="0" y="3048"/>
                  </a:lnTo>
                  <a:lnTo>
                    <a:pt x="0" y="6234689"/>
                  </a:lnTo>
                  <a:lnTo>
                    <a:pt x="3048" y="6237737"/>
                  </a:lnTo>
                  <a:lnTo>
                    <a:pt x="10265664" y="6237737"/>
                  </a:lnTo>
                  <a:lnTo>
                    <a:pt x="10267188" y="6234689"/>
                  </a:lnTo>
                  <a:lnTo>
                    <a:pt x="10267188" y="6231641"/>
                  </a:lnTo>
                  <a:lnTo>
                    <a:pt x="10667" y="6231641"/>
                  </a:lnTo>
                  <a:lnTo>
                    <a:pt x="4571" y="6227069"/>
                  </a:lnTo>
                  <a:lnTo>
                    <a:pt x="10667" y="6227069"/>
                  </a:lnTo>
                  <a:lnTo>
                    <a:pt x="10667" y="10668"/>
                  </a:lnTo>
                  <a:lnTo>
                    <a:pt x="4571" y="10668"/>
                  </a:lnTo>
                  <a:lnTo>
                    <a:pt x="10667" y="4572"/>
                  </a:lnTo>
                  <a:lnTo>
                    <a:pt x="10267188" y="4572"/>
                  </a:lnTo>
                  <a:lnTo>
                    <a:pt x="10267188" y="3048"/>
                  </a:lnTo>
                  <a:lnTo>
                    <a:pt x="10265664" y="0"/>
                  </a:lnTo>
                  <a:close/>
                </a:path>
                <a:path w="10267315" h="6238240">
                  <a:moveTo>
                    <a:pt x="10667" y="6227069"/>
                  </a:moveTo>
                  <a:lnTo>
                    <a:pt x="4571" y="6227069"/>
                  </a:lnTo>
                  <a:lnTo>
                    <a:pt x="10667" y="6231641"/>
                  </a:lnTo>
                  <a:lnTo>
                    <a:pt x="10667" y="6227069"/>
                  </a:lnTo>
                  <a:close/>
                </a:path>
                <a:path w="10267315" h="6238240">
                  <a:moveTo>
                    <a:pt x="10258044" y="6227069"/>
                  </a:moveTo>
                  <a:lnTo>
                    <a:pt x="10667" y="6227069"/>
                  </a:lnTo>
                  <a:lnTo>
                    <a:pt x="10667" y="6231641"/>
                  </a:lnTo>
                  <a:lnTo>
                    <a:pt x="10258044" y="6231641"/>
                  </a:lnTo>
                  <a:lnTo>
                    <a:pt x="10258044" y="6227069"/>
                  </a:lnTo>
                  <a:close/>
                </a:path>
                <a:path w="10267315" h="6238240">
                  <a:moveTo>
                    <a:pt x="10258044" y="4572"/>
                  </a:moveTo>
                  <a:lnTo>
                    <a:pt x="10258044" y="6231641"/>
                  </a:lnTo>
                  <a:lnTo>
                    <a:pt x="10262616" y="6227069"/>
                  </a:lnTo>
                  <a:lnTo>
                    <a:pt x="10267188" y="6227069"/>
                  </a:lnTo>
                  <a:lnTo>
                    <a:pt x="10267188" y="10668"/>
                  </a:lnTo>
                  <a:lnTo>
                    <a:pt x="10262616" y="10668"/>
                  </a:lnTo>
                  <a:lnTo>
                    <a:pt x="10258044" y="4572"/>
                  </a:lnTo>
                  <a:close/>
                </a:path>
                <a:path w="10267315" h="6238240">
                  <a:moveTo>
                    <a:pt x="10267188" y="6227069"/>
                  </a:moveTo>
                  <a:lnTo>
                    <a:pt x="10262616" y="6227069"/>
                  </a:lnTo>
                  <a:lnTo>
                    <a:pt x="10258044" y="6231641"/>
                  </a:lnTo>
                  <a:lnTo>
                    <a:pt x="10267188" y="6231641"/>
                  </a:lnTo>
                  <a:lnTo>
                    <a:pt x="10267188" y="6227069"/>
                  </a:lnTo>
                  <a:close/>
                </a:path>
                <a:path w="10267315" h="6238240">
                  <a:moveTo>
                    <a:pt x="10667" y="4572"/>
                  </a:moveTo>
                  <a:lnTo>
                    <a:pt x="4571" y="10668"/>
                  </a:lnTo>
                  <a:lnTo>
                    <a:pt x="10667" y="10668"/>
                  </a:lnTo>
                  <a:lnTo>
                    <a:pt x="10667" y="4572"/>
                  </a:lnTo>
                  <a:close/>
                </a:path>
                <a:path w="10267315" h="6238240">
                  <a:moveTo>
                    <a:pt x="10258044" y="4572"/>
                  </a:moveTo>
                  <a:lnTo>
                    <a:pt x="10667" y="4572"/>
                  </a:lnTo>
                  <a:lnTo>
                    <a:pt x="10667" y="10668"/>
                  </a:lnTo>
                  <a:lnTo>
                    <a:pt x="10258044" y="10668"/>
                  </a:lnTo>
                  <a:lnTo>
                    <a:pt x="10258044" y="4572"/>
                  </a:lnTo>
                  <a:close/>
                </a:path>
                <a:path w="10267315" h="6238240">
                  <a:moveTo>
                    <a:pt x="10267188" y="4572"/>
                  </a:moveTo>
                  <a:lnTo>
                    <a:pt x="10258044" y="4572"/>
                  </a:lnTo>
                  <a:lnTo>
                    <a:pt x="10262616" y="10668"/>
                  </a:lnTo>
                  <a:lnTo>
                    <a:pt x="10267188" y="10668"/>
                  </a:lnTo>
                  <a:lnTo>
                    <a:pt x="10267188" y="4572"/>
                  </a:lnTo>
                  <a:close/>
                </a:path>
              </a:pathLst>
            </a:custGeom>
            <a:solidFill>
              <a:srgbClr val="4472C3"/>
            </a:solidFill>
          </p:spPr>
          <p:txBody>
            <a:bodyPr wrap="square" lIns="0" tIns="0" rIns="0" bIns="0" rtlCol="0"/>
            <a:lstStyle/>
            <a:p>
              <a:endParaRPr sz="1539"/>
            </a:p>
          </p:txBody>
        </p:sp>
        <p:pic>
          <p:nvPicPr>
            <p:cNvPr id="6" name="object 6"/>
            <p:cNvPicPr/>
            <p:nvPr/>
          </p:nvPicPr>
          <p:blipFill>
            <a:blip r:embed="rId2" cstate="print"/>
            <a:stretch>
              <a:fillRect/>
            </a:stretch>
          </p:blipFill>
          <p:spPr>
            <a:xfrm>
              <a:off x="5556503" y="4247387"/>
              <a:ext cx="4700015" cy="387096"/>
            </a:xfrm>
            <a:prstGeom prst="rect">
              <a:avLst/>
            </a:prstGeom>
          </p:spPr>
        </p:pic>
        <p:sp>
          <p:nvSpPr>
            <p:cNvPr id="7" name="object 7"/>
            <p:cNvSpPr/>
            <p:nvPr/>
          </p:nvSpPr>
          <p:spPr>
            <a:xfrm>
              <a:off x="5553456" y="4242816"/>
              <a:ext cx="4707890" cy="396240"/>
            </a:xfrm>
            <a:custGeom>
              <a:avLst/>
              <a:gdLst/>
              <a:ahLst/>
              <a:cxnLst/>
              <a:rect l="l" t="t" r="r" b="b"/>
              <a:pathLst>
                <a:path w="4707890" h="396239">
                  <a:moveTo>
                    <a:pt x="4707636" y="0"/>
                  </a:moveTo>
                  <a:lnTo>
                    <a:pt x="0" y="0"/>
                  </a:lnTo>
                  <a:lnTo>
                    <a:pt x="0" y="396240"/>
                  </a:lnTo>
                  <a:lnTo>
                    <a:pt x="4707636" y="396240"/>
                  </a:lnTo>
                  <a:lnTo>
                    <a:pt x="4707636" y="391668"/>
                  </a:lnTo>
                  <a:lnTo>
                    <a:pt x="6096" y="391668"/>
                  </a:lnTo>
                  <a:lnTo>
                    <a:pt x="3048" y="388620"/>
                  </a:lnTo>
                  <a:lnTo>
                    <a:pt x="6096" y="388620"/>
                  </a:lnTo>
                  <a:lnTo>
                    <a:pt x="6096" y="7620"/>
                  </a:lnTo>
                  <a:lnTo>
                    <a:pt x="3048" y="7620"/>
                  </a:lnTo>
                  <a:lnTo>
                    <a:pt x="6096" y="4572"/>
                  </a:lnTo>
                  <a:lnTo>
                    <a:pt x="4707636" y="4572"/>
                  </a:lnTo>
                  <a:lnTo>
                    <a:pt x="4707636" y="0"/>
                  </a:lnTo>
                  <a:close/>
                </a:path>
                <a:path w="4707890" h="396239">
                  <a:moveTo>
                    <a:pt x="6096" y="388620"/>
                  </a:moveTo>
                  <a:lnTo>
                    <a:pt x="3048" y="388620"/>
                  </a:lnTo>
                  <a:lnTo>
                    <a:pt x="6096" y="391668"/>
                  </a:lnTo>
                  <a:lnTo>
                    <a:pt x="6096" y="388620"/>
                  </a:lnTo>
                  <a:close/>
                </a:path>
                <a:path w="4707890" h="396239">
                  <a:moveTo>
                    <a:pt x="4700016" y="388620"/>
                  </a:moveTo>
                  <a:lnTo>
                    <a:pt x="6096" y="388620"/>
                  </a:lnTo>
                  <a:lnTo>
                    <a:pt x="6096" y="391668"/>
                  </a:lnTo>
                  <a:lnTo>
                    <a:pt x="4700016" y="391668"/>
                  </a:lnTo>
                  <a:lnTo>
                    <a:pt x="4700016" y="388620"/>
                  </a:lnTo>
                  <a:close/>
                </a:path>
                <a:path w="4707890" h="396239">
                  <a:moveTo>
                    <a:pt x="4700016" y="4572"/>
                  </a:moveTo>
                  <a:lnTo>
                    <a:pt x="4700016" y="391668"/>
                  </a:lnTo>
                  <a:lnTo>
                    <a:pt x="4703064" y="388620"/>
                  </a:lnTo>
                  <a:lnTo>
                    <a:pt x="4707636" y="388620"/>
                  </a:lnTo>
                  <a:lnTo>
                    <a:pt x="4707636" y="7620"/>
                  </a:lnTo>
                  <a:lnTo>
                    <a:pt x="4703064" y="7620"/>
                  </a:lnTo>
                  <a:lnTo>
                    <a:pt x="4700016" y="4572"/>
                  </a:lnTo>
                  <a:close/>
                </a:path>
                <a:path w="4707890" h="396239">
                  <a:moveTo>
                    <a:pt x="4707636" y="388620"/>
                  </a:moveTo>
                  <a:lnTo>
                    <a:pt x="4703064" y="388620"/>
                  </a:lnTo>
                  <a:lnTo>
                    <a:pt x="4700016" y="391668"/>
                  </a:lnTo>
                  <a:lnTo>
                    <a:pt x="4707636" y="391668"/>
                  </a:lnTo>
                  <a:lnTo>
                    <a:pt x="4707636" y="388620"/>
                  </a:lnTo>
                  <a:close/>
                </a:path>
                <a:path w="4707890" h="396239">
                  <a:moveTo>
                    <a:pt x="6096" y="4572"/>
                  </a:moveTo>
                  <a:lnTo>
                    <a:pt x="3048" y="7620"/>
                  </a:lnTo>
                  <a:lnTo>
                    <a:pt x="6096" y="7620"/>
                  </a:lnTo>
                  <a:lnTo>
                    <a:pt x="6096" y="4572"/>
                  </a:lnTo>
                  <a:close/>
                </a:path>
                <a:path w="4707890" h="396239">
                  <a:moveTo>
                    <a:pt x="4700016" y="4572"/>
                  </a:moveTo>
                  <a:lnTo>
                    <a:pt x="6096" y="4572"/>
                  </a:lnTo>
                  <a:lnTo>
                    <a:pt x="6096" y="7620"/>
                  </a:lnTo>
                  <a:lnTo>
                    <a:pt x="4700016" y="7620"/>
                  </a:lnTo>
                  <a:lnTo>
                    <a:pt x="4700016" y="4572"/>
                  </a:lnTo>
                  <a:close/>
                </a:path>
                <a:path w="4707890" h="396239">
                  <a:moveTo>
                    <a:pt x="4707636" y="4572"/>
                  </a:moveTo>
                  <a:lnTo>
                    <a:pt x="4700016" y="4572"/>
                  </a:lnTo>
                  <a:lnTo>
                    <a:pt x="4703064" y="7620"/>
                  </a:lnTo>
                  <a:lnTo>
                    <a:pt x="4707636" y="7620"/>
                  </a:lnTo>
                  <a:lnTo>
                    <a:pt x="4707636" y="4572"/>
                  </a:lnTo>
                  <a:close/>
                </a:path>
              </a:pathLst>
            </a:custGeom>
            <a:solidFill>
              <a:srgbClr val="70AC46"/>
            </a:solidFill>
          </p:spPr>
          <p:txBody>
            <a:bodyPr wrap="square" lIns="0" tIns="0" rIns="0" bIns="0" rtlCol="0"/>
            <a:lstStyle/>
            <a:p>
              <a:endParaRPr sz="1539"/>
            </a:p>
          </p:txBody>
        </p:sp>
        <p:pic>
          <p:nvPicPr>
            <p:cNvPr id="8" name="object 8"/>
            <p:cNvPicPr/>
            <p:nvPr/>
          </p:nvPicPr>
          <p:blipFill>
            <a:blip r:embed="rId3" cstate="print"/>
            <a:stretch>
              <a:fillRect/>
            </a:stretch>
          </p:blipFill>
          <p:spPr>
            <a:xfrm>
              <a:off x="5556503" y="5041392"/>
              <a:ext cx="4700015" cy="388619"/>
            </a:xfrm>
            <a:prstGeom prst="rect">
              <a:avLst/>
            </a:prstGeom>
          </p:spPr>
        </p:pic>
        <p:sp>
          <p:nvSpPr>
            <p:cNvPr id="9" name="object 9"/>
            <p:cNvSpPr/>
            <p:nvPr/>
          </p:nvSpPr>
          <p:spPr>
            <a:xfrm>
              <a:off x="5553456" y="5036819"/>
              <a:ext cx="4707890" cy="396240"/>
            </a:xfrm>
            <a:custGeom>
              <a:avLst/>
              <a:gdLst/>
              <a:ahLst/>
              <a:cxnLst/>
              <a:rect l="l" t="t" r="r" b="b"/>
              <a:pathLst>
                <a:path w="4707890" h="396239">
                  <a:moveTo>
                    <a:pt x="4707636" y="0"/>
                  </a:moveTo>
                  <a:lnTo>
                    <a:pt x="0" y="0"/>
                  </a:lnTo>
                  <a:lnTo>
                    <a:pt x="0" y="396239"/>
                  </a:lnTo>
                  <a:lnTo>
                    <a:pt x="4707636" y="396239"/>
                  </a:lnTo>
                  <a:lnTo>
                    <a:pt x="4707636" y="393191"/>
                  </a:lnTo>
                  <a:lnTo>
                    <a:pt x="6096" y="393191"/>
                  </a:lnTo>
                  <a:lnTo>
                    <a:pt x="3048" y="388619"/>
                  </a:lnTo>
                  <a:lnTo>
                    <a:pt x="6096" y="388619"/>
                  </a:lnTo>
                  <a:lnTo>
                    <a:pt x="6096" y="7619"/>
                  </a:lnTo>
                  <a:lnTo>
                    <a:pt x="3048" y="7619"/>
                  </a:lnTo>
                  <a:lnTo>
                    <a:pt x="6096" y="4571"/>
                  </a:lnTo>
                  <a:lnTo>
                    <a:pt x="4707636" y="4571"/>
                  </a:lnTo>
                  <a:lnTo>
                    <a:pt x="4707636" y="0"/>
                  </a:lnTo>
                  <a:close/>
                </a:path>
                <a:path w="4707890" h="396239">
                  <a:moveTo>
                    <a:pt x="6096" y="388619"/>
                  </a:moveTo>
                  <a:lnTo>
                    <a:pt x="3048" y="388619"/>
                  </a:lnTo>
                  <a:lnTo>
                    <a:pt x="6096" y="393191"/>
                  </a:lnTo>
                  <a:lnTo>
                    <a:pt x="6096" y="388619"/>
                  </a:lnTo>
                  <a:close/>
                </a:path>
                <a:path w="4707890" h="396239">
                  <a:moveTo>
                    <a:pt x="4700016" y="388619"/>
                  </a:moveTo>
                  <a:lnTo>
                    <a:pt x="6096" y="388619"/>
                  </a:lnTo>
                  <a:lnTo>
                    <a:pt x="6096" y="393191"/>
                  </a:lnTo>
                  <a:lnTo>
                    <a:pt x="4700016" y="393191"/>
                  </a:lnTo>
                  <a:lnTo>
                    <a:pt x="4700016" y="388619"/>
                  </a:lnTo>
                  <a:close/>
                </a:path>
                <a:path w="4707890" h="396239">
                  <a:moveTo>
                    <a:pt x="4700016" y="4571"/>
                  </a:moveTo>
                  <a:lnTo>
                    <a:pt x="4700016" y="393191"/>
                  </a:lnTo>
                  <a:lnTo>
                    <a:pt x="4703064" y="388619"/>
                  </a:lnTo>
                  <a:lnTo>
                    <a:pt x="4707636" y="388619"/>
                  </a:lnTo>
                  <a:lnTo>
                    <a:pt x="4707636" y="7619"/>
                  </a:lnTo>
                  <a:lnTo>
                    <a:pt x="4703064" y="7619"/>
                  </a:lnTo>
                  <a:lnTo>
                    <a:pt x="4700016" y="4571"/>
                  </a:lnTo>
                  <a:close/>
                </a:path>
                <a:path w="4707890" h="396239">
                  <a:moveTo>
                    <a:pt x="4707636" y="388619"/>
                  </a:moveTo>
                  <a:lnTo>
                    <a:pt x="4703064" y="388619"/>
                  </a:lnTo>
                  <a:lnTo>
                    <a:pt x="4700016" y="393191"/>
                  </a:lnTo>
                  <a:lnTo>
                    <a:pt x="4707636" y="393191"/>
                  </a:lnTo>
                  <a:lnTo>
                    <a:pt x="4707636" y="388619"/>
                  </a:lnTo>
                  <a:close/>
                </a:path>
                <a:path w="4707890" h="396239">
                  <a:moveTo>
                    <a:pt x="6096" y="4571"/>
                  </a:moveTo>
                  <a:lnTo>
                    <a:pt x="3048" y="7619"/>
                  </a:lnTo>
                  <a:lnTo>
                    <a:pt x="6096" y="7619"/>
                  </a:lnTo>
                  <a:lnTo>
                    <a:pt x="6096" y="4571"/>
                  </a:lnTo>
                  <a:close/>
                </a:path>
                <a:path w="4707890" h="396239">
                  <a:moveTo>
                    <a:pt x="4700016" y="4571"/>
                  </a:moveTo>
                  <a:lnTo>
                    <a:pt x="6096" y="4571"/>
                  </a:lnTo>
                  <a:lnTo>
                    <a:pt x="6096" y="7619"/>
                  </a:lnTo>
                  <a:lnTo>
                    <a:pt x="4700016" y="7619"/>
                  </a:lnTo>
                  <a:lnTo>
                    <a:pt x="4700016" y="4571"/>
                  </a:lnTo>
                  <a:close/>
                </a:path>
                <a:path w="4707890" h="396239">
                  <a:moveTo>
                    <a:pt x="4707636" y="4571"/>
                  </a:moveTo>
                  <a:lnTo>
                    <a:pt x="4700016" y="4571"/>
                  </a:lnTo>
                  <a:lnTo>
                    <a:pt x="4703064" y="7619"/>
                  </a:lnTo>
                  <a:lnTo>
                    <a:pt x="4707636" y="7619"/>
                  </a:lnTo>
                  <a:lnTo>
                    <a:pt x="4707636" y="4571"/>
                  </a:lnTo>
                  <a:close/>
                </a:path>
              </a:pathLst>
            </a:custGeom>
            <a:solidFill>
              <a:srgbClr val="70AC46"/>
            </a:solidFill>
          </p:spPr>
          <p:txBody>
            <a:bodyPr wrap="square" lIns="0" tIns="0" rIns="0" bIns="0" rtlCol="0"/>
            <a:lstStyle/>
            <a:p>
              <a:endParaRPr sz="1539"/>
            </a:p>
          </p:txBody>
        </p:sp>
        <p:sp>
          <p:nvSpPr>
            <p:cNvPr id="10" name="object 10"/>
            <p:cNvSpPr/>
            <p:nvPr/>
          </p:nvSpPr>
          <p:spPr>
            <a:xfrm>
              <a:off x="5027676" y="2097024"/>
              <a:ext cx="528955" cy="565785"/>
            </a:xfrm>
            <a:custGeom>
              <a:avLst/>
              <a:gdLst/>
              <a:ahLst/>
              <a:cxnLst/>
              <a:rect l="l" t="t" r="r" b="b"/>
              <a:pathLst>
                <a:path w="528954" h="565785">
                  <a:moveTo>
                    <a:pt x="260603" y="557784"/>
                  </a:moveTo>
                  <a:lnTo>
                    <a:pt x="0" y="557784"/>
                  </a:lnTo>
                  <a:lnTo>
                    <a:pt x="0" y="565403"/>
                  </a:lnTo>
                  <a:lnTo>
                    <a:pt x="268224" y="565403"/>
                  </a:lnTo>
                  <a:lnTo>
                    <a:pt x="268224" y="560832"/>
                  </a:lnTo>
                  <a:lnTo>
                    <a:pt x="260603" y="560832"/>
                  </a:lnTo>
                  <a:lnTo>
                    <a:pt x="260603" y="557784"/>
                  </a:lnTo>
                  <a:close/>
                </a:path>
                <a:path w="528954" h="565785">
                  <a:moveTo>
                    <a:pt x="528827" y="0"/>
                  </a:moveTo>
                  <a:lnTo>
                    <a:pt x="260603" y="0"/>
                  </a:lnTo>
                  <a:lnTo>
                    <a:pt x="260603" y="560832"/>
                  </a:lnTo>
                  <a:lnTo>
                    <a:pt x="263651" y="557784"/>
                  </a:lnTo>
                  <a:lnTo>
                    <a:pt x="268224" y="557784"/>
                  </a:lnTo>
                  <a:lnTo>
                    <a:pt x="268224" y="6096"/>
                  </a:lnTo>
                  <a:lnTo>
                    <a:pt x="263651" y="6096"/>
                  </a:lnTo>
                  <a:lnTo>
                    <a:pt x="268224" y="3048"/>
                  </a:lnTo>
                  <a:lnTo>
                    <a:pt x="528827" y="3048"/>
                  </a:lnTo>
                  <a:lnTo>
                    <a:pt x="528827" y="0"/>
                  </a:lnTo>
                  <a:close/>
                </a:path>
                <a:path w="528954" h="565785">
                  <a:moveTo>
                    <a:pt x="268224" y="557784"/>
                  </a:moveTo>
                  <a:lnTo>
                    <a:pt x="263651" y="557784"/>
                  </a:lnTo>
                  <a:lnTo>
                    <a:pt x="260603" y="560832"/>
                  </a:lnTo>
                  <a:lnTo>
                    <a:pt x="268224" y="560832"/>
                  </a:lnTo>
                  <a:lnTo>
                    <a:pt x="268224" y="557784"/>
                  </a:lnTo>
                  <a:close/>
                </a:path>
                <a:path w="528954" h="565785">
                  <a:moveTo>
                    <a:pt x="268224" y="3048"/>
                  </a:moveTo>
                  <a:lnTo>
                    <a:pt x="263651" y="6096"/>
                  </a:lnTo>
                  <a:lnTo>
                    <a:pt x="268224" y="6096"/>
                  </a:lnTo>
                  <a:lnTo>
                    <a:pt x="268224" y="3048"/>
                  </a:lnTo>
                  <a:close/>
                </a:path>
                <a:path w="528954" h="565785">
                  <a:moveTo>
                    <a:pt x="528827" y="3048"/>
                  </a:moveTo>
                  <a:lnTo>
                    <a:pt x="268224" y="3048"/>
                  </a:lnTo>
                  <a:lnTo>
                    <a:pt x="268224" y="6096"/>
                  </a:lnTo>
                  <a:lnTo>
                    <a:pt x="528827" y="6096"/>
                  </a:lnTo>
                  <a:lnTo>
                    <a:pt x="528827" y="3048"/>
                  </a:lnTo>
                  <a:close/>
                </a:path>
              </a:pathLst>
            </a:custGeom>
            <a:solidFill>
              <a:srgbClr val="000000"/>
            </a:solidFill>
          </p:spPr>
          <p:txBody>
            <a:bodyPr wrap="square" lIns="0" tIns="0" rIns="0" bIns="0" rtlCol="0"/>
            <a:lstStyle/>
            <a:p>
              <a:endParaRPr sz="1539"/>
            </a:p>
          </p:txBody>
        </p:sp>
        <p:pic>
          <p:nvPicPr>
            <p:cNvPr id="11" name="object 11"/>
            <p:cNvPicPr/>
            <p:nvPr/>
          </p:nvPicPr>
          <p:blipFill>
            <a:blip r:embed="rId2" cstate="print"/>
            <a:stretch>
              <a:fillRect/>
            </a:stretch>
          </p:blipFill>
          <p:spPr>
            <a:xfrm>
              <a:off x="5556503" y="1906524"/>
              <a:ext cx="4700015" cy="387096"/>
            </a:xfrm>
            <a:prstGeom prst="rect">
              <a:avLst/>
            </a:prstGeom>
          </p:spPr>
        </p:pic>
        <p:sp>
          <p:nvSpPr>
            <p:cNvPr id="12" name="object 12"/>
            <p:cNvSpPr/>
            <p:nvPr/>
          </p:nvSpPr>
          <p:spPr>
            <a:xfrm>
              <a:off x="5553456" y="1901952"/>
              <a:ext cx="4707890" cy="396240"/>
            </a:xfrm>
            <a:custGeom>
              <a:avLst/>
              <a:gdLst/>
              <a:ahLst/>
              <a:cxnLst/>
              <a:rect l="l" t="t" r="r" b="b"/>
              <a:pathLst>
                <a:path w="4707890" h="396239">
                  <a:moveTo>
                    <a:pt x="4707636" y="0"/>
                  </a:moveTo>
                  <a:lnTo>
                    <a:pt x="0" y="0"/>
                  </a:lnTo>
                  <a:lnTo>
                    <a:pt x="0" y="396240"/>
                  </a:lnTo>
                  <a:lnTo>
                    <a:pt x="4707636" y="396240"/>
                  </a:lnTo>
                  <a:lnTo>
                    <a:pt x="4707636" y="391668"/>
                  </a:lnTo>
                  <a:lnTo>
                    <a:pt x="6096" y="391668"/>
                  </a:lnTo>
                  <a:lnTo>
                    <a:pt x="3048" y="388620"/>
                  </a:lnTo>
                  <a:lnTo>
                    <a:pt x="6096" y="388620"/>
                  </a:lnTo>
                  <a:lnTo>
                    <a:pt x="6096" y="7620"/>
                  </a:lnTo>
                  <a:lnTo>
                    <a:pt x="3048" y="7620"/>
                  </a:lnTo>
                  <a:lnTo>
                    <a:pt x="6096" y="4572"/>
                  </a:lnTo>
                  <a:lnTo>
                    <a:pt x="4707636" y="4572"/>
                  </a:lnTo>
                  <a:lnTo>
                    <a:pt x="4707636" y="0"/>
                  </a:lnTo>
                  <a:close/>
                </a:path>
                <a:path w="4707890" h="396239">
                  <a:moveTo>
                    <a:pt x="6096" y="388620"/>
                  </a:moveTo>
                  <a:lnTo>
                    <a:pt x="3048" y="388620"/>
                  </a:lnTo>
                  <a:lnTo>
                    <a:pt x="6096" y="391668"/>
                  </a:lnTo>
                  <a:lnTo>
                    <a:pt x="6096" y="388620"/>
                  </a:lnTo>
                  <a:close/>
                </a:path>
                <a:path w="4707890" h="396239">
                  <a:moveTo>
                    <a:pt x="4700016" y="388620"/>
                  </a:moveTo>
                  <a:lnTo>
                    <a:pt x="6096" y="388620"/>
                  </a:lnTo>
                  <a:lnTo>
                    <a:pt x="6096" y="391668"/>
                  </a:lnTo>
                  <a:lnTo>
                    <a:pt x="4700016" y="391668"/>
                  </a:lnTo>
                  <a:lnTo>
                    <a:pt x="4700016" y="388620"/>
                  </a:lnTo>
                  <a:close/>
                </a:path>
                <a:path w="4707890" h="396239">
                  <a:moveTo>
                    <a:pt x="4700016" y="4572"/>
                  </a:moveTo>
                  <a:lnTo>
                    <a:pt x="4700016" y="391668"/>
                  </a:lnTo>
                  <a:lnTo>
                    <a:pt x="4703064" y="388620"/>
                  </a:lnTo>
                  <a:lnTo>
                    <a:pt x="4707636" y="388620"/>
                  </a:lnTo>
                  <a:lnTo>
                    <a:pt x="4707636" y="7620"/>
                  </a:lnTo>
                  <a:lnTo>
                    <a:pt x="4703064" y="7620"/>
                  </a:lnTo>
                  <a:lnTo>
                    <a:pt x="4700016" y="4572"/>
                  </a:lnTo>
                  <a:close/>
                </a:path>
                <a:path w="4707890" h="396239">
                  <a:moveTo>
                    <a:pt x="4707636" y="388620"/>
                  </a:moveTo>
                  <a:lnTo>
                    <a:pt x="4703064" y="388620"/>
                  </a:lnTo>
                  <a:lnTo>
                    <a:pt x="4700016" y="391668"/>
                  </a:lnTo>
                  <a:lnTo>
                    <a:pt x="4707636" y="391668"/>
                  </a:lnTo>
                  <a:lnTo>
                    <a:pt x="4707636" y="388620"/>
                  </a:lnTo>
                  <a:close/>
                </a:path>
                <a:path w="4707890" h="396239">
                  <a:moveTo>
                    <a:pt x="6096" y="4572"/>
                  </a:moveTo>
                  <a:lnTo>
                    <a:pt x="3048" y="7620"/>
                  </a:lnTo>
                  <a:lnTo>
                    <a:pt x="6096" y="7620"/>
                  </a:lnTo>
                  <a:lnTo>
                    <a:pt x="6096" y="4572"/>
                  </a:lnTo>
                  <a:close/>
                </a:path>
                <a:path w="4707890" h="396239">
                  <a:moveTo>
                    <a:pt x="4700016" y="4572"/>
                  </a:moveTo>
                  <a:lnTo>
                    <a:pt x="6096" y="4572"/>
                  </a:lnTo>
                  <a:lnTo>
                    <a:pt x="6096" y="7620"/>
                  </a:lnTo>
                  <a:lnTo>
                    <a:pt x="4700016" y="7620"/>
                  </a:lnTo>
                  <a:lnTo>
                    <a:pt x="4700016" y="4572"/>
                  </a:lnTo>
                  <a:close/>
                </a:path>
                <a:path w="4707890" h="396239">
                  <a:moveTo>
                    <a:pt x="4707636" y="4572"/>
                  </a:moveTo>
                  <a:lnTo>
                    <a:pt x="4700016" y="4572"/>
                  </a:lnTo>
                  <a:lnTo>
                    <a:pt x="4703064" y="7620"/>
                  </a:lnTo>
                  <a:lnTo>
                    <a:pt x="4707636" y="7620"/>
                  </a:lnTo>
                  <a:lnTo>
                    <a:pt x="4707636" y="4572"/>
                  </a:lnTo>
                  <a:close/>
                </a:path>
              </a:pathLst>
            </a:custGeom>
            <a:solidFill>
              <a:srgbClr val="70AC46"/>
            </a:solidFill>
          </p:spPr>
          <p:txBody>
            <a:bodyPr wrap="square" lIns="0" tIns="0" rIns="0" bIns="0" rtlCol="0"/>
            <a:lstStyle/>
            <a:p>
              <a:endParaRPr sz="1539"/>
            </a:p>
          </p:txBody>
        </p:sp>
        <p:pic>
          <p:nvPicPr>
            <p:cNvPr id="13" name="object 13"/>
            <p:cNvPicPr/>
            <p:nvPr/>
          </p:nvPicPr>
          <p:blipFill>
            <a:blip r:embed="rId3" cstate="print"/>
            <a:stretch>
              <a:fillRect/>
            </a:stretch>
          </p:blipFill>
          <p:spPr>
            <a:xfrm>
              <a:off x="5556503" y="2459736"/>
              <a:ext cx="4700015" cy="388620"/>
            </a:xfrm>
            <a:prstGeom prst="rect">
              <a:avLst/>
            </a:prstGeom>
          </p:spPr>
        </p:pic>
        <p:sp>
          <p:nvSpPr>
            <p:cNvPr id="14" name="object 14"/>
            <p:cNvSpPr/>
            <p:nvPr/>
          </p:nvSpPr>
          <p:spPr>
            <a:xfrm>
              <a:off x="5553456" y="2456688"/>
              <a:ext cx="4707890" cy="394970"/>
            </a:xfrm>
            <a:custGeom>
              <a:avLst/>
              <a:gdLst/>
              <a:ahLst/>
              <a:cxnLst/>
              <a:rect l="l" t="t" r="r" b="b"/>
              <a:pathLst>
                <a:path w="4707890" h="394969">
                  <a:moveTo>
                    <a:pt x="4707636" y="0"/>
                  </a:moveTo>
                  <a:lnTo>
                    <a:pt x="0" y="0"/>
                  </a:lnTo>
                  <a:lnTo>
                    <a:pt x="0" y="394716"/>
                  </a:lnTo>
                  <a:lnTo>
                    <a:pt x="4707636" y="394716"/>
                  </a:lnTo>
                  <a:lnTo>
                    <a:pt x="4707636" y="391668"/>
                  </a:lnTo>
                  <a:lnTo>
                    <a:pt x="6096" y="391668"/>
                  </a:lnTo>
                  <a:lnTo>
                    <a:pt x="3048" y="387096"/>
                  </a:lnTo>
                  <a:lnTo>
                    <a:pt x="6096" y="387096"/>
                  </a:lnTo>
                  <a:lnTo>
                    <a:pt x="6096" y="6096"/>
                  </a:lnTo>
                  <a:lnTo>
                    <a:pt x="3048" y="6096"/>
                  </a:lnTo>
                  <a:lnTo>
                    <a:pt x="6096" y="3048"/>
                  </a:lnTo>
                  <a:lnTo>
                    <a:pt x="4707636" y="3048"/>
                  </a:lnTo>
                  <a:lnTo>
                    <a:pt x="4707636" y="0"/>
                  </a:lnTo>
                  <a:close/>
                </a:path>
                <a:path w="4707890" h="394969">
                  <a:moveTo>
                    <a:pt x="6096" y="387096"/>
                  </a:moveTo>
                  <a:lnTo>
                    <a:pt x="3048" y="387096"/>
                  </a:lnTo>
                  <a:lnTo>
                    <a:pt x="6096" y="391668"/>
                  </a:lnTo>
                  <a:lnTo>
                    <a:pt x="6096" y="387096"/>
                  </a:lnTo>
                  <a:close/>
                </a:path>
                <a:path w="4707890" h="394969">
                  <a:moveTo>
                    <a:pt x="4700016" y="387096"/>
                  </a:moveTo>
                  <a:lnTo>
                    <a:pt x="6096" y="387096"/>
                  </a:lnTo>
                  <a:lnTo>
                    <a:pt x="6096" y="391668"/>
                  </a:lnTo>
                  <a:lnTo>
                    <a:pt x="4700016" y="391668"/>
                  </a:lnTo>
                  <a:lnTo>
                    <a:pt x="4700016" y="387096"/>
                  </a:lnTo>
                  <a:close/>
                </a:path>
                <a:path w="4707890" h="394969">
                  <a:moveTo>
                    <a:pt x="4700016" y="3048"/>
                  </a:moveTo>
                  <a:lnTo>
                    <a:pt x="4700016" y="391668"/>
                  </a:lnTo>
                  <a:lnTo>
                    <a:pt x="4703064" y="387096"/>
                  </a:lnTo>
                  <a:lnTo>
                    <a:pt x="4707636" y="387096"/>
                  </a:lnTo>
                  <a:lnTo>
                    <a:pt x="4707636" y="6096"/>
                  </a:lnTo>
                  <a:lnTo>
                    <a:pt x="4703064" y="6096"/>
                  </a:lnTo>
                  <a:lnTo>
                    <a:pt x="4700016" y="3048"/>
                  </a:lnTo>
                  <a:close/>
                </a:path>
                <a:path w="4707890" h="394969">
                  <a:moveTo>
                    <a:pt x="4707636" y="387096"/>
                  </a:moveTo>
                  <a:lnTo>
                    <a:pt x="4703064" y="387096"/>
                  </a:lnTo>
                  <a:lnTo>
                    <a:pt x="4700016" y="391668"/>
                  </a:lnTo>
                  <a:lnTo>
                    <a:pt x="4707636" y="391668"/>
                  </a:lnTo>
                  <a:lnTo>
                    <a:pt x="4707636" y="387096"/>
                  </a:lnTo>
                  <a:close/>
                </a:path>
                <a:path w="4707890" h="394969">
                  <a:moveTo>
                    <a:pt x="6096" y="3048"/>
                  </a:moveTo>
                  <a:lnTo>
                    <a:pt x="3048" y="6096"/>
                  </a:lnTo>
                  <a:lnTo>
                    <a:pt x="6096" y="6096"/>
                  </a:lnTo>
                  <a:lnTo>
                    <a:pt x="6096" y="3048"/>
                  </a:lnTo>
                  <a:close/>
                </a:path>
                <a:path w="4707890" h="394969">
                  <a:moveTo>
                    <a:pt x="4700016" y="3048"/>
                  </a:moveTo>
                  <a:lnTo>
                    <a:pt x="6096" y="3048"/>
                  </a:lnTo>
                  <a:lnTo>
                    <a:pt x="6096" y="6096"/>
                  </a:lnTo>
                  <a:lnTo>
                    <a:pt x="4700016" y="6096"/>
                  </a:lnTo>
                  <a:lnTo>
                    <a:pt x="4700016" y="3048"/>
                  </a:lnTo>
                  <a:close/>
                </a:path>
                <a:path w="4707890" h="394969">
                  <a:moveTo>
                    <a:pt x="4707636" y="3048"/>
                  </a:moveTo>
                  <a:lnTo>
                    <a:pt x="4700016" y="3048"/>
                  </a:lnTo>
                  <a:lnTo>
                    <a:pt x="4703064" y="6096"/>
                  </a:lnTo>
                  <a:lnTo>
                    <a:pt x="4707636" y="6096"/>
                  </a:lnTo>
                  <a:lnTo>
                    <a:pt x="4707636" y="3048"/>
                  </a:lnTo>
                  <a:close/>
                </a:path>
              </a:pathLst>
            </a:custGeom>
            <a:solidFill>
              <a:srgbClr val="70AC46"/>
            </a:solidFill>
          </p:spPr>
          <p:txBody>
            <a:bodyPr wrap="square" lIns="0" tIns="0" rIns="0" bIns="0" rtlCol="0"/>
            <a:lstStyle/>
            <a:p>
              <a:endParaRPr sz="1539"/>
            </a:p>
          </p:txBody>
        </p:sp>
        <p:sp>
          <p:nvSpPr>
            <p:cNvPr id="15" name="object 15"/>
            <p:cNvSpPr/>
            <p:nvPr/>
          </p:nvSpPr>
          <p:spPr>
            <a:xfrm>
              <a:off x="361188" y="923544"/>
              <a:ext cx="4721860" cy="330835"/>
            </a:xfrm>
            <a:custGeom>
              <a:avLst/>
              <a:gdLst/>
              <a:ahLst/>
              <a:cxnLst/>
              <a:rect l="l" t="t" r="r" b="b"/>
              <a:pathLst>
                <a:path w="4721860" h="330834">
                  <a:moveTo>
                    <a:pt x="4658868" y="0"/>
                  </a:moveTo>
                  <a:lnTo>
                    <a:pt x="60960" y="0"/>
                  </a:lnTo>
                  <a:lnTo>
                    <a:pt x="48768" y="1524"/>
                  </a:lnTo>
                  <a:lnTo>
                    <a:pt x="10667" y="27432"/>
                  </a:lnTo>
                  <a:lnTo>
                    <a:pt x="0" y="60960"/>
                  </a:lnTo>
                  <a:lnTo>
                    <a:pt x="0" y="269748"/>
                  </a:lnTo>
                  <a:lnTo>
                    <a:pt x="18287" y="312420"/>
                  </a:lnTo>
                  <a:lnTo>
                    <a:pt x="60960" y="330708"/>
                  </a:lnTo>
                  <a:lnTo>
                    <a:pt x="4658868" y="330708"/>
                  </a:lnTo>
                  <a:lnTo>
                    <a:pt x="4703064" y="312420"/>
                  </a:lnTo>
                  <a:lnTo>
                    <a:pt x="4704334" y="310896"/>
                  </a:lnTo>
                  <a:lnTo>
                    <a:pt x="62483" y="310896"/>
                  </a:lnTo>
                  <a:lnTo>
                    <a:pt x="51816" y="309372"/>
                  </a:lnTo>
                  <a:lnTo>
                    <a:pt x="54863" y="309372"/>
                  </a:lnTo>
                  <a:lnTo>
                    <a:pt x="49530" y="307848"/>
                  </a:lnTo>
                  <a:lnTo>
                    <a:pt x="45719" y="307848"/>
                  </a:lnTo>
                  <a:lnTo>
                    <a:pt x="38100" y="303276"/>
                  </a:lnTo>
                  <a:lnTo>
                    <a:pt x="39623" y="303276"/>
                  </a:lnTo>
                  <a:lnTo>
                    <a:pt x="33908" y="298704"/>
                  </a:lnTo>
                  <a:lnTo>
                    <a:pt x="33527" y="298704"/>
                  </a:lnTo>
                  <a:lnTo>
                    <a:pt x="25907" y="291084"/>
                  </a:lnTo>
                  <a:lnTo>
                    <a:pt x="26517" y="291084"/>
                  </a:lnTo>
                  <a:lnTo>
                    <a:pt x="22859" y="284988"/>
                  </a:lnTo>
                  <a:lnTo>
                    <a:pt x="23948" y="284988"/>
                  </a:lnTo>
                  <a:lnTo>
                    <a:pt x="22206" y="278892"/>
                  </a:lnTo>
                  <a:lnTo>
                    <a:pt x="21335" y="278892"/>
                  </a:lnTo>
                  <a:lnTo>
                    <a:pt x="20029" y="269748"/>
                  </a:lnTo>
                  <a:lnTo>
                    <a:pt x="19811" y="269748"/>
                  </a:lnTo>
                  <a:lnTo>
                    <a:pt x="19811" y="62484"/>
                  </a:lnTo>
                  <a:lnTo>
                    <a:pt x="21335" y="51816"/>
                  </a:lnTo>
                  <a:lnTo>
                    <a:pt x="22206" y="51816"/>
                  </a:lnTo>
                  <a:lnTo>
                    <a:pt x="23513" y="47244"/>
                  </a:lnTo>
                  <a:lnTo>
                    <a:pt x="22859" y="47244"/>
                  </a:lnTo>
                  <a:lnTo>
                    <a:pt x="26669" y="39624"/>
                  </a:lnTo>
                  <a:lnTo>
                    <a:pt x="25907" y="39624"/>
                  </a:lnTo>
                  <a:lnTo>
                    <a:pt x="33527" y="32004"/>
                  </a:lnTo>
                  <a:lnTo>
                    <a:pt x="33908" y="32004"/>
                  </a:lnTo>
                  <a:lnTo>
                    <a:pt x="39623" y="27432"/>
                  </a:lnTo>
                  <a:lnTo>
                    <a:pt x="38100" y="27432"/>
                  </a:lnTo>
                  <a:lnTo>
                    <a:pt x="45719" y="22860"/>
                  </a:lnTo>
                  <a:lnTo>
                    <a:pt x="49530" y="22860"/>
                  </a:lnTo>
                  <a:lnTo>
                    <a:pt x="54863" y="21336"/>
                  </a:lnTo>
                  <a:lnTo>
                    <a:pt x="51816" y="21336"/>
                  </a:lnTo>
                  <a:lnTo>
                    <a:pt x="62483" y="19812"/>
                  </a:lnTo>
                  <a:lnTo>
                    <a:pt x="4704334" y="19812"/>
                  </a:lnTo>
                  <a:lnTo>
                    <a:pt x="4703064" y="18288"/>
                  </a:lnTo>
                  <a:lnTo>
                    <a:pt x="4693920" y="10668"/>
                  </a:lnTo>
                  <a:lnTo>
                    <a:pt x="4683252" y="4572"/>
                  </a:lnTo>
                  <a:lnTo>
                    <a:pt x="4671060" y="1524"/>
                  </a:lnTo>
                  <a:lnTo>
                    <a:pt x="4658868" y="0"/>
                  </a:lnTo>
                  <a:close/>
                </a:path>
                <a:path w="4721860" h="330834">
                  <a:moveTo>
                    <a:pt x="4675632" y="306324"/>
                  </a:moveTo>
                  <a:lnTo>
                    <a:pt x="4666488" y="309372"/>
                  </a:lnTo>
                  <a:lnTo>
                    <a:pt x="4668012" y="309372"/>
                  </a:lnTo>
                  <a:lnTo>
                    <a:pt x="4657344" y="310896"/>
                  </a:lnTo>
                  <a:lnTo>
                    <a:pt x="4704334" y="310896"/>
                  </a:lnTo>
                  <a:lnTo>
                    <a:pt x="4706874" y="307848"/>
                  </a:lnTo>
                  <a:lnTo>
                    <a:pt x="4674108" y="307848"/>
                  </a:lnTo>
                  <a:lnTo>
                    <a:pt x="4675632" y="306324"/>
                  </a:lnTo>
                  <a:close/>
                </a:path>
                <a:path w="4721860" h="330834">
                  <a:moveTo>
                    <a:pt x="44196" y="306324"/>
                  </a:moveTo>
                  <a:lnTo>
                    <a:pt x="45719" y="307848"/>
                  </a:lnTo>
                  <a:lnTo>
                    <a:pt x="49530" y="307848"/>
                  </a:lnTo>
                  <a:lnTo>
                    <a:pt x="44196" y="306324"/>
                  </a:lnTo>
                  <a:close/>
                </a:path>
                <a:path w="4721860" h="330834">
                  <a:moveTo>
                    <a:pt x="4688501" y="297857"/>
                  </a:moveTo>
                  <a:lnTo>
                    <a:pt x="4681728" y="303276"/>
                  </a:lnTo>
                  <a:lnTo>
                    <a:pt x="4683252" y="303276"/>
                  </a:lnTo>
                  <a:lnTo>
                    <a:pt x="4674108" y="307848"/>
                  </a:lnTo>
                  <a:lnTo>
                    <a:pt x="4706874" y="307848"/>
                  </a:lnTo>
                  <a:lnTo>
                    <a:pt x="4710684" y="303276"/>
                  </a:lnTo>
                  <a:lnTo>
                    <a:pt x="4713296" y="298704"/>
                  </a:lnTo>
                  <a:lnTo>
                    <a:pt x="4687824" y="298704"/>
                  </a:lnTo>
                  <a:lnTo>
                    <a:pt x="4688501" y="297857"/>
                  </a:lnTo>
                  <a:close/>
                </a:path>
                <a:path w="4721860" h="330834">
                  <a:moveTo>
                    <a:pt x="32003" y="297180"/>
                  </a:moveTo>
                  <a:lnTo>
                    <a:pt x="33527" y="298704"/>
                  </a:lnTo>
                  <a:lnTo>
                    <a:pt x="33908" y="298704"/>
                  </a:lnTo>
                  <a:lnTo>
                    <a:pt x="32003" y="297180"/>
                  </a:lnTo>
                  <a:close/>
                </a:path>
                <a:path w="4721860" h="330834">
                  <a:moveTo>
                    <a:pt x="4689348" y="297180"/>
                  </a:moveTo>
                  <a:lnTo>
                    <a:pt x="4688501" y="297857"/>
                  </a:lnTo>
                  <a:lnTo>
                    <a:pt x="4687824" y="298704"/>
                  </a:lnTo>
                  <a:lnTo>
                    <a:pt x="4689348" y="297180"/>
                  </a:lnTo>
                  <a:close/>
                </a:path>
                <a:path w="4721860" h="330834">
                  <a:moveTo>
                    <a:pt x="4714167" y="297180"/>
                  </a:moveTo>
                  <a:lnTo>
                    <a:pt x="4689348" y="297180"/>
                  </a:lnTo>
                  <a:lnTo>
                    <a:pt x="4687824" y="298704"/>
                  </a:lnTo>
                  <a:lnTo>
                    <a:pt x="4713296" y="298704"/>
                  </a:lnTo>
                  <a:lnTo>
                    <a:pt x="4714167" y="297180"/>
                  </a:lnTo>
                  <a:close/>
                </a:path>
                <a:path w="4721860" h="330834">
                  <a:moveTo>
                    <a:pt x="4717215" y="291084"/>
                  </a:moveTo>
                  <a:lnTo>
                    <a:pt x="4693920" y="291084"/>
                  </a:lnTo>
                  <a:lnTo>
                    <a:pt x="4688501" y="297857"/>
                  </a:lnTo>
                  <a:lnTo>
                    <a:pt x="4689348" y="297180"/>
                  </a:lnTo>
                  <a:lnTo>
                    <a:pt x="4714167" y="297180"/>
                  </a:lnTo>
                  <a:lnTo>
                    <a:pt x="4716780" y="292608"/>
                  </a:lnTo>
                  <a:lnTo>
                    <a:pt x="4717215" y="291084"/>
                  </a:lnTo>
                  <a:close/>
                </a:path>
                <a:path w="4721860" h="330834">
                  <a:moveTo>
                    <a:pt x="26517" y="291084"/>
                  </a:moveTo>
                  <a:lnTo>
                    <a:pt x="25907" y="291084"/>
                  </a:lnTo>
                  <a:lnTo>
                    <a:pt x="27432" y="292608"/>
                  </a:lnTo>
                  <a:lnTo>
                    <a:pt x="26517" y="291084"/>
                  </a:lnTo>
                  <a:close/>
                </a:path>
                <a:path w="4721860" h="330834">
                  <a:moveTo>
                    <a:pt x="4696968" y="284988"/>
                  </a:moveTo>
                  <a:lnTo>
                    <a:pt x="4692396" y="292608"/>
                  </a:lnTo>
                  <a:lnTo>
                    <a:pt x="4693920" y="291084"/>
                  </a:lnTo>
                  <a:lnTo>
                    <a:pt x="4717215" y="291084"/>
                  </a:lnTo>
                  <a:lnTo>
                    <a:pt x="4718521" y="286512"/>
                  </a:lnTo>
                  <a:lnTo>
                    <a:pt x="4696968" y="286512"/>
                  </a:lnTo>
                  <a:lnTo>
                    <a:pt x="4696968" y="284988"/>
                  </a:lnTo>
                  <a:close/>
                </a:path>
                <a:path w="4721860" h="330834">
                  <a:moveTo>
                    <a:pt x="23948" y="284988"/>
                  </a:moveTo>
                  <a:lnTo>
                    <a:pt x="22859" y="284988"/>
                  </a:lnTo>
                  <a:lnTo>
                    <a:pt x="24383" y="286512"/>
                  </a:lnTo>
                  <a:lnTo>
                    <a:pt x="23948" y="284988"/>
                  </a:lnTo>
                  <a:close/>
                </a:path>
                <a:path w="4721860" h="330834">
                  <a:moveTo>
                    <a:pt x="4700016" y="275844"/>
                  </a:moveTo>
                  <a:lnTo>
                    <a:pt x="4696968" y="286512"/>
                  </a:lnTo>
                  <a:lnTo>
                    <a:pt x="4718521" y="286512"/>
                  </a:lnTo>
                  <a:lnTo>
                    <a:pt x="4719828" y="281940"/>
                  </a:lnTo>
                  <a:lnTo>
                    <a:pt x="4720209" y="278892"/>
                  </a:lnTo>
                  <a:lnTo>
                    <a:pt x="4700016" y="278892"/>
                  </a:lnTo>
                  <a:lnTo>
                    <a:pt x="4700016" y="275844"/>
                  </a:lnTo>
                  <a:close/>
                </a:path>
                <a:path w="4721860" h="330834">
                  <a:moveTo>
                    <a:pt x="21335" y="275844"/>
                  </a:moveTo>
                  <a:lnTo>
                    <a:pt x="21335" y="278892"/>
                  </a:lnTo>
                  <a:lnTo>
                    <a:pt x="22206" y="278892"/>
                  </a:lnTo>
                  <a:lnTo>
                    <a:pt x="21335" y="275844"/>
                  </a:lnTo>
                  <a:close/>
                </a:path>
                <a:path w="4721860" h="330834">
                  <a:moveTo>
                    <a:pt x="4720209" y="51816"/>
                  </a:moveTo>
                  <a:lnTo>
                    <a:pt x="4700016" y="51816"/>
                  </a:lnTo>
                  <a:lnTo>
                    <a:pt x="4700016" y="278892"/>
                  </a:lnTo>
                  <a:lnTo>
                    <a:pt x="4720209" y="278892"/>
                  </a:lnTo>
                  <a:lnTo>
                    <a:pt x="4721352" y="269748"/>
                  </a:lnTo>
                  <a:lnTo>
                    <a:pt x="4721352" y="60960"/>
                  </a:lnTo>
                  <a:lnTo>
                    <a:pt x="4720209" y="51816"/>
                  </a:lnTo>
                  <a:close/>
                </a:path>
                <a:path w="4721860" h="330834">
                  <a:moveTo>
                    <a:pt x="19811" y="268224"/>
                  </a:moveTo>
                  <a:lnTo>
                    <a:pt x="19811" y="269748"/>
                  </a:lnTo>
                  <a:lnTo>
                    <a:pt x="20029" y="269748"/>
                  </a:lnTo>
                  <a:lnTo>
                    <a:pt x="19811" y="268224"/>
                  </a:lnTo>
                  <a:close/>
                </a:path>
                <a:path w="4721860" h="330834">
                  <a:moveTo>
                    <a:pt x="22206" y="51816"/>
                  </a:moveTo>
                  <a:lnTo>
                    <a:pt x="21335" y="51816"/>
                  </a:lnTo>
                  <a:lnTo>
                    <a:pt x="21335" y="54864"/>
                  </a:lnTo>
                  <a:lnTo>
                    <a:pt x="22206" y="51816"/>
                  </a:lnTo>
                  <a:close/>
                </a:path>
                <a:path w="4721860" h="330834">
                  <a:moveTo>
                    <a:pt x="4718521" y="44196"/>
                  </a:moveTo>
                  <a:lnTo>
                    <a:pt x="4696968" y="44196"/>
                  </a:lnTo>
                  <a:lnTo>
                    <a:pt x="4700016" y="54864"/>
                  </a:lnTo>
                  <a:lnTo>
                    <a:pt x="4700016" y="51816"/>
                  </a:lnTo>
                  <a:lnTo>
                    <a:pt x="4720209" y="51816"/>
                  </a:lnTo>
                  <a:lnTo>
                    <a:pt x="4719828" y="48768"/>
                  </a:lnTo>
                  <a:lnTo>
                    <a:pt x="4718521" y="44196"/>
                  </a:lnTo>
                  <a:close/>
                </a:path>
                <a:path w="4721860" h="330834">
                  <a:moveTo>
                    <a:pt x="24383" y="44196"/>
                  </a:moveTo>
                  <a:lnTo>
                    <a:pt x="22859" y="47244"/>
                  </a:lnTo>
                  <a:lnTo>
                    <a:pt x="23513" y="47244"/>
                  </a:lnTo>
                  <a:lnTo>
                    <a:pt x="24383" y="44196"/>
                  </a:lnTo>
                  <a:close/>
                </a:path>
                <a:path w="4721860" h="330834">
                  <a:moveTo>
                    <a:pt x="4692396" y="38100"/>
                  </a:moveTo>
                  <a:lnTo>
                    <a:pt x="4696968" y="47244"/>
                  </a:lnTo>
                  <a:lnTo>
                    <a:pt x="4696968" y="44196"/>
                  </a:lnTo>
                  <a:lnTo>
                    <a:pt x="4718521" y="44196"/>
                  </a:lnTo>
                  <a:lnTo>
                    <a:pt x="4717215" y="39624"/>
                  </a:lnTo>
                  <a:lnTo>
                    <a:pt x="4693920" y="39624"/>
                  </a:lnTo>
                  <a:lnTo>
                    <a:pt x="4692396" y="38100"/>
                  </a:lnTo>
                  <a:close/>
                </a:path>
                <a:path w="4721860" h="330834">
                  <a:moveTo>
                    <a:pt x="27432" y="38100"/>
                  </a:moveTo>
                  <a:lnTo>
                    <a:pt x="25907" y="39624"/>
                  </a:lnTo>
                  <a:lnTo>
                    <a:pt x="26669" y="39624"/>
                  </a:lnTo>
                  <a:lnTo>
                    <a:pt x="27432" y="38100"/>
                  </a:lnTo>
                  <a:close/>
                </a:path>
                <a:path w="4721860" h="330834">
                  <a:moveTo>
                    <a:pt x="4688501" y="32850"/>
                  </a:moveTo>
                  <a:lnTo>
                    <a:pt x="4693920" y="39624"/>
                  </a:lnTo>
                  <a:lnTo>
                    <a:pt x="4717215" y="39624"/>
                  </a:lnTo>
                  <a:lnTo>
                    <a:pt x="4716780" y="38100"/>
                  </a:lnTo>
                  <a:lnTo>
                    <a:pt x="4714167" y="33527"/>
                  </a:lnTo>
                  <a:lnTo>
                    <a:pt x="4689348" y="33527"/>
                  </a:lnTo>
                  <a:lnTo>
                    <a:pt x="4688501" y="32850"/>
                  </a:lnTo>
                  <a:close/>
                </a:path>
                <a:path w="4721860" h="330834">
                  <a:moveTo>
                    <a:pt x="33908" y="32004"/>
                  </a:moveTo>
                  <a:lnTo>
                    <a:pt x="33527" y="32004"/>
                  </a:lnTo>
                  <a:lnTo>
                    <a:pt x="32004" y="33527"/>
                  </a:lnTo>
                  <a:lnTo>
                    <a:pt x="33908" y="32004"/>
                  </a:lnTo>
                  <a:close/>
                </a:path>
                <a:path w="4721860" h="330834">
                  <a:moveTo>
                    <a:pt x="4687824" y="32004"/>
                  </a:moveTo>
                  <a:lnTo>
                    <a:pt x="4688501" y="32850"/>
                  </a:lnTo>
                  <a:lnTo>
                    <a:pt x="4689348" y="33527"/>
                  </a:lnTo>
                  <a:lnTo>
                    <a:pt x="4687824" y="32004"/>
                  </a:lnTo>
                  <a:close/>
                </a:path>
                <a:path w="4721860" h="330834">
                  <a:moveTo>
                    <a:pt x="4713296" y="32004"/>
                  </a:moveTo>
                  <a:lnTo>
                    <a:pt x="4687824" y="32004"/>
                  </a:lnTo>
                  <a:lnTo>
                    <a:pt x="4689348" y="33527"/>
                  </a:lnTo>
                  <a:lnTo>
                    <a:pt x="4714167" y="33527"/>
                  </a:lnTo>
                  <a:lnTo>
                    <a:pt x="4713296" y="32004"/>
                  </a:lnTo>
                  <a:close/>
                </a:path>
                <a:path w="4721860" h="330834">
                  <a:moveTo>
                    <a:pt x="4706874" y="22860"/>
                  </a:moveTo>
                  <a:lnTo>
                    <a:pt x="4674108" y="22860"/>
                  </a:lnTo>
                  <a:lnTo>
                    <a:pt x="4683252" y="27432"/>
                  </a:lnTo>
                  <a:lnTo>
                    <a:pt x="4681728" y="27432"/>
                  </a:lnTo>
                  <a:lnTo>
                    <a:pt x="4688501" y="32850"/>
                  </a:lnTo>
                  <a:lnTo>
                    <a:pt x="4687824" y="32004"/>
                  </a:lnTo>
                  <a:lnTo>
                    <a:pt x="4713296" y="32004"/>
                  </a:lnTo>
                  <a:lnTo>
                    <a:pt x="4710684" y="27432"/>
                  </a:lnTo>
                  <a:lnTo>
                    <a:pt x="4706874" y="22860"/>
                  </a:lnTo>
                  <a:close/>
                </a:path>
                <a:path w="4721860" h="330834">
                  <a:moveTo>
                    <a:pt x="49530" y="22860"/>
                  </a:moveTo>
                  <a:lnTo>
                    <a:pt x="45719" y="22860"/>
                  </a:lnTo>
                  <a:lnTo>
                    <a:pt x="44196" y="24384"/>
                  </a:lnTo>
                  <a:lnTo>
                    <a:pt x="49530" y="22860"/>
                  </a:lnTo>
                  <a:close/>
                </a:path>
                <a:path w="4721860" h="330834">
                  <a:moveTo>
                    <a:pt x="4704334" y="19812"/>
                  </a:moveTo>
                  <a:lnTo>
                    <a:pt x="4657344" y="19812"/>
                  </a:lnTo>
                  <a:lnTo>
                    <a:pt x="4668012" y="21336"/>
                  </a:lnTo>
                  <a:lnTo>
                    <a:pt x="4666488" y="21336"/>
                  </a:lnTo>
                  <a:lnTo>
                    <a:pt x="4675632" y="24384"/>
                  </a:lnTo>
                  <a:lnTo>
                    <a:pt x="4674108" y="22860"/>
                  </a:lnTo>
                  <a:lnTo>
                    <a:pt x="4706874" y="22860"/>
                  </a:lnTo>
                  <a:lnTo>
                    <a:pt x="4704334" y="19812"/>
                  </a:lnTo>
                  <a:close/>
                </a:path>
              </a:pathLst>
            </a:custGeom>
            <a:solidFill>
              <a:srgbClr val="ED7C31"/>
            </a:solidFill>
          </p:spPr>
          <p:txBody>
            <a:bodyPr wrap="square" lIns="0" tIns="0" rIns="0" bIns="0" rtlCol="0"/>
            <a:lstStyle/>
            <a:p>
              <a:endParaRPr sz="1539"/>
            </a:p>
          </p:txBody>
        </p:sp>
        <p:pic>
          <p:nvPicPr>
            <p:cNvPr id="16" name="object 16"/>
            <p:cNvPicPr/>
            <p:nvPr/>
          </p:nvPicPr>
          <p:blipFill>
            <a:blip r:embed="rId4" cstate="print"/>
            <a:stretch>
              <a:fillRect/>
            </a:stretch>
          </p:blipFill>
          <p:spPr>
            <a:xfrm>
              <a:off x="5556503" y="5722624"/>
              <a:ext cx="4700015" cy="583692"/>
            </a:xfrm>
            <a:prstGeom prst="rect">
              <a:avLst/>
            </a:prstGeom>
          </p:spPr>
        </p:pic>
        <p:sp>
          <p:nvSpPr>
            <p:cNvPr id="17" name="object 17"/>
            <p:cNvSpPr/>
            <p:nvPr/>
          </p:nvSpPr>
          <p:spPr>
            <a:xfrm>
              <a:off x="5553456" y="5719572"/>
              <a:ext cx="4707890" cy="589915"/>
            </a:xfrm>
            <a:custGeom>
              <a:avLst/>
              <a:gdLst/>
              <a:ahLst/>
              <a:cxnLst/>
              <a:rect l="l" t="t" r="r" b="b"/>
              <a:pathLst>
                <a:path w="4707890" h="589914">
                  <a:moveTo>
                    <a:pt x="4707636" y="0"/>
                  </a:moveTo>
                  <a:lnTo>
                    <a:pt x="0" y="0"/>
                  </a:lnTo>
                  <a:lnTo>
                    <a:pt x="0" y="589793"/>
                  </a:lnTo>
                  <a:lnTo>
                    <a:pt x="4707636" y="589793"/>
                  </a:lnTo>
                  <a:lnTo>
                    <a:pt x="4707636" y="586745"/>
                  </a:lnTo>
                  <a:lnTo>
                    <a:pt x="6096" y="586745"/>
                  </a:lnTo>
                  <a:lnTo>
                    <a:pt x="3048" y="582173"/>
                  </a:lnTo>
                  <a:lnTo>
                    <a:pt x="6096" y="582173"/>
                  </a:lnTo>
                  <a:lnTo>
                    <a:pt x="6096" y="7619"/>
                  </a:lnTo>
                  <a:lnTo>
                    <a:pt x="3048" y="7619"/>
                  </a:lnTo>
                  <a:lnTo>
                    <a:pt x="6096" y="3048"/>
                  </a:lnTo>
                  <a:lnTo>
                    <a:pt x="4707636" y="3048"/>
                  </a:lnTo>
                  <a:lnTo>
                    <a:pt x="4707636" y="0"/>
                  </a:lnTo>
                  <a:close/>
                </a:path>
                <a:path w="4707890" h="589914">
                  <a:moveTo>
                    <a:pt x="6096" y="582173"/>
                  </a:moveTo>
                  <a:lnTo>
                    <a:pt x="3048" y="582173"/>
                  </a:lnTo>
                  <a:lnTo>
                    <a:pt x="6096" y="586745"/>
                  </a:lnTo>
                  <a:lnTo>
                    <a:pt x="6096" y="582173"/>
                  </a:lnTo>
                  <a:close/>
                </a:path>
                <a:path w="4707890" h="589914">
                  <a:moveTo>
                    <a:pt x="4700016" y="582173"/>
                  </a:moveTo>
                  <a:lnTo>
                    <a:pt x="6096" y="582173"/>
                  </a:lnTo>
                  <a:lnTo>
                    <a:pt x="6096" y="586745"/>
                  </a:lnTo>
                  <a:lnTo>
                    <a:pt x="4700016" y="586745"/>
                  </a:lnTo>
                  <a:lnTo>
                    <a:pt x="4700016" y="582173"/>
                  </a:lnTo>
                  <a:close/>
                </a:path>
                <a:path w="4707890" h="589914">
                  <a:moveTo>
                    <a:pt x="4700016" y="3048"/>
                  </a:moveTo>
                  <a:lnTo>
                    <a:pt x="4700016" y="586745"/>
                  </a:lnTo>
                  <a:lnTo>
                    <a:pt x="4703064" y="582173"/>
                  </a:lnTo>
                  <a:lnTo>
                    <a:pt x="4707636" y="582173"/>
                  </a:lnTo>
                  <a:lnTo>
                    <a:pt x="4707636" y="7619"/>
                  </a:lnTo>
                  <a:lnTo>
                    <a:pt x="4703064" y="7619"/>
                  </a:lnTo>
                  <a:lnTo>
                    <a:pt x="4700016" y="3048"/>
                  </a:lnTo>
                  <a:close/>
                </a:path>
                <a:path w="4707890" h="589914">
                  <a:moveTo>
                    <a:pt x="4707636" y="582173"/>
                  </a:moveTo>
                  <a:lnTo>
                    <a:pt x="4703064" y="582173"/>
                  </a:lnTo>
                  <a:lnTo>
                    <a:pt x="4700016" y="586745"/>
                  </a:lnTo>
                  <a:lnTo>
                    <a:pt x="4707636" y="586745"/>
                  </a:lnTo>
                  <a:lnTo>
                    <a:pt x="4707636" y="582173"/>
                  </a:lnTo>
                  <a:close/>
                </a:path>
                <a:path w="4707890" h="589914">
                  <a:moveTo>
                    <a:pt x="6096" y="3048"/>
                  </a:moveTo>
                  <a:lnTo>
                    <a:pt x="3048" y="7619"/>
                  </a:lnTo>
                  <a:lnTo>
                    <a:pt x="6096" y="7619"/>
                  </a:lnTo>
                  <a:lnTo>
                    <a:pt x="6096" y="3048"/>
                  </a:lnTo>
                  <a:close/>
                </a:path>
                <a:path w="4707890" h="589914">
                  <a:moveTo>
                    <a:pt x="4700016" y="3048"/>
                  </a:moveTo>
                  <a:lnTo>
                    <a:pt x="6096" y="3048"/>
                  </a:lnTo>
                  <a:lnTo>
                    <a:pt x="6096" y="7619"/>
                  </a:lnTo>
                  <a:lnTo>
                    <a:pt x="4700016" y="7619"/>
                  </a:lnTo>
                  <a:lnTo>
                    <a:pt x="4700016" y="3048"/>
                  </a:lnTo>
                  <a:close/>
                </a:path>
                <a:path w="4707890" h="589914">
                  <a:moveTo>
                    <a:pt x="4707636" y="3048"/>
                  </a:moveTo>
                  <a:lnTo>
                    <a:pt x="4700016" y="3048"/>
                  </a:lnTo>
                  <a:lnTo>
                    <a:pt x="4703064" y="7619"/>
                  </a:lnTo>
                  <a:lnTo>
                    <a:pt x="4707636" y="7619"/>
                  </a:lnTo>
                  <a:lnTo>
                    <a:pt x="4707636" y="3048"/>
                  </a:lnTo>
                  <a:close/>
                </a:path>
              </a:pathLst>
            </a:custGeom>
            <a:solidFill>
              <a:srgbClr val="70AC46"/>
            </a:solidFill>
          </p:spPr>
          <p:txBody>
            <a:bodyPr wrap="square" lIns="0" tIns="0" rIns="0" bIns="0" rtlCol="0"/>
            <a:lstStyle/>
            <a:p>
              <a:endParaRPr sz="1539"/>
            </a:p>
          </p:txBody>
        </p:sp>
        <p:pic>
          <p:nvPicPr>
            <p:cNvPr id="18" name="object 18"/>
            <p:cNvPicPr/>
            <p:nvPr/>
          </p:nvPicPr>
          <p:blipFill>
            <a:blip r:embed="rId5" cstate="print"/>
            <a:stretch>
              <a:fillRect/>
            </a:stretch>
          </p:blipFill>
          <p:spPr>
            <a:xfrm>
              <a:off x="327660" y="4169663"/>
              <a:ext cx="4700016" cy="582168"/>
            </a:xfrm>
            <a:prstGeom prst="rect">
              <a:avLst/>
            </a:prstGeom>
          </p:spPr>
        </p:pic>
        <p:sp>
          <p:nvSpPr>
            <p:cNvPr id="19" name="object 19"/>
            <p:cNvSpPr/>
            <p:nvPr/>
          </p:nvSpPr>
          <p:spPr>
            <a:xfrm>
              <a:off x="323088" y="4165092"/>
              <a:ext cx="4707890" cy="589915"/>
            </a:xfrm>
            <a:custGeom>
              <a:avLst/>
              <a:gdLst/>
              <a:ahLst/>
              <a:cxnLst/>
              <a:rect l="l" t="t" r="r" b="b"/>
              <a:pathLst>
                <a:path w="4707890" h="589914">
                  <a:moveTo>
                    <a:pt x="4707636" y="0"/>
                  </a:moveTo>
                  <a:lnTo>
                    <a:pt x="0" y="0"/>
                  </a:lnTo>
                  <a:lnTo>
                    <a:pt x="0" y="589787"/>
                  </a:lnTo>
                  <a:lnTo>
                    <a:pt x="4707636" y="589787"/>
                  </a:lnTo>
                  <a:lnTo>
                    <a:pt x="4707636" y="586739"/>
                  </a:lnTo>
                  <a:lnTo>
                    <a:pt x="7619" y="586739"/>
                  </a:lnTo>
                  <a:lnTo>
                    <a:pt x="4571" y="583691"/>
                  </a:lnTo>
                  <a:lnTo>
                    <a:pt x="7619" y="583691"/>
                  </a:lnTo>
                  <a:lnTo>
                    <a:pt x="7619" y="7619"/>
                  </a:lnTo>
                  <a:lnTo>
                    <a:pt x="4571" y="7619"/>
                  </a:lnTo>
                  <a:lnTo>
                    <a:pt x="7619" y="4571"/>
                  </a:lnTo>
                  <a:lnTo>
                    <a:pt x="4707636" y="4571"/>
                  </a:lnTo>
                  <a:lnTo>
                    <a:pt x="4707636" y="0"/>
                  </a:lnTo>
                  <a:close/>
                </a:path>
                <a:path w="4707890" h="589914">
                  <a:moveTo>
                    <a:pt x="7619" y="583691"/>
                  </a:moveTo>
                  <a:lnTo>
                    <a:pt x="4571" y="583691"/>
                  </a:lnTo>
                  <a:lnTo>
                    <a:pt x="7619" y="586739"/>
                  </a:lnTo>
                  <a:lnTo>
                    <a:pt x="7619" y="583691"/>
                  </a:lnTo>
                  <a:close/>
                </a:path>
                <a:path w="4707890" h="589914">
                  <a:moveTo>
                    <a:pt x="4701540" y="583691"/>
                  </a:moveTo>
                  <a:lnTo>
                    <a:pt x="7619" y="583691"/>
                  </a:lnTo>
                  <a:lnTo>
                    <a:pt x="7619" y="586739"/>
                  </a:lnTo>
                  <a:lnTo>
                    <a:pt x="4701540" y="586739"/>
                  </a:lnTo>
                  <a:lnTo>
                    <a:pt x="4701540" y="583691"/>
                  </a:lnTo>
                  <a:close/>
                </a:path>
                <a:path w="4707890" h="589914">
                  <a:moveTo>
                    <a:pt x="4701540" y="4571"/>
                  </a:moveTo>
                  <a:lnTo>
                    <a:pt x="4701540" y="586739"/>
                  </a:lnTo>
                  <a:lnTo>
                    <a:pt x="4704588" y="583691"/>
                  </a:lnTo>
                  <a:lnTo>
                    <a:pt x="4707636" y="583691"/>
                  </a:lnTo>
                  <a:lnTo>
                    <a:pt x="4707636" y="7619"/>
                  </a:lnTo>
                  <a:lnTo>
                    <a:pt x="4704588" y="7619"/>
                  </a:lnTo>
                  <a:lnTo>
                    <a:pt x="4701540" y="4571"/>
                  </a:lnTo>
                  <a:close/>
                </a:path>
                <a:path w="4707890" h="589914">
                  <a:moveTo>
                    <a:pt x="4707636" y="583691"/>
                  </a:moveTo>
                  <a:lnTo>
                    <a:pt x="4704588" y="583691"/>
                  </a:lnTo>
                  <a:lnTo>
                    <a:pt x="4701540" y="586739"/>
                  </a:lnTo>
                  <a:lnTo>
                    <a:pt x="4707636" y="586739"/>
                  </a:lnTo>
                  <a:lnTo>
                    <a:pt x="4707636" y="583691"/>
                  </a:lnTo>
                  <a:close/>
                </a:path>
                <a:path w="4707890" h="589914">
                  <a:moveTo>
                    <a:pt x="7619" y="4571"/>
                  </a:moveTo>
                  <a:lnTo>
                    <a:pt x="4571" y="7619"/>
                  </a:lnTo>
                  <a:lnTo>
                    <a:pt x="7619" y="7619"/>
                  </a:lnTo>
                  <a:lnTo>
                    <a:pt x="7619" y="4571"/>
                  </a:lnTo>
                  <a:close/>
                </a:path>
                <a:path w="4707890" h="589914">
                  <a:moveTo>
                    <a:pt x="4701540" y="4571"/>
                  </a:moveTo>
                  <a:lnTo>
                    <a:pt x="7619" y="4571"/>
                  </a:lnTo>
                  <a:lnTo>
                    <a:pt x="7619" y="7619"/>
                  </a:lnTo>
                  <a:lnTo>
                    <a:pt x="4701540" y="7619"/>
                  </a:lnTo>
                  <a:lnTo>
                    <a:pt x="4701540" y="4571"/>
                  </a:lnTo>
                  <a:close/>
                </a:path>
                <a:path w="4707890" h="589914">
                  <a:moveTo>
                    <a:pt x="4707636" y="4571"/>
                  </a:moveTo>
                  <a:lnTo>
                    <a:pt x="4701540" y="4571"/>
                  </a:lnTo>
                  <a:lnTo>
                    <a:pt x="4704588" y="7619"/>
                  </a:lnTo>
                  <a:lnTo>
                    <a:pt x="4707636" y="7619"/>
                  </a:lnTo>
                  <a:lnTo>
                    <a:pt x="4707636" y="4571"/>
                  </a:lnTo>
                  <a:close/>
                </a:path>
              </a:pathLst>
            </a:custGeom>
            <a:solidFill>
              <a:srgbClr val="ED7C31"/>
            </a:solidFill>
          </p:spPr>
          <p:txBody>
            <a:bodyPr wrap="square" lIns="0" tIns="0" rIns="0" bIns="0" rtlCol="0"/>
            <a:lstStyle/>
            <a:p>
              <a:endParaRPr sz="1539"/>
            </a:p>
          </p:txBody>
        </p:sp>
        <p:pic>
          <p:nvPicPr>
            <p:cNvPr id="20" name="object 20"/>
            <p:cNvPicPr/>
            <p:nvPr/>
          </p:nvPicPr>
          <p:blipFill>
            <a:blip r:embed="rId6" cstate="print"/>
            <a:stretch>
              <a:fillRect/>
            </a:stretch>
          </p:blipFill>
          <p:spPr>
            <a:xfrm>
              <a:off x="327660" y="4945380"/>
              <a:ext cx="4700016" cy="583692"/>
            </a:xfrm>
            <a:prstGeom prst="rect">
              <a:avLst/>
            </a:prstGeom>
          </p:spPr>
        </p:pic>
        <p:sp>
          <p:nvSpPr>
            <p:cNvPr id="21" name="object 21"/>
            <p:cNvSpPr/>
            <p:nvPr/>
          </p:nvSpPr>
          <p:spPr>
            <a:xfrm>
              <a:off x="323088" y="4942331"/>
              <a:ext cx="4707890" cy="589915"/>
            </a:xfrm>
            <a:custGeom>
              <a:avLst/>
              <a:gdLst/>
              <a:ahLst/>
              <a:cxnLst/>
              <a:rect l="l" t="t" r="r" b="b"/>
              <a:pathLst>
                <a:path w="4707890" h="589914">
                  <a:moveTo>
                    <a:pt x="4707636" y="0"/>
                  </a:moveTo>
                  <a:lnTo>
                    <a:pt x="0" y="0"/>
                  </a:lnTo>
                  <a:lnTo>
                    <a:pt x="0" y="589788"/>
                  </a:lnTo>
                  <a:lnTo>
                    <a:pt x="4707636" y="589788"/>
                  </a:lnTo>
                  <a:lnTo>
                    <a:pt x="4707636" y="586739"/>
                  </a:lnTo>
                  <a:lnTo>
                    <a:pt x="7619" y="586739"/>
                  </a:lnTo>
                  <a:lnTo>
                    <a:pt x="4571" y="583691"/>
                  </a:lnTo>
                  <a:lnTo>
                    <a:pt x="7619" y="583691"/>
                  </a:lnTo>
                  <a:lnTo>
                    <a:pt x="7619" y="7619"/>
                  </a:lnTo>
                  <a:lnTo>
                    <a:pt x="4571" y="7619"/>
                  </a:lnTo>
                  <a:lnTo>
                    <a:pt x="7619" y="3047"/>
                  </a:lnTo>
                  <a:lnTo>
                    <a:pt x="4707636" y="3047"/>
                  </a:lnTo>
                  <a:lnTo>
                    <a:pt x="4707636" y="0"/>
                  </a:lnTo>
                  <a:close/>
                </a:path>
                <a:path w="4707890" h="589914">
                  <a:moveTo>
                    <a:pt x="7619" y="583691"/>
                  </a:moveTo>
                  <a:lnTo>
                    <a:pt x="4571" y="583691"/>
                  </a:lnTo>
                  <a:lnTo>
                    <a:pt x="7619" y="586739"/>
                  </a:lnTo>
                  <a:lnTo>
                    <a:pt x="7619" y="583691"/>
                  </a:lnTo>
                  <a:close/>
                </a:path>
                <a:path w="4707890" h="589914">
                  <a:moveTo>
                    <a:pt x="4701540" y="583691"/>
                  </a:moveTo>
                  <a:lnTo>
                    <a:pt x="7619" y="583691"/>
                  </a:lnTo>
                  <a:lnTo>
                    <a:pt x="7619" y="586739"/>
                  </a:lnTo>
                  <a:lnTo>
                    <a:pt x="4701540" y="586739"/>
                  </a:lnTo>
                  <a:lnTo>
                    <a:pt x="4701540" y="583691"/>
                  </a:lnTo>
                  <a:close/>
                </a:path>
                <a:path w="4707890" h="589914">
                  <a:moveTo>
                    <a:pt x="4701540" y="3047"/>
                  </a:moveTo>
                  <a:lnTo>
                    <a:pt x="4701540" y="586739"/>
                  </a:lnTo>
                  <a:lnTo>
                    <a:pt x="4704588" y="583691"/>
                  </a:lnTo>
                  <a:lnTo>
                    <a:pt x="4707636" y="583691"/>
                  </a:lnTo>
                  <a:lnTo>
                    <a:pt x="4707636" y="7619"/>
                  </a:lnTo>
                  <a:lnTo>
                    <a:pt x="4704588" y="7619"/>
                  </a:lnTo>
                  <a:lnTo>
                    <a:pt x="4701540" y="3047"/>
                  </a:lnTo>
                  <a:close/>
                </a:path>
                <a:path w="4707890" h="589914">
                  <a:moveTo>
                    <a:pt x="4707636" y="583691"/>
                  </a:moveTo>
                  <a:lnTo>
                    <a:pt x="4704588" y="583691"/>
                  </a:lnTo>
                  <a:lnTo>
                    <a:pt x="4701540" y="586739"/>
                  </a:lnTo>
                  <a:lnTo>
                    <a:pt x="4707636" y="586739"/>
                  </a:lnTo>
                  <a:lnTo>
                    <a:pt x="4707636" y="583691"/>
                  </a:lnTo>
                  <a:close/>
                </a:path>
                <a:path w="4707890" h="589914">
                  <a:moveTo>
                    <a:pt x="7619" y="3047"/>
                  </a:moveTo>
                  <a:lnTo>
                    <a:pt x="4571" y="7619"/>
                  </a:lnTo>
                  <a:lnTo>
                    <a:pt x="7619" y="7619"/>
                  </a:lnTo>
                  <a:lnTo>
                    <a:pt x="7619" y="3047"/>
                  </a:lnTo>
                  <a:close/>
                </a:path>
                <a:path w="4707890" h="589914">
                  <a:moveTo>
                    <a:pt x="4701540" y="3047"/>
                  </a:moveTo>
                  <a:lnTo>
                    <a:pt x="7619" y="3047"/>
                  </a:lnTo>
                  <a:lnTo>
                    <a:pt x="7619" y="7619"/>
                  </a:lnTo>
                  <a:lnTo>
                    <a:pt x="4701540" y="7619"/>
                  </a:lnTo>
                  <a:lnTo>
                    <a:pt x="4701540" y="3047"/>
                  </a:lnTo>
                  <a:close/>
                </a:path>
                <a:path w="4707890" h="589914">
                  <a:moveTo>
                    <a:pt x="4707636" y="3047"/>
                  </a:moveTo>
                  <a:lnTo>
                    <a:pt x="4701540" y="3047"/>
                  </a:lnTo>
                  <a:lnTo>
                    <a:pt x="4704588" y="7619"/>
                  </a:lnTo>
                  <a:lnTo>
                    <a:pt x="4707636" y="7619"/>
                  </a:lnTo>
                  <a:lnTo>
                    <a:pt x="4707636" y="3047"/>
                  </a:lnTo>
                  <a:close/>
                </a:path>
              </a:pathLst>
            </a:custGeom>
            <a:solidFill>
              <a:srgbClr val="ED7C31"/>
            </a:solidFill>
          </p:spPr>
          <p:txBody>
            <a:bodyPr wrap="square" lIns="0" tIns="0" rIns="0" bIns="0" rtlCol="0"/>
            <a:lstStyle/>
            <a:p>
              <a:endParaRPr sz="1539"/>
            </a:p>
          </p:txBody>
        </p:sp>
        <p:pic>
          <p:nvPicPr>
            <p:cNvPr id="22" name="object 22"/>
            <p:cNvPicPr/>
            <p:nvPr/>
          </p:nvPicPr>
          <p:blipFill>
            <a:blip r:embed="rId7" cstate="print"/>
            <a:stretch>
              <a:fillRect/>
            </a:stretch>
          </p:blipFill>
          <p:spPr>
            <a:xfrm>
              <a:off x="327660" y="5818631"/>
              <a:ext cx="4700016" cy="388620"/>
            </a:xfrm>
            <a:prstGeom prst="rect">
              <a:avLst/>
            </a:prstGeom>
          </p:spPr>
        </p:pic>
        <p:sp>
          <p:nvSpPr>
            <p:cNvPr id="23" name="object 23"/>
            <p:cNvSpPr/>
            <p:nvPr/>
          </p:nvSpPr>
          <p:spPr>
            <a:xfrm>
              <a:off x="323088" y="5814060"/>
              <a:ext cx="4707890" cy="396240"/>
            </a:xfrm>
            <a:custGeom>
              <a:avLst/>
              <a:gdLst/>
              <a:ahLst/>
              <a:cxnLst/>
              <a:rect l="l" t="t" r="r" b="b"/>
              <a:pathLst>
                <a:path w="4707890" h="396239">
                  <a:moveTo>
                    <a:pt x="4707636" y="0"/>
                  </a:moveTo>
                  <a:lnTo>
                    <a:pt x="0" y="0"/>
                  </a:lnTo>
                  <a:lnTo>
                    <a:pt x="0" y="396240"/>
                  </a:lnTo>
                  <a:lnTo>
                    <a:pt x="4707636" y="396240"/>
                  </a:lnTo>
                  <a:lnTo>
                    <a:pt x="4707636" y="393191"/>
                  </a:lnTo>
                  <a:lnTo>
                    <a:pt x="7619" y="393191"/>
                  </a:lnTo>
                  <a:lnTo>
                    <a:pt x="4571" y="388619"/>
                  </a:lnTo>
                  <a:lnTo>
                    <a:pt x="7619" y="388619"/>
                  </a:lnTo>
                  <a:lnTo>
                    <a:pt x="7619" y="7619"/>
                  </a:lnTo>
                  <a:lnTo>
                    <a:pt x="4571" y="7619"/>
                  </a:lnTo>
                  <a:lnTo>
                    <a:pt x="7619" y="4571"/>
                  </a:lnTo>
                  <a:lnTo>
                    <a:pt x="4707636" y="4571"/>
                  </a:lnTo>
                  <a:lnTo>
                    <a:pt x="4707636" y="0"/>
                  </a:lnTo>
                  <a:close/>
                </a:path>
                <a:path w="4707890" h="396239">
                  <a:moveTo>
                    <a:pt x="7619" y="388619"/>
                  </a:moveTo>
                  <a:lnTo>
                    <a:pt x="4571" y="388619"/>
                  </a:lnTo>
                  <a:lnTo>
                    <a:pt x="7619" y="393191"/>
                  </a:lnTo>
                  <a:lnTo>
                    <a:pt x="7619" y="388619"/>
                  </a:lnTo>
                  <a:close/>
                </a:path>
                <a:path w="4707890" h="396239">
                  <a:moveTo>
                    <a:pt x="4701540" y="388619"/>
                  </a:moveTo>
                  <a:lnTo>
                    <a:pt x="7619" y="388619"/>
                  </a:lnTo>
                  <a:lnTo>
                    <a:pt x="7619" y="393191"/>
                  </a:lnTo>
                  <a:lnTo>
                    <a:pt x="4701540" y="393191"/>
                  </a:lnTo>
                  <a:lnTo>
                    <a:pt x="4701540" y="388619"/>
                  </a:lnTo>
                  <a:close/>
                </a:path>
                <a:path w="4707890" h="396239">
                  <a:moveTo>
                    <a:pt x="4701540" y="4571"/>
                  </a:moveTo>
                  <a:lnTo>
                    <a:pt x="4701540" y="393191"/>
                  </a:lnTo>
                  <a:lnTo>
                    <a:pt x="4704588" y="388619"/>
                  </a:lnTo>
                  <a:lnTo>
                    <a:pt x="4707636" y="388619"/>
                  </a:lnTo>
                  <a:lnTo>
                    <a:pt x="4707636" y="7619"/>
                  </a:lnTo>
                  <a:lnTo>
                    <a:pt x="4704588" y="7619"/>
                  </a:lnTo>
                  <a:lnTo>
                    <a:pt x="4701540" y="4571"/>
                  </a:lnTo>
                  <a:close/>
                </a:path>
                <a:path w="4707890" h="396239">
                  <a:moveTo>
                    <a:pt x="4707636" y="388619"/>
                  </a:moveTo>
                  <a:lnTo>
                    <a:pt x="4704588" y="388619"/>
                  </a:lnTo>
                  <a:lnTo>
                    <a:pt x="4701540" y="393191"/>
                  </a:lnTo>
                  <a:lnTo>
                    <a:pt x="4707636" y="393191"/>
                  </a:lnTo>
                  <a:lnTo>
                    <a:pt x="4707636" y="388619"/>
                  </a:lnTo>
                  <a:close/>
                </a:path>
                <a:path w="4707890" h="396239">
                  <a:moveTo>
                    <a:pt x="7619" y="4571"/>
                  </a:moveTo>
                  <a:lnTo>
                    <a:pt x="4571" y="7619"/>
                  </a:lnTo>
                  <a:lnTo>
                    <a:pt x="7619" y="7619"/>
                  </a:lnTo>
                  <a:lnTo>
                    <a:pt x="7619" y="4571"/>
                  </a:lnTo>
                  <a:close/>
                </a:path>
                <a:path w="4707890" h="396239">
                  <a:moveTo>
                    <a:pt x="4701540" y="4571"/>
                  </a:moveTo>
                  <a:lnTo>
                    <a:pt x="7619" y="4571"/>
                  </a:lnTo>
                  <a:lnTo>
                    <a:pt x="7619" y="7619"/>
                  </a:lnTo>
                  <a:lnTo>
                    <a:pt x="4701540" y="7619"/>
                  </a:lnTo>
                  <a:lnTo>
                    <a:pt x="4701540" y="4571"/>
                  </a:lnTo>
                  <a:close/>
                </a:path>
                <a:path w="4707890" h="396239">
                  <a:moveTo>
                    <a:pt x="4707636" y="4571"/>
                  </a:moveTo>
                  <a:lnTo>
                    <a:pt x="4701540" y="4571"/>
                  </a:lnTo>
                  <a:lnTo>
                    <a:pt x="4704588" y="7619"/>
                  </a:lnTo>
                  <a:lnTo>
                    <a:pt x="4707636" y="7619"/>
                  </a:lnTo>
                  <a:lnTo>
                    <a:pt x="4707636" y="4571"/>
                  </a:lnTo>
                  <a:close/>
                </a:path>
              </a:pathLst>
            </a:custGeom>
            <a:solidFill>
              <a:srgbClr val="ED7C31"/>
            </a:solidFill>
          </p:spPr>
          <p:txBody>
            <a:bodyPr wrap="square" lIns="0" tIns="0" rIns="0" bIns="0" rtlCol="0"/>
            <a:lstStyle/>
            <a:p>
              <a:endParaRPr sz="1539"/>
            </a:p>
          </p:txBody>
        </p:sp>
        <p:pic>
          <p:nvPicPr>
            <p:cNvPr id="24" name="object 24"/>
            <p:cNvPicPr/>
            <p:nvPr/>
          </p:nvPicPr>
          <p:blipFill>
            <a:blip r:embed="rId8" cstate="print"/>
            <a:stretch>
              <a:fillRect/>
            </a:stretch>
          </p:blipFill>
          <p:spPr>
            <a:xfrm>
              <a:off x="5556503" y="3003804"/>
              <a:ext cx="4700015" cy="582167"/>
            </a:xfrm>
            <a:prstGeom prst="rect">
              <a:avLst/>
            </a:prstGeom>
          </p:spPr>
        </p:pic>
        <p:sp>
          <p:nvSpPr>
            <p:cNvPr id="25" name="object 25"/>
            <p:cNvSpPr/>
            <p:nvPr/>
          </p:nvSpPr>
          <p:spPr>
            <a:xfrm>
              <a:off x="5553456" y="2999232"/>
              <a:ext cx="4707890" cy="589915"/>
            </a:xfrm>
            <a:custGeom>
              <a:avLst/>
              <a:gdLst/>
              <a:ahLst/>
              <a:cxnLst/>
              <a:rect l="l" t="t" r="r" b="b"/>
              <a:pathLst>
                <a:path w="4707890" h="589914">
                  <a:moveTo>
                    <a:pt x="4707636" y="0"/>
                  </a:moveTo>
                  <a:lnTo>
                    <a:pt x="0" y="0"/>
                  </a:lnTo>
                  <a:lnTo>
                    <a:pt x="0" y="589788"/>
                  </a:lnTo>
                  <a:lnTo>
                    <a:pt x="4707636" y="589788"/>
                  </a:lnTo>
                  <a:lnTo>
                    <a:pt x="4707636" y="586739"/>
                  </a:lnTo>
                  <a:lnTo>
                    <a:pt x="6096" y="586739"/>
                  </a:lnTo>
                  <a:lnTo>
                    <a:pt x="3048" y="583691"/>
                  </a:lnTo>
                  <a:lnTo>
                    <a:pt x="6096" y="583691"/>
                  </a:lnTo>
                  <a:lnTo>
                    <a:pt x="6096" y="7619"/>
                  </a:lnTo>
                  <a:lnTo>
                    <a:pt x="3048" y="7619"/>
                  </a:lnTo>
                  <a:lnTo>
                    <a:pt x="6096" y="4572"/>
                  </a:lnTo>
                  <a:lnTo>
                    <a:pt x="4707636" y="4572"/>
                  </a:lnTo>
                  <a:lnTo>
                    <a:pt x="4707636" y="0"/>
                  </a:lnTo>
                  <a:close/>
                </a:path>
                <a:path w="4707890" h="589914">
                  <a:moveTo>
                    <a:pt x="6096" y="583691"/>
                  </a:moveTo>
                  <a:lnTo>
                    <a:pt x="3048" y="583691"/>
                  </a:lnTo>
                  <a:lnTo>
                    <a:pt x="6096" y="586739"/>
                  </a:lnTo>
                  <a:lnTo>
                    <a:pt x="6096" y="583691"/>
                  </a:lnTo>
                  <a:close/>
                </a:path>
                <a:path w="4707890" h="589914">
                  <a:moveTo>
                    <a:pt x="4700016" y="583691"/>
                  </a:moveTo>
                  <a:lnTo>
                    <a:pt x="6096" y="583691"/>
                  </a:lnTo>
                  <a:lnTo>
                    <a:pt x="6096" y="586739"/>
                  </a:lnTo>
                  <a:lnTo>
                    <a:pt x="4700016" y="586739"/>
                  </a:lnTo>
                  <a:lnTo>
                    <a:pt x="4700016" y="583691"/>
                  </a:lnTo>
                  <a:close/>
                </a:path>
                <a:path w="4707890" h="589914">
                  <a:moveTo>
                    <a:pt x="4700016" y="4572"/>
                  </a:moveTo>
                  <a:lnTo>
                    <a:pt x="4700016" y="586739"/>
                  </a:lnTo>
                  <a:lnTo>
                    <a:pt x="4703064" y="583691"/>
                  </a:lnTo>
                  <a:lnTo>
                    <a:pt x="4707636" y="583691"/>
                  </a:lnTo>
                  <a:lnTo>
                    <a:pt x="4707636" y="7619"/>
                  </a:lnTo>
                  <a:lnTo>
                    <a:pt x="4703064" y="7619"/>
                  </a:lnTo>
                  <a:lnTo>
                    <a:pt x="4700016" y="4572"/>
                  </a:lnTo>
                  <a:close/>
                </a:path>
                <a:path w="4707890" h="589914">
                  <a:moveTo>
                    <a:pt x="4707636" y="583691"/>
                  </a:moveTo>
                  <a:lnTo>
                    <a:pt x="4703064" y="583691"/>
                  </a:lnTo>
                  <a:lnTo>
                    <a:pt x="4700016" y="586739"/>
                  </a:lnTo>
                  <a:lnTo>
                    <a:pt x="4707636" y="586739"/>
                  </a:lnTo>
                  <a:lnTo>
                    <a:pt x="4707636" y="583691"/>
                  </a:lnTo>
                  <a:close/>
                </a:path>
                <a:path w="4707890" h="589914">
                  <a:moveTo>
                    <a:pt x="6096" y="4572"/>
                  </a:moveTo>
                  <a:lnTo>
                    <a:pt x="3048" y="7619"/>
                  </a:lnTo>
                  <a:lnTo>
                    <a:pt x="6096" y="7619"/>
                  </a:lnTo>
                  <a:lnTo>
                    <a:pt x="6096" y="4572"/>
                  </a:lnTo>
                  <a:close/>
                </a:path>
                <a:path w="4707890" h="589914">
                  <a:moveTo>
                    <a:pt x="4700016" y="4572"/>
                  </a:moveTo>
                  <a:lnTo>
                    <a:pt x="6096" y="4572"/>
                  </a:lnTo>
                  <a:lnTo>
                    <a:pt x="6096" y="7619"/>
                  </a:lnTo>
                  <a:lnTo>
                    <a:pt x="4700016" y="7619"/>
                  </a:lnTo>
                  <a:lnTo>
                    <a:pt x="4700016" y="4572"/>
                  </a:lnTo>
                  <a:close/>
                </a:path>
                <a:path w="4707890" h="589914">
                  <a:moveTo>
                    <a:pt x="4707636" y="4572"/>
                  </a:moveTo>
                  <a:lnTo>
                    <a:pt x="4700016" y="4572"/>
                  </a:lnTo>
                  <a:lnTo>
                    <a:pt x="4703064" y="7619"/>
                  </a:lnTo>
                  <a:lnTo>
                    <a:pt x="4707636" y="7619"/>
                  </a:lnTo>
                  <a:lnTo>
                    <a:pt x="4707636" y="4572"/>
                  </a:lnTo>
                  <a:close/>
                </a:path>
              </a:pathLst>
            </a:custGeom>
            <a:solidFill>
              <a:srgbClr val="70AC46"/>
            </a:solidFill>
          </p:spPr>
          <p:txBody>
            <a:bodyPr wrap="square" lIns="0" tIns="0" rIns="0" bIns="0" rtlCol="0"/>
            <a:lstStyle/>
            <a:p>
              <a:endParaRPr sz="1539"/>
            </a:p>
          </p:txBody>
        </p:sp>
      </p:grpSp>
      <p:sp>
        <p:nvSpPr>
          <p:cNvPr id="26" name="object 26"/>
          <p:cNvSpPr txBox="1"/>
          <p:nvPr/>
        </p:nvSpPr>
        <p:spPr>
          <a:xfrm>
            <a:off x="4807007" y="1887877"/>
            <a:ext cx="3786832" cy="1306712"/>
          </a:xfrm>
          <a:prstGeom prst="rect">
            <a:avLst/>
          </a:prstGeom>
        </p:spPr>
        <p:txBody>
          <a:bodyPr vert="horz" wrap="square" lIns="0" tIns="11946" rIns="0" bIns="0" rtlCol="0">
            <a:spAutoFit/>
          </a:bodyPr>
          <a:lstStyle/>
          <a:p>
            <a:pPr marL="162897" indent="-152037">
              <a:spcBef>
                <a:spcPts val="94"/>
              </a:spcBef>
              <a:buSzPct val="93333"/>
              <a:buAutoNum type="arabicParenR"/>
              <a:tabLst>
                <a:tab pos="162897" algn="l"/>
              </a:tabLst>
            </a:pPr>
            <a:r>
              <a:rPr sz="1283" spc="-4" dirty="0">
                <a:latin typeface="HGSｺﾞｼｯｸM"/>
                <a:cs typeface="HGSｺﾞｼｯｸM"/>
              </a:rPr>
              <a:t>データベースの必要性に関する啓発</a:t>
            </a:r>
            <a:endParaRPr sz="1283">
              <a:latin typeface="HGSｺﾞｼｯｸM"/>
              <a:cs typeface="HGSｺﾞｼｯｸM"/>
            </a:endParaRPr>
          </a:p>
          <a:p>
            <a:pPr>
              <a:spcBef>
                <a:spcPts val="517"/>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4" dirty="0">
                <a:latin typeface="HGSｺﾞｼｯｸM"/>
                <a:cs typeface="HGSｺﾞｼｯｸM"/>
              </a:rPr>
              <a:t>データベース化に係る支援の仕組みの検討</a:t>
            </a:r>
            <a:endParaRPr sz="1283">
              <a:latin typeface="HGSｺﾞｼｯｸM"/>
              <a:cs typeface="HGSｺﾞｼｯｸM"/>
            </a:endParaRPr>
          </a:p>
          <a:p>
            <a:pPr marL="162354" marR="4344" indent="-152037">
              <a:lnSpc>
                <a:spcPct val="120700"/>
              </a:lnSpc>
              <a:spcBef>
                <a:spcPts val="1530"/>
              </a:spcBef>
              <a:buSzPct val="93333"/>
              <a:buAutoNum type="arabicParenR"/>
              <a:tabLst>
                <a:tab pos="174842" algn="l"/>
              </a:tabLst>
            </a:pPr>
            <a:r>
              <a:rPr sz="1283" spc="-4" dirty="0">
                <a:latin typeface="HGSｺﾞｼｯｸM"/>
                <a:cs typeface="HGSｺﾞｼｯｸM"/>
              </a:rPr>
              <a:t>データベースの活用場面・活用方法・データ項目	</a:t>
            </a:r>
            <a:r>
              <a:rPr sz="1283" spc="-17" dirty="0">
                <a:latin typeface="HGSｺﾞｼｯｸM"/>
                <a:cs typeface="HGSｺﾞｼｯｸM"/>
              </a:rPr>
              <a:t>の検討</a:t>
            </a:r>
            <a:endParaRPr sz="1283">
              <a:latin typeface="HGSｺﾞｼｯｸM"/>
              <a:cs typeface="HGSｺﾞｼｯｸM"/>
            </a:endParaRPr>
          </a:p>
        </p:txBody>
      </p:sp>
      <p:grpSp>
        <p:nvGrpSpPr>
          <p:cNvPr id="27" name="object 27"/>
          <p:cNvGrpSpPr/>
          <p:nvPr/>
        </p:nvGrpSpPr>
        <p:grpSpPr>
          <a:xfrm>
            <a:off x="276275" y="2017327"/>
            <a:ext cx="4475347" cy="998564"/>
            <a:chOff x="323088" y="2130551"/>
            <a:chExt cx="5233670" cy="1167765"/>
          </a:xfrm>
        </p:grpSpPr>
        <p:sp>
          <p:nvSpPr>
            <p:cNvPr id="28" name="object 28"/>
            <p:cNvSpPr/>
            <p:nvPr/>
          </p:nvSpPr>
          <p:spPr>
            <a:xfrm>
              <a:off x="5027676" y="2655264"/>
              <a:ext cx="528955" cy="642620"/>
            </a:xfrm>
            <a:custGeom>
              <a:avLst/>
              <a:gdLst/>
              <a:ahLst/>
              <a:cxnLst/>
              <a:rect l="l" t="t" r="r" b="b"/>
              <a:pathLst>
                <a:path w="528954" h="642620">
                  <a:moveTo>
                    <a:pt x="528828" y="636574"/>
                  </a:moveTo>
                  <a:lnTo>
                    <a:pt x="268224" y="636574"/>
                  </a:lnTo>
                  <a:lnTo>
                    <a:pt x="266039" y="636574"/>
                  </a:lnTo>
                  <a:lnTo>
                    <a:pt x="266039" y="636270"/>
                  </a:lnTo>
                  <a:lnTo>
                    <a:pt x="268224" y="636270"/>
                  </a:lnTo>
                  <a:lnTo>
                    <a:pt x="268224" y="7620"/>
                  </a:lnTo>
                  <a:lnTo>
                    <a:pt x="262255" y="7620"/>
                  </a:lnTo>
                  <a:lnTo>
                    <a:pt x="262255" y="5067"/>
                  </a:lnTo>
                  <a:lnTo>
                    <a:pt x="263652" y="7162"/>
                  </a:lnTo>
                  <a:lnTo>
                    <a:pt x="268224" y="7162"/>
                  </a:lnTo>
                  <a:lnTo>
                    <a:pt x="268224" y="2590"/>
                  </a:lnTo>
                  <a:lnTo>
                    <a:pt x="262255" y="2590"/>
                  </a:lnTo>
                  <a:lnTo>
                    <a:pt x="268224" y="2540"/>
                  </a:lnTo>
                  <a:lnTo>
                    <a:pt x="268224" y="0"/>
                  </a:lnTo>
                  <a:lnTo>
                    <a:pt x="0" y="0"/>
                  </a:lnTo>
                  <a:lnTo>
                    <a:pt x="0" y="2540"/>
                  </a:lnTo>
                  <a:lnTo>
                    <a:pt x="0" y="7620"/>
                  </a:lnTo>
                  <a:lnTo>
                    <a:pt x="260604" y="7620"/>
                  </a:lnTo>
                  <a:lnTo>
                    <a:pt x="260604" y="636270"/>
                  </a:lnTo>
                  <a:lnTo>
                    <a:pt x="260604" y="640080"/>
                  </a:lnTo>
                  <a:lnTo>
                    <a:pt x="260604" y="642620"/>
                  </a:lnTo>
                  <a:lnTo>
                    <a:pt x="528828" y="642620"/>
                  </a:lnTo>
                  <a:lnTo>
                    <a:pt x="528828" y="640080"/>
                  </a:lnTo>
                  <a:lnTo>
                    <a:pt x="266039" y="640080"/>
                  </a:lnTo>
                  <a:lnTo>
                    <a:pt x="266039" y="638175"/>
                  </a:lnTo>
                  <a:lnTo>
                    <a:pt x="268224" y="639622"/>
                  </a:lnTo>
                  <a:lnTo>
                    <a:pt x="528828" y="639622"/>
                  </a:lnTo>
                  <a:lnTo>
                    <a:pt x="528828" y="636574"/>
                  </a:lnTo>
                  <a:close/>
                </a:path>
              </a:pathLst>
            </a:custGeom>
            <a:solidFill>
              <a:srgbClr val="000000"/>
            </a:solidFill>
          </p:spPr>
          <p:txBody>
            <a:bodyPr wrap="square" lIns="0" tIns="0" rIns="0" bIns="0" rtlCol="0"/>
            <a:lstStyle/>
            <a:p>
              <a:endParaRPr sz="1539"/>
            </a:p>
          </p:txBody>
        </p:sp>
        <p:pic>
          <p:nvPicPr>
            <p:cNvPr id="29" name="object 29"/>
            <p:cNvPicPr/>
            <p:nvPr/>
          </p:nvPicPr>
          <p:blipFill>
            <a:blip r:embed="rId9" cstate="print"/>
            <a:stretch>
              <a:fillRect/>
            </a:stretch>
          </p:blipFill>
          <p:spPr>
            <a:xfrm>
              <a:off x="327660" y="2133599"/>
              <a:ext cx="4700016" cy="1050036"/>
            </a:xfrm>
            <a:prstGeom prst="rect">
              <a:avLst/>
            </a:prstGeom>
          </p:spPr>
        </p:pic>
        <p:sp>
          <p:nvSpPr>
            <p:cNvPr id="30" name="object 30"/>
            <p:cNvSpPr/>
            <p:nvPr/>
          </p:nvSpPr>
          <p:spPr>
            <a:xfrm>
              <a:off x="323088" y="2130551"/>
              <a:ext cx="4707890" cy="1056640"/>
            </a:xfrm>
            <a:custGeom>
              <a:avLst/>
              <a:gdLst/>
              <a:ahLst/>
              <a:cxnLst/>
              <a:rect l="l" t="t" r="r" b="b"/>
              <a:pathLst>
                <a:path w="4707890" h="1056639">
                  <a:moveTo>
                    <a:pt x="4707636" y="0"/>
                  </a:moveTo>
                  <a:lnTo>
                    <a:pt x="0" y="0"/>
                  </a:lnTo>
                  <a:lnTo>
                    <a:pt x="0" y="1056132"/>
                  </a:lnTo>
                  <a:lnTo>
                    <a:pt x="4707636" y="1056132"/>
                  </a:lnTo>
                  <a:lnTo>
                    <a:pt x="4707636" y="1053084"/>
                  </a:lnTo>
                  <a:lnTo>
                    <a:pt x="7619" y="1053084"/>
                  </a:lnTo>
                  <a:lnTo>
                    <a:pt x="4571" y="1048512"/>
                  </a:lnTo>
                  <a:lnTo>
                    <a:pt x="7619" y="1048512"/>
                  </a:lnTo>
                  <a:lnTo>
                    <a:pt x="7619" y="7620"/>
                  </a:lnTo>
                  <a:lnTo>
                    <a:pt x="4571" y="7620"/>
                  </a:lnTo>
                  <a:lnTo>
                    <a:pt x="7619" y="3048"/>
                  </a:lnTo>
                  <a:lnTo>
                    <a:pt x="4707636" y="3048"/>
                  </a:lnTo>
                  <a:lnTo>
                    <a:pt x="4707636" y="0"/>
                  </a:lnTo>
                  <a:close/>
                </a:path>
                <a:path w="4707890" h="1056639">
                  <a:moveTo>
                    <a:pt x="7619" y="1048512"/>
                  </a:moveTo>
                  <a:lnTo>
                    <a:pt x="4571" y="1048512"/>
                  </a:lnTo>
                  <a:lnTo>
                    <a:pt x="7619" y="1053084"/>
                  </a:lnTo>
                  <a:lnTo>
                    <a:pt x="7619" y="1048512"/>
                  </a:lnTo>
                  <a:close/>
                </a:path>
                <a:path w="4707890" h="1056639">
                  <a:moveTo>
                    <a:pt x="4701540" y="1048512"/>
                  </a:moveTo>
                  <a:lnTo>
                    <a:pt x="7619" y="1048512"/>
                  </a:lnTo>
                  <a:lnTo>
                    <a:pt x="7619" y="1053084"/>
                  </a:lnTo>
                  <a:lnTo>
                    <a:pt x="4701540" y="1053084"/>
                  </a:lnTo>
                  <a:lnTo>
                    <a:pt x="4701540" y="1048512"/>
                  </a:lnTo>
                  <a:close/>
                </a:path>
                <a:path w="4707890" h="1056639">
                  <a:moveTo>
                    <a:pt x="4701540" y="3048"/>
                  </a:moveTo>
                  <a:lnTo>
                    <a:pt x="4701540" y="1053084"/>
                  </a:lnTo>
                  <a:lnTo>
                    <a:pt x="4704588" y="1048512"/>
                  </a:lnTo>
                  <a:lnTo>
                    <a:pt x="4707636" y="1048512"/>
                  </a:lnTo>
                  <a:lnTo>
                    <a:pt x="4707636" y="7620"/>
                  </a:lnTo>
                  <a:lnTo>
                    <a:pt x="4704588" y="7620"/>
                  </a:lnTo>
                  <a:lnTo>
                    <a:pt x="4701540" y="3048"/>
                  </a:lnTo>
                  <a:close/>
                </a:path>
                <a:path w="4707890" h="1056639">
                  <a:moveTo>
                    <a:pt x="4707636" y="1048512"/>
                  </a:moveTo>
                  <a:lnTo>
                    <a:pt x="4704588" y="1048512"/>
                  </a:lnTo>
                  <a:lnTo>
                    <a:pt x="4701540" y="1053084"/>
                  </a:lnTo>
                  <a:lnTo>
                    <a:pt x="4707636" y="1053084"/>
                  </a:lnTo>
                  <a:lnTo>
                    <a:pt x="4707636" y="1048512"/>
                  </a:lnTo>
                  <a:close/>
                </a:path>
                <a:path w="4707890" h="1056639">
                  <a:moveTo>
                    <a:pt x="7619" y="3048"/>
                  </a:moveTo>
                  <a:lnTo>
                    <a:pt x="4571" y="7620"/>
                  </a:lnTo>
                  <a:lnTo>
                    <a:pt x="7619" y="7620"/>
                  </a:lnTo>
                  <a:lnTo>
                    <a:pt x="7619" y="3048"/>
                  </a:lnTo>
                  <a:close/>
                </a:path>
                <a:path w="4707890" h="1056639">
                  <a:moveTo>
                    <a:pt x="4701540" y="3048"/>
                  </a:moveTo>
                  <a:lnTo>
                    <a:pt x="7619" y="3048"/>
                  </a:lnTo>
                  <a:lnTo>
                    <a:pt x="7619" y="7620"/>
                  </a:lnTo>
                  <a:lnTo>
                    <a:pt x="4701540" y="7620"/>
                  </a:lnTo>
                  <a:lnTo>
                    <a:pt x="4701540" y="3048"/>
                  </a:lnTo>
                  <a:close/>
                </a:path>
                <a:path w="4707890" h="1056639">
                  <a:moveTo>
                    <a:pt x="4707636" y="3048"/>
                  </a:moveTo>
                  <a:lnTo>
                    <a:pt x="4701540" y="3048"/>
                  </a:lnTo>
                  <a:lnTo>
                    <a:pt x="4704588" y="7620"/>
                  </a:lnTo>
                  <a:lnTo>
                    <a:pt x="4707636" y="7620"/>
                  </a:lnTo>
                  <a:lnTo>
                    <a:pt x="4707636" y="3048"/>
                  </a:lnTo>
                  <a:close/>
                </a:path>
              </a:pathLst>
            </a:custGeom>
            <a:solidFill>
              <a:srgbClr val="ED7C31"/>
            </a:solidFill>
          </p:spPr>
          <p:txBody>
            <a:bodyPr wrap="square" lIns="0" tIns="0" rIns="0" bIns="0" rtlCol="0"/>
            <a:lstStyle/>
            <a:p>
              <a:endParaRPr sz="1539"/>
            </a:p>
          </p:txBody>
        </p:sp>
      </p:grpSp>
      <p:sp>
        <p:nvSpPr>
          <p:cNvPr id="31" name="object 31"/>
          <p:cNvSpPr txBox="1"/>
          <p:nvPr/>
        </p:nvSpPr>
        <p:spPr>
          <a:xfrm>
            <a:off x="240654" y="1010836"/>
            <a:ext cx="3893802" cy="1792592"/>
          </a:xfrm>
          <a:prstGeom prst="rect">
            <a:avLst/>
          </a:prstGeom>
        </p:spPr>
        <p:txBody>
          <a:bodyPr vert="horz" wrap="square" lIns="0" tIns="13575" rIns="0" bIns="0" rtlCol="0">
            <a:spAutoFit/>
          </a:bodyPr>
          <a:lstStyle/>
          <a:p>
            <a:pPr marL="283983" algn="ctr">
              <a:spcBef>
                <a:spcPts val="107"/>
              </a:spcBef>
            </a:pPr>
            <a:r>
              <a:rPr sz="1454" spc="-4" dirty="0">
                <a:solidFill>
                  <a:srgbClr val="833B0B"/>
                </a:solidFill>
                <a:latin typeface="HGP創英角ｺﾞｼｯｸUB"/>
                <a:cs typeface="HGP創英角ｺﾞｼｯｸUB"/>
              </a:rPr>
              <a:t>取り組むべき項目の課題</a:t>
            </a:r>
            <a:endParaRPr sz="1454">
              <a:latin typeface="HGP創英角ｺﾞｼｯｸUB"/>
              <a:cs typeface="HGP創英角ｺﾞｼｯｸUB"/>
            </a:endParaRPr>
          </a:p>
          <a:p>
            <a:pPr>
              <a:spcBef>
                <a:spcPts val="1253"/>
              </a:spcBef>
            </a:pPr>
            <a:endParaRPr sz="1454">
              <a:latin typeface="HGP創英角ｺﾞｼｯｸUB"/>
              <a:cs typeface="HGP創英角ｺﾞｼｯｸUB"/>
            </a:endParaRPr>
          </a:p>
          <a:p>
            <a:pPr marL="10860"/>
            <a:r>
              <a:rPr sz="1667" b="1" spc="-9" dirty="0">
                <a:solidFill>
                  <a:srgbClr val="0070BF"/>
                </a:solidFill>
                <a:latin typeface="ＭＳ Ｐゴシック"/>
                <a:cs typeface="ＭＳ Ｐゴシック"/>
              </a:rPr>
              <a:t>（６）</a:t>
            </a:r>
            <a:r>
              <a:rPr sz="1667" b="1" spc="-30" dirty="0">
                <a:solidFill>
                  <a:srgbClr val="0070BF"/>
                </a:solidFill>
                <a:latin typeface="ＭＳ Ｐゴシック"/>
                <a:cs typeface="ＭＳ Ｐゴシック"/>
              </a:rPr>
              <a:t>データの活用</a:t>
            </a:r>
            <a:endParaRPr sz="1667">
              <a:latin typeface="ＭＳ Ｐゴシック"/>
              <a:cs typeface="ＭＳ Ｐゴシック"/>
            </a:endParaRPr>
          </a:p>
          <a:p>
            <a:pPr marL="105883">
              <a:spcBef>
                <a:spcPts val="1903"/>
              </a:spcBef>
            </a:pPr>
            <a:r>
              <a:rPr sz="1283" spc="-4" dirty="0">
                <a:latin typeface="HGSｺﾞｼｯｸM"/>
                <a:cs typeface="HGSｺﾞｼｯｸM"/>
              </a:rPr>
              <a:t>・施設の維持管理データの整備が進んでいない</a:t>
            </a:r>
            <a:endParaRPr sz="1283">
              <a:latin typeface="HGSｺﾞｼｯｸM"/>
              <a:cs typeface="HGSｺﾞｼｯｸM"/>
            </a:endParaRPr>
          </a:p>
          <a:p>
            <a:pPr marL="269865" marR="4344" indent="-164526">
              <a:lnSpc>
                <a:spcPts val="1864"/>
              </a:lnSpc>
              <a:spcBef>
                <a:spcPts val="86"/>
              </a:spcBef>
            </a:pPr>
            <a:r>
              <a:rPr sz="1283" spc="-4" dirty="0">
                <a:latin typeface="HGSｺﾞｼｯｸM"/>
                <a:cs typeface="HGSｺﾞｼｯｸM"/>
              </a:rPr>
              <a:t>・データベースの活用場面・活用方法の整理・データ項目の絞り込みができていない</a:t>
            </a:r>
            <a:endParaRPr sz="1283">
              <a:latin typeface="HGSｺﾞｼｯｸM"/>
              <a:cs typeface="HGSｺﾞｼｯｸM"/>
            </a:endParaRPr>
          </a:p>
        </p:txBody>
      </p:sp>
      <p:sp>
        <p:nvSpPr>
          <p:cNvPr id="32" name="object 32"/>
          <p:cNvSpPr/>
          <p:nvPr/>
        </p:nvSpPr>
        <p:spPr>
          <a:xfrm>
            <a:off x="4729251" y="979993"/>
            <a:ext cx="4136520" cy="284528"/>
          </a:xfrm>
          <a:custGeom>
            <a:avLst/>
            <a:gdLst/>
            <a:ahLst/>
            <a:cxnLst/>
            <a:rect l="l" t="t" r="r" b="b"/>
            <a:pathLst>
              <a:path w="4837430" h="332740">
                <a:moveTo>
                  <a:pt x="4776215" y="0"/>
                </a:moveTo>
                <a:lnTo>
                  <a:pt x="60959" y="0"/>
                </a:lnTo>
                <a:lnTo>
                  <a:pt x="48767" y="1523"/>
                </a:lnTo>
                <a:lnTo>
                  <a:pt x="10667" y="27431"/>
                </a:lnTo>
                <a:lnTo>
                  <a:pt x="0" y="50291"/>
                </a:lnTo>
                <a:lnTo>
                  <a:pt x="0" y="281939"/>
                </a:lnTo>
                <a:lnTo>
                  <a:pt x="27431" y="321563"/>
                </a:lnTo>
                <a:lnTo>
                  <a:pt x="60959" y="332231"/>
                </a:lnTo>
                <a:lnTo>
                  <a:pt x="4776215" y="332231"/>
                </a:lnTo>
                <a:lnTo>
                  <a:pt x="4788408" y="330707"/>
                </a:lnTo>
                <a:lnTo>
                  <a:pt x="4809744" y="321563"/>
                </a:lnTo>
                <a:lnTo>
                  <a:pt x="4818887" y="313943"/>
                </a:lnTo>
                <a:lnTo>
                  <a:pt x="4821428" y="310895"/>
                </a:lnTo>
                <a:lnTo>
                  <a:pt x="54863" y="310895"/>
                </a:lnTo>
                <a:lnTo>
                  <a:pt x="44195" y="307847"/>
                </a:lnTo>
                <a:lnTo>
                  <a:pt x="45719" y="307847"/>
                </a:lnTo>
                <a:lnTo>
                  <a:pt x="40639" y="304799"/>
                </a:lnTo>
                <a:lnTo>
                  <a:pt x="39624" y="304799"/>
                </a:lnTo>
                <a:lnTo>
                  <a:pt x="33908" y="300227"/>
                </a:lnTo>
                <a:lnTo>
                  <a:pt x="33527" y="300227"/>
                </a:lnTo>
                <a:lnTo>
                  <a:pt x="25907" y="292607"/>
                </a:lnTo>
                <a:lnTo>
                  <a:pt x="26669" y="292607"/>
                </a:lnTo>
                <a:lnTo>
                  <a:pt x="22859" y="284987"/>
                </a:lnTo>
                <a:lnTo>
                  <a:pt x="23875" y="284987"/>
                </a:lnTo>
                <a:lnTo>
                  <a:pt x="21844" y="278891"/>
                </a:lnTo>
                <a:lnTo>
                  <a:pt x="21336" y="278891"/>
                </a:lnTo>
                <a:lnTo>
                  <a:pt x="20029" y="269747"/>
                </a:lnTo>
                <a:lnTo>
                  <a:pt x="19812" y="269747"/>
                </a:lnTo>
                <a:lnTo>
                  <a:pt x="19812" y="62483"/>
                </a:lnTo>
                <a:lnTo>
                  <a:pt x="20029" y="62483"/>
                </a:lnTo>
                <a:lnTo>
                  <a:pt x="21336" y="53339"/>
                </a:lnTo>
                <a:lnTo>
                  <a:pt x="21844" y="53339"/>
                </a:lnTo>
                <a:lnTo>
                  <a:pt x="23875" y="47243"/>
                </a:lnTo>
                <a:lnTo>
                  <a:pt x="22859" y="47243"/>
                </a:lnTo>
                <a:lnTo>
                  <a:pt x="26670" y="39623"/>
                </a:lnTo>
                <a:lnTo>
                  <a:pt x="25907" y="39623"/>
                </a:lnTo>
                <a:lnTo>
                  <a:pt x="33527" y="32003"/>
                </a:lnTo>
                <a:lnTo>
                  <a:pt x="33908" y="32003"/>
                </a:lnTo>
                <a:lnTo>
                  <a:pt x="39624" y="27431"/>
                </a:lnTo>
                <a:lnTo>
                  <a:pt x="40639" y="27431"/>
                </a:lnTo>
                <a:lnTo>
                  <a:pt x="45719" y="24383"/>
                </a:lnTo>
                <a:lnTo>
                  <a:pt x="44195" y="24383"/>
                </a:lnTo>
                <a:lnTo>
                  <a:pt x="54863" y="21335"/>
                </a:lnTo>
                <a:lnTo>
                  <a:pt x="4821428" y="21335"/>
                </a:lnTo>
                <a:lnTo>
                  <a:pt x="4818887" y="18287"/>
                </a:lnTo>
                <a:lnTo>
                  <a:pt x="4809744" y="10667"/>
                </a:lnTo>
                <a:lnTo>
                  <a:pt x="4799076" y="4571"/>
                </a:lnTo>
                <a:lnTo>
                  <a:pt x="4788408" y="1523"/>
                </a:lnTo>
                <a:lnTo>
                  <a:pt x="4776215" y="0"/>
                </a:lnTo>
                <a:close/>
              </a:path>
              <a:path w="4837430" h="332740">
                <a:moveTo>
                  <a:pt x="51815" y="309371"/>
                </a:moveTo>
                <a:lnTo>
                  <a:pt x="54863" y="310895"/>
                </a:lnTo>
                <a:lnTo>
                  <a:pt x="62483" y="310895"/>
                </a:lnTo>
                <a:lnTo>
                  <a:pt x="51815" y="309371"/>
                </a:lnTo>
                <a:close/>
              </a:path>
              <a:path w="4837430" h="332740">
                <a:moveTo>
                  <a:pt x="4785359" y="309371"/>
                </a:moveTo>
                <a:lnTo>
                  <a:pt x="4774692" y="310895"/>
                </a:lnTo>
                <a:lnTo>
                  <a:pt x="4782311" y="310895"/>
                </a:lnTo>
                <a:lnTo>
                  <a:pt x="4785359" y="309371"/>
                </a:lnTo>
                <a:close/>
              </a:path>
              <a:path w="4837430" h="332740">
                <a:moveTo>
                  <a:pt x="4799076" y="303275"/>
                </a:moveTo>
                <a:lnTo>
                  <a:pt x="4791456" y="307847"/>
                </a:lnTo>
                <a:lnTo>
                  <a:pt x="4792980" y="307847"/>
                </a:lnTo>
                <a:lnTo>
                  <a:pt x="4782311" y="310895"/>
                </a:lnTo>
                <a:lnTo>
                  <a:pt x="4821428" y="310895"/>
                </a:lnTo>
                <a:lnTo>
                  <a:pt x="4826508" y="304799"/>
                </a:lnTo>
                <a:lnTo>
                  <a:pt x="4797552" y="304799"/>
                </a:lnTo>
                <a:lnTo>
                  <a:pt x="4799076" y="303275"/>
                </a:lnTo>
                <a:close/>
              </a:path>
              <a:path w="4837430" h="332740">
                <a:moveTo>
                  <a:pt x="38100" y="303275"/>
                </a:moveTo>
                <a:lnTo>
                  <a:pt x="39624" y="304799"/>
                </a:lnTo>
                <a:lnTo>
                  <a:pt x="40639" y="304799"/>
                </a:lnTo>
                <a:lnTo>
                  <a:pt x="38100" y="303275"/>
                </a:lnTo>
                <a:close/>
              </a:path>
              <a:path w="4837430" h="332740">
                <a:moveTo>
                  <a:pt x="4804325" y="299381"/>
                </a:moveTo>
                <a:lnTo>
                  <a:pt x="4797552" y="304799"/>
                </a:lnTo>
                <a:lnTo>
                  <a:pt x="4826508" y="304799"/>
                </a:lnTo>
                <a:lnTo>
                  <a:pt x="4829120" y="300227"/>
                </a:lnTo>
                <a:lnTo>
                  <a:pt x="4803648" y="300227"/>
                </a:lnTo>
                <a:lnTo>
                  <a:pt x="4804325" y="299381"/>
                </a:lnTo>
                <a:close/>
              </a:path>
              <a:path w="4837430" h="332740">
                <a:moveTo>
                  <a:pt x="32003" y="298703"/>
                </a:moveTo>
                <a:lnTo>
                  <a:pt x="33527" y="300227"/>
                </a:lnTo>
                <a:lnTo>
                  <a:pt x="33908" y="300227"/>
                </a:lnTo>
                <a:lnTo>
                  <a:pt x="32003" y="298703"/>
                </a:lnTo>
                <a:close/>
              </a:path>
              <a:path w="4837430" h="332740">
                <a:moveTo>
                  <a:pt x="4805172" y="298703"/>
                </a:moveTo>
                <a:lnTo>
                  <a:pt x="4804325" y="299381"/>
                </a:lnTo>
                <a:lnTo>
                  <a:pt x="4803648" y="300227"/>
                </a:lnTo>
                <a:lnTo>
                  <a:pt x="4805172" y="298703"/>
                </a:lnTo>
                <a:close/>
              </a:path>
              <a:path w="4837430" h="332740">
                <a:moveTo>
                  <a:pt x="4829991" y="298703"/>
                </a:moveTo>
                <a:lnTo>
                  <a:pt x="4805172" y="298703"/>
                </a:lnTo>
                <a:lnTo>
                  <a:pt x="4803648" y="300227"/>
                </a:lnTo>
                <a:lnTo>
                  <a:pt x="4829120" y="300227"/>
                </a:lnTo>
                <a:lnTo>
                  <a:pt x="4829991" y="298703"/>
                </a:lnTo>
                <a:close/>
              </a:path>
              <a:path w="4837430" h="332740">
                <a:moveTo>
                  <a:pt x="4809744" y="292607"/>
                </a:moveTo>
                <a:lnTo>
                  <a:pt x="4804325" y="299381"/>
                </a:lnTo>
                <a:lnTo>
                  <a:pt x="4805172" y="298703"/>
                </a:lnTo>
                <a:lnTo>
                  <a:pt x="4829991" y="298703"/>
                </a:lnTo>
                <a:lnTo>
                  <a:pt x="4832604" y="294131"/>
                </a:lnTo>
                <a:lnTo>
                  <a:pt x="4809744" y="294131"/>
                </a:lnTo>
                <a:lnTo>
                  <a:pt x="4809744" y="292607"/>
                </a:lnTo>
                <a:close/>
              </a:path>
              <a:path w="4837430" h="332740">
                <a:moveTo>
                  <a:pt x="26669" y="292607"/>
                </a:moveTo>
                <a:lnTo>
                  <a:pt x="25907" y="292607"/>
                </a:lnTo>
                <a:lnTo>
                  <a:pt x="27431" y="294131"/>
                </a:lnTo>
                <a:lnTo>
                  <a:pt x="26669" y="292607"/>
                </a:lnTo>
                <a:close/>
              </a:path>
              <a:path w="4837430" h="332740">
                <a:moveTo>
                  <a:pt x="4834890" y="284987"/>
                </a:moveTo>
                <a:lnTo>
                  <a:pt x="4814315" y="284987"/>
                </a:lnTo>
                <a:lnTo>
                  <a:pt x="4809744" y="294131"/>
                </a:lnTo>
                <a:lnTo>
                  <a:pt x="4832604" y="294131"/>
                </a:lnTo>
                <a:lnTo>
                  <a:pt x="4834890" y="284987"/>
                </a:lnTo>
                <a:close/>
              </a:path>
              <a:path w="4837430" h="332740">
                <a:moveTo>
                  <a:pt x="23875" y="284987"/>
                </a:moveTo>
                <a:lnTo>
                  <a:pt x="22859" y="284987"/>
                </a:lnTo>
                <a:lnTo>
                  <a:pt x="24383" y="286511"/>
                </a:lnTo>
                <a:lnTo>
                  <a:pt x="23875" y="284987"/>
                </a:lnTo>
                <a:close/>
              </a:path>
              <a:path w="4837430" h="332740">
                <a:moveTo>
                  <a:pt x="4815839" y="277367"/>
                </a:moveTo>
                <a:lnTo>
                  <a:pt x="4812792" y="286511"/>
                </a:lnTo>
                <a:lnTo>
                  <a:pt x="4814315" y="284987"/>
                </a:lnTo>
                <a:lnTo>
                  <a:pt x="4834890" y="284987"/>
                </a:lnTo>
                <a:lnTo>
                  <a:pt x="4835652" y="281939"/>
                </a:lnTo>
                <a:lnTo>
                  <a:pt x="4836033" y="278891"/>
                </a:lnTo>
                <a:lnTo>
                  <a:pt x="4815839" y="278891"/>
                </a:lnTo>
                <a:lnTo>
                  <a:pt x="4815839" y="277367"/>
                </a:lnTo>
                <a:close/>
              </a:path>
              <a:path w="4837430" h="332740">
                <a:moveTo>
                  <a:pt x="21336" y="277367"/>
                </a:moveTo>
                <a:lnTo>
                  <a:pt x="21336" y="278891"/>
                </a:lnTo>
                <a:lnTo>
                  <a:pt x="21844" y="278891"/>
                </a:lnTo>
                <a:lnTo>
                  <a:pt x="21336" y="277367"/>
                </a:lnTo>
                <a:close/>
              </a:path>
              <a:path w="4837430" h="332740">
                <a:moveTo>
                  <a:pt x="4817363" y="268223"/>
                </a:moveTo>
                <a:lnTo>
                  <a:pt x="4815839" y="278891"/>
                </a:lnTo>
                <a:lnTo>
                  <a:pt x="4836033" y="278891"/>
                </a:lnTo>
                <a:lnTo>
                  <a:pt x="4837176" y="269747"/>
                </a:lnTo>
                <a:lnTo>
                  <a:pt x="4817363" y="269747"/>
                </a:lnTo>
                <a:lnTo>
                  <a:pt x="4817363" y="268223"/>
                </a:lnTo>
                <a:close/>
              </a:path>
              <a:path w="4837430" h="332740">
                <a:moveTo>
                  <a:pt x="19812" y="268223"/>
                </a:moveTo>
                <a:lnTo>
                  <a:pt x="19812" y="269747"/>
                </a:lnTo>
                <a:lnTo>
                  <a:pt x="20029" y="269747"/>
                </a:lnTo>
                <a:lnTo>
                  <a:pt x="19812" y="268223"/>
                </a:lnTo>
                <a:close/>
              </a:path>
              <a:path w="4837430" h="332740">
                <a:moveTo>
                  <a:pt x="4837176" y="62483"/>
                </a:moveTo>
                <a:lnTo>
                  <a:pt x="4817363" y="62483"/>
                </a:lnTo>
                <a:lnTo>
                  <a:pt x="4817363" y="269747"/>
                </a:lnTo>
                <a:lnTo>
                  <a:pt x="4837176" y="269747"/>
                </a:lnTo>
                <a:lnTo>
                  <a:pt x="4837176" y="62483"/>
                </a:lnTo>
                <a:close/>
              </a:path>
              <a:path w="4837430" h="332740">
                <a:moveTo>
                  <a:pt x="20029" y="62483"/>
                </a:moveTo>
                <a:lnTo>
                  <a:pt x="19812" y="62483"/>
                </a:lnTo>
                <a:lnTo>
                  <a:pt x="19812" y="64007"/>
                </a:lnTo>
                <a:lnTo>
                  <a:pt x="20029" y="62483"/>
                </a:lnTo>
                <a:close/>
              </a:path>
              <a:path w="4837430" h="332740">
                <a:moveTo>
                  <a:pt x="4836033" y="53339"/>
                </a:moveTo>
                <a:lnTo>
                  <a:pt x="4815839" y="53339"/>
                </a:lnTo>
                <a:lnTo>
                  <a:pt x="4817363" y="64007"/>
                </a:lnTo>
                <a:lnTo>
                  <a:pt x="4817363" y="62483"/>
                </a:lnTo>
                <a:lnTo>
                  <a:pt x="4837176" y="62483"/>
                </a:lnTo>
                <a:lnTo>
                  <a:pt x="4836033" y="53339"/>
                </a:lnTo>
                <a:close/>
              </a:path>
              <a:path w="4837430" h="332740">
                <a:moveTo>
                  <a:pt x="21844" y="53339"/>
                </a:moveTo>
                <a:lnTo>
                  <a:pt x="21336" y="53339"/>
                </a:lnTo>
                <a:lnTo>
                  <a:pt x="21336" y="54863"/>
                </a:lnTo>
                <a:lnTo>
                  <a:pt x="21844" y="53339"/>
                </a:lnTo>
                <a:close/>
              </a:path>
              <a:path w="4837430" h="332740">
                <a:moveTo>
                  <a:pt x="4812792" y="45719"/>
                </a:moveTo>
                <a:lnTo>
                  <a:pt x="4815839" y="54863"/>
                </a:lnTo>
                <a:lnTo>
                  <a:pt x="4815839" y="53339"/>
                </a:lnTo>
                <a:lnTo>
                  <a:pt x="4836033" y="53339"/>
                </a:lnTo>
                <a:lnTo>
                  <a:pt x="4835652" y="50291"/>
                </a:lnTo>
                <a:lnTo>
                  <a:pt x="4834889" y="47243"/>
                </a:lnTo>
                <a:lnTo>
                  <a:pt x="4814315" y="47243"/>
                </a:lnTo>
                <a:lnTo>
                  <a:pt x="4812792" y="45719"/>
                </a:lnTo>
                <a:close/>
              </a:path>
              <a:path w="4837430" h="332740">
                <a:moveTo>
                  <a:pt x="24383" y="45719"/>
                </a:moveTo>
                <a:lnTo>
                  <a:pt x="22859" y="47243"/>
                </a:lnTo>
                <a:lnTo>
                  <a:pt x="23875" y="47243"/>
                </a:lnTo>
                <a:lnTo>
                  <a:pt x="24383" y="45719"/>
                </a:lnTo>
                <a:close/>
              </a:path>
              <a:path w="4837430" h="332740">
                <a:moveTo>
                  <a:pt x="4832604" y="38100"/>
                </a:moveTo>
                <a:lnTo>
                  <a:pt x="4809744" y="38100"/>
                </a:lnTo>
                <a:lnTo>
                  <a:pt x="4814315" y="47243"/>
                </a:lnTo>
                <a:lnTo>
                  <a:pt x="4834889" y="47243"/>
                </a:lnTo>
                <a:lnTo>
                  <a:pt x="4832604" y="38100"/>
                </a:lnTo>
                <a:close/>
              </a:path>
              <a:path w="4837430" h="332740">
                <a:moveTo>
                  <a:pt x="27431" y="38100"/>
                </a:moveTo>
                <a:lnTo>
                  <a:pt x="25907" y="39623"/>
                </a:lnTo>
                <a:lnTo>
                  <a:pt x="26670" y="39623"/>
                </a:lnTo>
                <a:lnTo>
                  <a:pt x="27431" y="38100"/>
                </a:lnTo>
                <a:close/>
              </a:path>
              <a:path w="4837430" h="332740">
                <a:moveTo>
                  <a:pt x="4804325" y="32850"/>
                </a:moveTo>
                <a:lnTo>
                  <a:pt x="4809744" y="39623"/>
                </a:lnTo>
                <a:lnTo>
                  <a:pt x="4809744" y="38100"/>
                </a:lnTo>
                <a:lnTo>
                  <a:pt x="4832604" y="38100"/>
                </a:lnTo>
                <a:lnTo>
                  <a:pt x="4829991" y="33528"/>
                </a:lnTo>
                <a:lnTo>
                  <a:pt x="4805172" y="33528"/>
                </a:lnTo>
                <a:lnTo>
                  <a:pt x="4804325" y="32850"/>
                </a:lnTo>
                <a:close/>
              </a:path>
              <a:path w="4837430" h="332740">
                <a:moveTo>
                  <a:pt x="33908" y="32003"/>
                </a:moveTo>
                <a:lnTo>
                  <a:pt x="33527" y="32003"/>
                </a:lnTo>
                <a:lnTo>
                  <a:pt x="32003" y="33528"/>
                </a:lnTo>
                <a:lnTo>
                  <a:pt x="33908" y="32003"/>
                </a:lnTo>
                <a:close/>
              </a:path>
              <a:path w="4837430" h="332740">
                <a:moveTo>
                  <a:pt x="4803648" y="32003"/>
                </a:moveTo>
                <a:lnTo>
                  <a:pt x="4804325" y="32850"/>
                </a:lnTo>
                <a:lnTo>
                  <a:pt x="4805172" y="33528"/>
                </a:lnTo>
                <a:lnTo>
                  <a:pt x="4803648" y="32003"/>
                </a:lnTo>
                <a:close/>
              </a:path>
              <a:path w="4837430" h="332740">
                <a:moveTo>
                  <a:pt x="4829120" y="32003"/>
                </a:moveTo>
                <a:lnTo>
                  <a:pt x="4803648" y="32003"/>
                </a:lnTo>
                <a:lnTo>
                  <a:pt x="4805172" y="33528"/>
                </a:lnTo>
                <a:lnTo>
                  <a:pt x="4829991" y="33528"/>
                </a:lnTo>
                <a:lnTo>
                  <a:pt x="4829120" y="32003"/>
                </a:lnTo>
                <a:close/>
              </a:path>
              <a:path w="4837430" h="332740">
                <a:moveTo>
                  <a:pt x="4826508" y="27431"/>
                </a:moveTo>
                <a:lnTo>
                  <a:pt x="4797552" y="27431"/>
                </a:lnTo>
                <a:lnTo>
                  <a:pt x="4804325" y="32850"/>
                </a:lnTo>
                <a:lnTo>
                  <a:pt x="4803648" y="32003"/>
                </a:lnTo>
                <a:lnTo>
                  <a:pt x="4829120" y="32003"/>
                </a:lnTo>
                <a:lnTo>
                  <a:pt x="4826508" y="27431"/>
                </a:lnTo>
                <a:close/>
              </a:path>
              <a:path w="4837430" h="332740">
                <a:moveTo>
                  <a:pt x="40639" y="27431"/>
                </a:moveTo>
                <a:lnTo>
                  <a:pt x="39624" y="27431"/>
                </a:lnTo>
                <a:lnTo>
                  <a:pt x="38100" y="28955"/>
                </a:lnTo>
                <a:lnTo>
                  <a:pt x="40639" y="27431"/>
                </a:lnTo>
                <a:close/>
              </a:path>
              <a:path w="4837430" h="332740">
                <a:moveTo>
                  <a:pt x="4821428" y="21335"/>
                </a:moveTo>
                <a:lnTo>
                  <a:pt x="4782311" y="21335"/>
                </a:lnTo>
                <a:lnTo>
                  <a:pt x="4792980" y="24383"/>
                </a:lnTo>
                <a:lnTo>
                  <a:pt x="4791456" y="24383"/>
                </a:lnTo>
                <a:lnTo>
                  <a:pt x="4799076" y="28955"/>
                </a:lnTo>
                <a:lnTo>
                  <a:pt x="4797552" y="27431"/>
                </a:lnTo>
                <a:lnTo>
                  <a:pt x="4826508" y="27431"/>
                </a:lnTo>
                <a:lnTo>
                  <a:pt x="4821428" y="21335"/>
                </a:lnTo>
                <a:close/>
              </a:path>
            </a:pathLst>
          </a:custGeom>
          <a:solidFill>
            <a:srgbClr val="70AC46"/>
          </a:solidFill>
        </p:spPr>
        <p:txBody>
          <a:bodyPr wrap="square" lIns="0" tIns="0" rIns="0" bIns="0" rtlCol="0"/>
          <a:lstStyle/>
          <a:p>
            <a:endParaRPr sz="1539"/>
          </a:p>
        </p:txBody>
      </p:sp>
      <p:sp>
        <p:nvSpPr>
          <p:cNvPr id="33" name="object 33"/>
          <p:cNvSpPr txBox="1"/>
          <p:nvPr/>
        </p:nvSpPr>
        <p:spPr>
          <a:xfrm>
            <a:off x="6052850" y="1005623"/>
            <a:ext cx="1493230" cy="237487"/>
          </a:xfrm>
          <a:prstGeom prst="rect">
            <a:avLst/>
          </a:prstGeom>
        </p:spPr>
        <p:txBody>
          <a:bodyPr vert="horz" wrap="square" lIns="0" tIns="13575" rIns="0" bIns="0" rtlCol="0">
            <a:spAutoFit/>
          </a:bodyPr>
          <a:lstStyle/>
          <a:p>
            <a:pPr marL="10860">
              <a:spcBef>
                <a:spcPts val="107"/>
              </a:spcBef>
            </a:pPr>
            <a:r>
              <a:rPr sz="1454" dirty="0">
                <a:solidFill>
                  <a:srgbClr val="385623"/>
                </a:solidFill>
                <a:latin typeface="HGP創英角ｺﾞｼｯｸUB"/>
                <a:cs typeface="HGP創英角ｺﾞｼｯｸUB"/>
              </a:rPr>
              <a:t>当面の進め方（案</a:t>
            </a:r>
            <a:r>
              <a:rPr sz="1454" spc="-43" dirty="0">
                <a:solidFill>
                  <a:srgbClr val="385623"/>
                </a:solidFill>
                <a:latin typeface="HGP創英角ｺﾞｼｯｸUB"/>
                <a:cs typeface="HGP創英角ｺﾞｼｯｸUB"/>
              </a:rPr>
              <a:t>）</a:t>
            </a:r>
            <a:endParaRPr sz="1454">
              <a:latin typeface="HGP創英角ｺﾞｼｯｸUB"/>
              <a:cs typeface="HGP創英角ｺﾞｼｯｸUB"/>
            </a:endParaRPr>
          </a:p>
        </p:txBody>
      </p:sp>
      <p:sp>
        <p:nvSpPr>
          <p:cNvPr id="34" name="object 34"/>
          <p:cNvSpPr txBox="1"/>
          <p:nvPr/>
        </p:nvSpPr>
        <p:spPr>
          <a:xfrm>
            <a:off x="4807007" y="3889567"/>
            <a:ext cx="3956246" cy="1637700"/>
          </a:xfrm>
          <a:prstGeom prst="rect">
            <a:avLst/>
          </a:prstGeom>
        </p:spPr>
        <p:txBody>
          <a:bodyPr vert="horz" wrap="square" lIns="0" tIns="11946" rIns="0" bIns="0" rtlCol="0">
            <a:spAutoFit/>
          </a:bodyPr>
          <a:lstStyle/>
          <a:p>
            <a:pPr marL="162897" indent="-152037">
              <a:spcBef>
                <a:spcPts val="94"/>
              </a:spcBef>
              <a:buSzPct val="93333"/>
              <a:buAutoNum type="arabicParenR"/>
              <a:tabLst>
                <a:tab pos="162897" algn="l"/>
              </a:tabLst>
            </a:pPr>
            <a:r>
              <a:rPr sz="1283" spc="-4" dirty="0">
                <a:latin typeface="HGSｺﾞｼｯｸM"/>
                <a:cs typeface="HGSｺﾞｼｯｸM"/>
              </a:rPr>
              <a:t>国民へのインフラメンテナンスの啓発</a:t>
            </a:r>
            <a:endParaRPr sz="1283">
              <a:latin typeface="HGSｺﾞｼｯｸM"/>
              <a:cs typeface="HGSｺﾞｼｯｸM"/>
            </a:endParaRPr>
          </a:p>
          <a:p>
            <a:pPr>
              <a:lnSpc>
                <a:spcPct val="100000"/>
              </a:lnSpc>
              <a:buFont typeface="HGS"/>
              <a:buAutoNum type="arabicParenR"/>
            </a:pPr>
            <a:endParaRPr sz="1283">
              <a:latin typeface="HGSｺﾞｼｯｸM"/>
              <a:cs typeface="HGSｺﾞｼｯｸM"/>
            </a:endParaRPr>
          </a:p>
          <a:p>
            <a:pPr>
              <a:spcBef>
                <a:spcPts val="522"/>
              </a:spcBef>
              <a:buFont typeface="HGS"/>
              <a:buAutoNum type="arabicParenR"/>
            </a:pPr>
            <a:endParaRPr sz="1283">
              <a:latin typeface="HGSｺﾞｼｯｸM"/>
              <a:cs typeface="HGSｺﾞｼｯｸM"/>
            </a:endParaRPr>
          </a:p>
          <a:p>
            <a:pPr marL="167783" indent="-152037">
              <a:buSzPct val="93333"/>
              <a:buAutoNum type="arabicParenR"/>
              <a:tabLst>
                <a:tab pos="167783" algn="l"/>
              </a:tabLst>
            </a:pPr>
            <a:r>
              <a:rPr sz="1283" spc="-4" dirty="0">
                <a:latin typeface="HGSｺﾞｼｯｸM"/>
                <a:cs typeface="HGSｺﾞｼｯｸM"/>
              </a:rPr>
              <a:t>地域住民等との連携・協働に係る手法の検討・周知</a:t>
            </a:r>
            <a:endParaRPr sz="1283">
              <a:latin typeface="HGSｺﾞｼｯｸM"/>
              <a:cs typeface="HGSｺﾞｼｯｸM"/>
            </a:endParaRPr>
          </a:p>
          <a:p>
            <a:pPr>
              <a:spcBef>
                <a:spcPts val="1065"/>
              </a:spcBef>
              <a:buFont typeface="HGS"/>
              <a:buAutoNum type="arabicParenR"/>
            </a:pPr>
            <a:endParaRPr sz="1283">
              <a:latin typeface="HGSｺﾞｼｯｸM"/>
              <a:cs typeface="HGSｺﾞｼｯｸM"/>
            </a:endParaRPr>
          </a:p>
          <a:p>
            <a:pPr marL="162897" indent="-152037">
              <a:buSzPct val="93333"/>
              <a:buAutoNum type="arabicParenR"/>
              <a:tabLst>
                <a:tab pos="162897" algn="l"/>
              </a:tabLst>
            </a:pPr>
            <a:r>
              <a:rPr sz="1283" spc="-4" dirty="0">
                <a:latin typeface="HGSｺﾞｼｯｸM"/>
                <a:cs typeface="HGSｺﾞｼｯｸM"/>
              </a:rPr>
              <a:t>地域住民等との連携・協働を推進する担い手(行政</a:t>
            </a:r>
            <a:endParaRPr sz="1283">
              <a:latin typeface="HGSｺﾞｼｯｸM"/>
              <a:cs typeface="HGSｺﾞｼｯｸM"/>
            </a:endParaRPr>
          </a:p>
          <a:p>
            <a:pPr marL="174842">
              <a:spcBef>
                <a:spcPts val="316"/>
              </a:spcBef>
            </a:pPr>
            <a:r>
              <a:rPr sz="1283" spc="-9" dirty="0">
                <a:latin typeface="HGSｺﾞｼｯｸM"/>
                <a:cs typeface="HGSｺﾞｼｯｸM"/>
              </a:rPr>
              <a:t>・住民)の育成</a:t>
            </a:r>
            <a:endParaRPr sz="1283">
              <a:latin typeface="HGSｺﾞｼｯｸM"/>
              <a:cs typeface="HGSｺﾞｼｯｸM"/>
            </a:endParaRPr>
          </a:p>
        </p:txBody>
      </p:sp>
      <p:sp>
        <p:nvSpPr>
          <p:cNvPr id="35" name="object 35"/>
          <p:cNvSpPr txBox="1">
            <a:spLocks noGrp="1"/>
          </p:cNvSpPr>
          <p:nvPr>
            <p:ph type="title"/>
          </p:nvPr>
        </p:nvSpPr>
        <p:spPr>
          <a:xfrm>
            <a:off x="308855" y="98630"/>
            <a:ext cx="6743971" cy="694031"/>
          </a:xfrm>
          <a:prstGeom prst="rect">
            <a:avLst/>
          </a:prstGeom>
        </p:spPr>
        <p:txBody>
          <a:bodyPr vert="horz" wrap="square" lIns="0" tIns="9774" rIns="0" bIns="0" rtlCol="0" anchor="ctr">
            <a:spAutoFit/>
          </a:bodyPr>
          <a:lstStyle/>
          <a:p>
            <a:pPr marL="18462">
              <a:lnSpc>
                <a:spcPct val="100000"/>
              </a:lnSpc>
              <a:spcBef>
                <a:spcPts val="77"/>
              </a:spcBef>
            </a:pPr>
            <a:r>
              <a:rPr spc="-38" dirty="0"/>
              <a:t>インフラメンテナンスにおける取り組むべき項目の課題と当面の進め方</a:t>
            </a:r>
          </a:p>
        </p:txBody>
      </p:sp>
      <p:sp>
        <p:nvSpPr>
          <p:cNvPr id="36" name="object 36"/>
          <p:cNvSpPr/>
          <p:nvPr/>
        </p:nvSpPr>
        <p:spPr>
          <a:xfrm>
            <a:off x="4299201" y="4016409"/>
            <a:ext cx="452313" cy="8145"/>
          </a:xfrm>
          <a:custGeom>
            <a:avLst/>
            <a:gdLst/>
            <a:ahLst/>
            <a:cxnLst/>
            <a:rect l="l" t="t" r="r" b="b"/>
            <a:pathLst>
              <a:path w="528954" h="9525">
                <a:moveTo>
                  <a:pt x="528827" y="0"/>
                </a:moveTo>
                <a:lnTo>
                  <a:pt x="0" y="1524"/>
                </a:lnTo>
                <a:lnTo>
                  <a:pt x="0" y="9144"/>
                </a:lnTo>
                <a:lnTo>
                  <a:pt x="528827" y="6096"/>
                </a:lnTo>
                <a:lnTo>
                  <a:pt x="528827" y="0"/>
                </a:lnTo>
                <a:close/>
              </a:path>
            </a:pathLst>
          </a:custGeom>
          <a:solidFill>
            <a:srgbClr val="000000"/>
          </a:solidFill>
        </p:spPr>
        <p:txBody>
          <a:bodyPr wrap="square" lIns="0" tIns="0" rIns="0" bIns="0" rtlCol="0"/>
          <a:lstStyle/>
          <a:p>
            <a:endParaRPr sz="1539"/>
          </a:p>
        </p:txBody>
      </p:sp>
      <p:sp>
        <p:nvSpPr>
          <p:cNvPr id="37" name="object 37"/>
          <p:cNvSpPr txBox="1"/>
          <p:nvPr/>
        </p:nvSpPr>
        <p:spPr>
          <a:xfrm>
            <a:off x="240653" y="3325289"/>
            <a:ext cx="4068103" cy="2117049"/>
          </a:xfrm>
          <a:prstGeom prst="rect">
            <a:avLst/>
          </a:prstGeom>
        </p:spPr>
        <p:txBody>
          <a:bodyPr vert="horz" wrap="square" lIns="0" tIns="9774" rIns="0" bIns="0" rtlCol="0">
            <a:spAutoFit/>
          </a:bodyPr>
          <a:lstStyle/>
          <a:p>
            <a:pPr marL="10860">
              <a:spcBef>
                <a:spcPts val="77"/>
              </a:spcBef>
            </a:pPr>
            <a:r>
              <a:rPr sz="1667" b="1" spc="-9" dirty="0">
                <a:solidFill>
                  <a:srgbClr val="0070BF"/>
                </a:solidFill>
                <a:latin typeface="ＭＳ Ｐゴシック"/>
                <a:cs typeface="ＭＳ Ｐゴシック"/>
              </a:rPr>
              <a:t>（７）</a:t>
            </a:r>
            <a:r>
              <a:rPr sz="1667" b="1" spc="-17" dirty="0">
                <a:solidFill>
                  <a:srgbClr val="0070BF"/>
                </a:solidFill>
                <a:latin typeface="ＭＳ Ｐゴシック"/>
                <a:cs typeface="ＭＳ Ｐゴシック"/>
              </a:rPr>
              <a:t>国民の理解と協力</a:t>
            </a:r>
            <a:endParaRPr sz="1667">
              <a:latin typeface="ＭＳ Ｐゴシック"/>
              <a:cs typeface="ＭＳ Ｐゴシック"/>
            </a:endParaRPr>
          </a:p>
          <a:p>
            <a:pPr marL="269865" marR="178643" indent="-164526">
              <a:lnSpc>
                <a:spcPct val="120700"/>
              </a:lnSpc>
              <a:spcBef>
                <a:spcPts val="1343"/>
              </a:spcBef>
            </a:pPr>
            <a:r>
              <a:rPr sz="1283" spc="-4" dirty="0">
                <a:latin typeface="HGSｺﾞｼｯｸM"/>
                <a:cs typeface="HGSｺﾞｼｯｸM"/>
              </a:rPr>
              <a:t>・インフラメンテナンスの重要性が広く認識されて</a:t>
            </a:r>
            <a:r>
              <a:rPr sz="1283" spc="-17" dirty="0">
                <a:latin typeface="HGSｺﾞｼｯｸM"/>
                <a:cs typeface="HGSｺﾞｼｯｸM"/>
              </a:rPr>
              <a:t>いない</a:t>
            </a:r>
            <a:endParaRPr sz="1283">
              <a:latin typeface="HGSｺﾞｼｯｸM"/>
              <a:cs typeface="HGSｺﾞｼｯｸM"/>
            </a:endParaRPr>
          </a:p>
          <a:p>
            <a:pPr marL="269865" marR="178643" indent="-164526">
              <a:lnSpc>
                <a:spcPct val="120700"/>
              </a:lnSpc>
              <a:spcBef>
                <a:spcPts val="1518"/>
              </a:spcBef>
            </a:pPr>
            <a:r>
              <a:rPr sz="1283" spc="-4" dirty="0">
                <a:latin typeface="HGSｺﾞｼｯｸM"/>
                <a:cs typeface="HGSｺﾞｼｯｸM"/>
              </a:rPr>
              <a:t>・地域住民等との連携・協働による維持管理の手法</a:t>
            </a:r>
            <a:r>
              <a:rPr sz="1283" spc="-9" dirty="0">
                <a:latin typeface="HGSｺﾞｼｯｸM"/>
                <a:cs typeface="HGSｺﾞｼｯｸM"/>
              </a:rPr>
              <a:t>が確立されていない</a:t>
            </a:r>
            <a:endParaRPr sz="1283">
              <a:latin typeface="HGSｺﾞｼｯｸM"/>
              <a:cs typeface="HGSｺﾞｼｯｸM"/>
            </a:endParaRPr>
          </a:p>
          <a:p>
            <a:pPr>
              <a:spcBef>
                <a:spcPts val="1120"/>
              </a:spcBef>
            </a:pPr>
            <a:endParaRPr sz="1283">
              <a:latin typeface="HGSｺﾞｼｯｸM"/>
              <a:cs typeface="HGSｺﾞｼｯｸM"/>
            </a:endParaRPr>
          </a:p>
          <a:p>
            <a:pPr marL="116200"/>
            <a:r>
              <a:rPr sz="1283" spc="-4" dirty="0">
                <a:latin typeface="HGSｺﾞｼｯｸM"/>
                <a:cs typeface="HGSｺﾞｼｯｸM"/>
              </a:rPr>
              <a:t>・地域住民等との連携・協働を推進する担い手が不足</a:t>
            </a:r>
            <a:endParaRPr sz="1283">
              <a:latin typeface="HGSｺﾞｼｯｸM"/>
              <a:cs typeface="HGSｺﾞｼｯｸM"/>
            </a:endParaRPr>
          </a:p>
        </p:txBody>
      </p:sp>
      <p:sp>
        <p:nvSpPr>
          <p:cNvPr id="38" name="object 38"/>
          <p:cNvSpPr/>
          <p:nvPr/>
        </p:nvSpPr>
        <p:spPr>
          <a:xfrm>
            <a:off x="4524651" y="2465622"/>
            <a:ext cx="226971" cy="5430"/>
          </a:xfrm>
          <a:custGeom>
            <a:avLst/>
            <a:gdLst/>
            <a:ahLst/>
            <a:cxnLst/>
            <a:rect l="l" t="t" r="r" b="b"/>
            <a:pathLst>
              <a:path w="265429" h="6350">
                <a:moveTo>
                  <a:pt x="265175" y="0"/>
                </a:moveTo>
                <a:lnTo>
                  <a:pt x="0" y="0"/>
                </a:lnTo>
                <a:lnTo>
                  <a:pt x="0" y="6096"/>
                </a:lnTo>
                <a:lnTo>
                  <a:pt x="265175" y="6096"/>
                </a:lnTo>
                <a:lnTo>
                  <a:pt x="265175" y="0"/>
                </a:lnTo>
                <a:close/>
              </a:path>
            </a:pathLst>
          </a:custGeom>
          <a:solidFill>
            <a:srgbClr val="000000"/>
          </a:solidFill>
        </p:spPr>
        <p:txBody>
          <a:bodyPr wrap="square" lIns="0" tIns="0" rIns="0" bIns="0" rtlCol="0"/>
          <a:lstStyle/>
          <a:p>
            <a:endParaRPr sz="1539"/>
          </a:p>
        </p:txBody>
      </p:sp>
      <p:sp>
        <p:nvSpPr>
          <p:cNvPr id="39" name="object 39"/>
          <p:cNvSpPr txBox="1"/>
          <p:nvPr/>
        </p:nvSpPr>
        <p:spPr>
          <a:xfrm>
            <a:off x="8848178" y="6306955"/>
            <a:ext cx="198735" cy="192360"/>
          </a:xfrm>
          <a:prstGeom prst="rect">
            <a:avLst/>
          </a:prstGeom>
        </p:spPr>
        <p:txBody>
          <a:bodyPr vert="horz" wrap="square" lIns="0" tIns="0" rIns="0" bIns="0" rtlCol="0">
            <a:spAutoFit/>
          </a:bodyPr>
          <a:lstStyle/>
          <a:p>
            <a:pPr marL="10860">
              <a:lnSpc>
                <a:spcPts val="1548"/>
              </a:lnSpc>
            </a:pPr>
            <a:r>
              <a:rPr sz="1368" spc="-21" dirty="0">
                <a:latin typeface="ＭＳ Ｐゴシック"/>
                <a:cs typeface="ＭＳ Ｐゴシック"/>
              </a:rPr>
              <a:t>11</a:t>
            </a:r>
            <a:endParaRPr sz="1368">
              <a:latin typeface="ＭＳ Ｐゴシック"/>
              <a:cs typeface="ＭＳ Ｐゴシック"/>
            </a:endParaRP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B411ED35-E950-491B-B6E3-1D093C995D0A}"/>
              </a:ext>
            </a:extLst>
          </p:cNvPr>
          <p:cNvSpPr>
            <a:spLocks noGrp="1"/>
          </p:cNvSpPr>
          <p:nvPr>
            <p:ph type="sldNum" sz="quarter" idx="12"/>
          </p:nvPr>
        </p:nvSpPr>
        <p:spPr/>
        <p:txBody>
          <a:bodyPr/>
          <a:lstStyle/>
          <a:p>
            <a:fld id="{66545E97-F017-4993-8E0F-1F0B98A93716}" type="slidenum">
              <a:rPr kumimoji="1" lang="ja-JP" altLang="en-US" smtClean="0"/>
              <a:t>54</a:t>
            </a:fld>
            <a:endParaRPr kumimoji="1" lang="ja-JP" altLang="en-US"/>
          </a:p>
        </p:txBody>
      </p:sp>
      <p:pic>
        <p:nvPicPr>
          <p:cNvPr id="4" name="図 3">
            <a:extLst>
              <a:ext uri="{FF2B5EF4-FFF2-40B4-BE49-F238E27FC236}">
                <a16:creationId xmlns:a16="http://schemas.microsoft.com/office/drawing/2014/main" id="{4F3BE505-988B-6DEA-1311-9ACD1B9FDCCB}"/>
              </a:ext>
            </a:extLst>
          </p:cNvPr>
          <p:cNvPicPr>
            <a:picLocks noChangeAspect="1"/>
          </p:cNvPicPr>
          <p:nvPr/>
        </p:nvPicPr>
        <p:blipFill>
          <a:blip r:embed="rId2"/>
          <a:stretch>
            <a:fillRect/>
          </a:stretch>
        </p:blipFill>
        <p:spPr>
          <a:xfrm>
            <a:off x="0" y="208189"/>
            <a:ext cx="9144000" cy="6441621"/>
          </a:xfrm>
          <a:prstGeom prst="rect">
            <a:avLst/>
          </a:prstGeom>
        </p:spPr>
      </p:pic>
    </p:spTree>
    <p:extLst>
      <p:ext uri="{BB962C8B-B14F-4D97-AF65-F5344CB8AC3E}">
        <p14:creationId xmlns:p14="http://schemas.microsoft.com/office/powerpoint/2010/main" val="193365598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C0A488A2-54F9-27F8-AAD4-B72907C39EF0}"/>
              </a:ext>
            </a:extLst>
          </p:cNvPr>
          <p:cNvSpPr>
            <a:spLocks noGrp="1"/>
          </p:cNvSpPr>
          <p:nvPr>
            <p:ph type="sldNum" sz="quarter" idx="12"/>
          </p:nvPr>
        </p:nvSpPr>
        <p:spPr/>
        <p:txBody>
          <a:bodyPr/>
          <a:lstStyle/>
          <a:p>
            <a:fld id="{66545E97-F017-4993-8E0F-1F0B98A93716}" type="slidenum">
              <a:rPr kumimoji="1" lang="ja-JP" altLang="en-US" smtClean="0"/>
              <a:t>55</a:t>
            </a:fld>
            <a:endParaRPr kumimoji="1" lang="ja-JP" altLang="en-US"/>
          </a:p>
        </p:txBody>
      </p:sp>
      <p:pic>
        <p:nvPicPr>
          <p:cNvPr id="4" name="図 3">
            <a:extLst>
              <a:ext uri="{FF2B5EF4-FFF2-40B4-BE49-F238E27FC236}">
                <a16:creationId xmlns:a16="http://schemas.microsoft.com/office/drawing/2014/main" id="{4A7B0A7E-15DB-B1F1-1D10-114C6B1A28F1}"/>
              </a:ext>
            </a:extLst>
          </p:cNvPr>
          <p:cNvPicPr>
            <a:picLocks noChangeAspect="1"/>
          </p:cNvPicPr>
          <p:nvPr/>
        </p:nvPicPr>
        <p:blipFill>
          <a:blip r:embed="rId2"/>
          <a:stretch>
            <a:fillRect/>
          </a:stretch>
        </p:blipFill>
        <p:spPr>
          <a:xfrm>
            <a:off x="0" y="222080"/>
            <a:ext cx="9144000" cy="6413840"/>
          </a:xfrm>
          <a:prstGeom prst="rect">
            <a:avLst/>
          </a:prstGeom>
        </p:spPr>
      </p:pic>
    </p:spTree>
    <p:extLst>
      <p:ext uri="{BB962C8B-B14F-4D97-AF65-F5344CB8AC3E}">
        <p14:creationId xmlns:p14="http://schemas.microsoft.com/office/powerpoint/2010/main" val="226363507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68FB750F-AEC8-2359-C8E4-0787C1C2DE3F}"/>
              </a:ext>
            </a:extLst>
          </p:cNvPr>
          <p:cNvSpPr>
            <a:spLocks noGrp="1"/>
          </p:cNvSpPr>
          <p:nvPr>
            <p:ph type="sldNum" sz="quarter" idx="12"/>
          </p:nvPr>
        </p:nvSpPr>
        <p:spPr/>
        <p:txBody>
          <a:bodyPr/>
          <a:lstStyle/>
          <a:p>
            <a:fld id="{66545E97-F017-4993-8E0F-1F0B98A93716}" type="slidenum">
              <a:rPr kumimoji="1" lang="ja-JP" altLang="en-US" smtClean="0"/>
              <a:t>56</a:t>
            </a:fld>
            <a:endParaRPr kumimoji="1" lang="ja-JP" altLang="en-US"/>
          </a:p>
        </p:txBody>
      </p:sp>
      <p:pic>
        <p:nvPicPr>
          <p:cNvPr id="4" name="図 3">
            <a:extLst>
              <a:ext uri="{FF2B5EF4-FFF2-40B4-BE49-F238E27FC236}">
                <a16:creationId xmlns:a16="http://schemas.microsoft.com/office/drawing/2014/main" id="{8CF91690-7CB6-A638-4A96-45040336AF71}"/>
              </a:ext>
            </a:extLst>
          </p:cNvPr>
          <p:cNvPicPr>
            <a:picLocks noChangeAspect="1"/>
          </p:cNvPicPr>
          <p:nvPr/>
        </p:nvPicPr>
        <p:blipFill>
          <a:blip r:embed="rId2"/>
          <a:stretch>
            <a:fillRect/>
          </a:stretch>
        </p:blipFill>
        <p:spPr>
          <a:xfrm>
            <a:off x="0" y="204107"/>
            <a:ext cx="9144000" cy="6449786"/>
          </a:xfrm>
          <a:prstGeom prst="rect">
            <a:avLst/>
          </a:prstGeom>
        </p:spPr>
      </p:pic>
    </p:spTree>
    <p:extLst>
      <p:ext uri="{BB962C8B-B14F-4D97-AF65-F5344CB8AC3E}">
        <p14:creationId xmlns:p14="http://schemas.microsoft.com/office/powerpoint/2010/main" val="263671613"/>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317814" y="2720969"/>
            <a:ext cx="6684490" cy="2811190"/>
          </a:xfrm>
          <a:prstGeom prst="rect">
            <a:avLst/>
          </a:prstGeom>
        </p:spPr>
      </p:pic>
      <p:grpSp>
        <p:nvGrpSpPr>
          <p:cNvPr id="3" name="object 3"/>
          <p:cNvGrpSpPr/>
          <p:nvPr/>
        </p:nvGrpSpPr>
        <p:grpSpPr>
          <a:xfrm>
            <a:off x="870526" y="5688398"/>
            <a:ext cx="7638281" cy="547337"/>
            <a:chOff x="1018032" y="6423665"/>
            <a:chExt cx="8932545" cy="640080"/>
          </a:xfrm>
        </p:grpSpPr>
        <p:sp>
          <p:nvSpPr>
            <p:cNvPr id="4" name="object 4"/>
            <p:cNvSpPr/>
            <p:nvPr/>
          </p:nvSpPr>
          <p:spPr>
            <a:xfrm>
              <a:off x="1301496" y="6624833"/>
              <a:ext cx="605155" cy="60960"/>
            </a:xfrm>
            <a:custGeom>
              <a:avLst/>
              <a:gdLst/>
              <a:ahLst/>
              <a:cxnLst/>
              <a:rect l="l" t="t" r="r" b="b"/>
              <a:pathLst>
                <a:path w="605155" h="60959">
                  <a:moveTo>
                    <a:pt x="605028" y="0"/>
                  </a:moveTo>
                  <a:lnTo>
                    <a:pt x="0" y="0"/>
                  </a:lnTo>
                  <a:lnTo>
                    <a:pt x="0" y="60959"/>
                  </a:lnTo>
                  <a:lnTo>
                    <a:pt x="605028" y="60959"/>
                  </a:lnTo>
                  <a:lnTo>
                    <a:pt x="605028" y="0"/>
                  </a:lnTo>
                  <a:close/>
                </a:path>
              </a:pathLst>
            </a:custGeom>
            <a:solidFill>
              <a:srgbClr val="FF0000"/>
            </a:solidFill>
          </p:spPr>
          <p:txBody>
            <a:bodyPr wrap="square" lIns="0" tIns="0" rIns="0" bIns="0" rtlCol="0"/>
            <a:lstStyle/>
            <a:p>
              <a:endParaRPr sz="1539"/>
            </a:p>
          </p:txBody>
        </p:sp>
        <p:sp>
          <p:nvSpPr>
            <p:cNvPr id="5" name="object 5"/>
            <p:cNvSpPr/>
            <p:nvPr/>
          </p:nvSpPr>
          <p:spPr>
            <a:xfrm>
              <a:off x="1018032" y="6423665"/>
              <a:ext cx="8932545" cy="640080"/>
            </a:xfrm>
            <a:custGeom>
              <a:avLst/>
              <a:gdLst/>
              <a:ahLst/>
              <a:cxnLst/>
              <a:rect l="l" t="t" r="r" b="b"/>
              <a:pathLst>
                <a:path w="8932545" h="640079">
                  <a:moveTo>
                    <a:pt x="8932164" y="0"/>
                  </a:moveTo>
                  <a:lnTo>
                    <a:pt x="0" y="0"/>
                  </a:lnTo>
                  <a:lnTo>
                    <a:pt x="0" y="640079"/>
                  </a:lnTo>
                  <a:lnTo>
                    <a:pt x="8932164" y="640079"/>
                  </a:lnTo>
                  <a:lnTo>
                    <a:pt x="8932164" y="637031"/>
                  </a:lnTo>
                  <a:lnTo>
                    <a:pt x="7620" y="637031"/>
                  </a:lnTo>
                  <a:lnTo>
                    <a:pt x="4571" y="633983"/>
                  </a:lnTo>
                  <a:lnTo>
                    <a:pt x="7620" y="633983"/>
                  </a:lnTo>
                  <a:lnTo>
                    <a:pt x="7620" y="7619"/>
                  </a:lnTo>
                  <a:lnTo>
                    <a:pt x="4571" y="7619"/>
                  </a:lnTo>
                  <a:lnTo>
                    <a:pt x="7620" y="3047"/>
                  </a:lnTo>
                  <a:lnTo>
                    <a:pt x="8932164" y="3047"/>
                  </a:lnTo>
                  <a:lnTo>
                    <a:pt x="8932164" y="0"/>
                  </a:lnTo>
                  <a:close/>
                </a:path>
                <a:path w="8932545" h="640079">
                  <a:moveTo>
                    <a:pt x="7620" y="633983"/>
                  </a:moveTo>
                  <a:lnTo>
                    <a:pt x="4571" y="633983"/>
                  </a:lnTo>
                  <a:lnTo>
                    <a:pt x="7620" y="637031"/>
                  </a:lnTo>
                  <a:lnTo>
                    <a:pt x="7620" y="633983"/>
                  </a:lnTo>
                  <a:close/>
                </a:path>
                <a:path w="8932545" h="640079">
                  <a:moveTo>
                    <a:pt x="8924544" y="633983"/>
                  </a:moveTo>
                  <a:lnTo>
                    <a:pt x="7620" y="633983"/>
                  </a:lnTo>
                  <a:lnTo>
                    <a:pt x="7620" y="637031"/>
                  </a:lnTo>
                  <a:lnTo>
                    <a:pt x="8924544" y="637031"/>
                  </a:lnTo>
                  <a:lnTo>
                    <a:pt x="8924544" y="633983"/>
                  </a:lnTo>
                  <a:close/>
                </a:path>
                <a:path w="8932545" h="640079">
                  <a:moveTo>
                    <a:pt x="8924544" y="3047"/>
                  </a:moveTo>
                  <a:lnTo>
                    <a:pt x="8924544" y="637031"/>
                  </a:lnTo>
                  <a:lnTo>
                    <a:pt x="8927592" y="633983"/>
                  </a:lnTo>
                  <a:lnTo>
                    <a:pt x="8932164" y="633983"/>
                  </a:lnTo>
                  <a:lnTo>
                    <a:pt x="8932164" y="7619"/>
                  </a:lnTo>
                  <a:lnTo>
                    <a:pt x="8927592" y="7619"/>
                  </a:lnTo>
                  <a:lnTo>
                    <a:pt x="8924544" y="3047"/>
                  </a:lnTo>
                  <a:close/>
                </a:path>
                <a:path w="8932545" h="640079">
                  <a:moveTo>
                    <a:pt x="8932164" y="633983"/>
                  </a:moveTo>
                  <a:lnTo>
                    <a:pt x="8927592" y="633983"/>
                  </a:lnTo>
                  <a:lnTo>
                    <a:pt x="8924544" y="637031"/>
                  </a:lnTo>
                  <a:lnTo>
                    <a:pt x="8932164" y="637031"/>
                  </a:lnTo>
                  <a:lnTo>
                    <a:pt x="8932164" y="633983"/>
                  </a:lnTo>
                  <a:close/>
                </a:path>
                <a:path w="8932545" h="640079">
                  <a:moveTo>
                    <a:pt x="7620" y="3047"/>
                  </a:moveTo>
                  <a:lnTo>
                    <a:pt x="4571" y="7619"/>
                  </a:lnTo>
                  <a:lnTo>
                    <a:pt x="7620" y="7619"/>
                  </a:lnTo>
                  <a:lnTo>
                    <a:pt x="7620" y="3047"/>
                  </a:lnTo>
                  <a:close/>
                </a:path>
                <a:path w="8932545" h="640079">
                  <a:moveTo>
                    <a:pt x="8924544" y="3047"/>
                  </a:moveTo>
                  <a:lnTo>
                    <a:pt x="7620" y="3047"/>
                  </a:lnTo>
                  <a:lnTo>
                    <a:pt x="7620" y="7619"/>
                  </a:lnTo>
                  <a:lnTo>
                    <a:pt x="8924544" y="7619"/>
                  </a:lnTo>
                  <a:lnTo>
                    <a:pt x="8924544" y="3047"/>
                  </a:lnTo>
                  <a:close/>
                </a:path>
                <a:path w="8932545" h="640079">
                  <a:moveTo>
                    <a:pt x="8932164" y="3047"/>
                  </a:moveTo>
                  <a:lnTo>
                    <a:pt x="8924544" y="3047"/>
                  </a:lnTo>
                  <a:lnTo>
                    <a:pt x="8927592" y="7619"/>
                  </a:lnTo>
                  <a:lnTo>
                    <a:pt x="8932164" y="7619"/>
                  </a:lnTo>
                  <a:lnTo>
                    <a:pt x="8932164" y="3047"/>
                  </a:lnTo>
                  <a:close/>
                </a:path>
              </a:pathLst>
            </a:custGeom>
            <a:solidFill>
              <a:srgbClr val="595959"/>
            </a:solidFill>
          </p:spPr>
          <p:txBody>
            <a:bodyPr wrap="square" lIns="0" tIns="0" rIns="0" bIns="0" rtlCol="0"/>
            <a:lstStyle/>
            <a:p>
              <a:endParaRPr sz="1539"/>
            </a:p>
          </p:txBody>
        </p:sp>
        <p:sp>
          <p:nvSpPr>
            <p:cNvPr id="6" name="object 6"/>
            <p:cNvSpPr/>
            <p:nvPr/>
          </p:nvSpPr>
          <p:spPr>
            <a:xfrm>
              <a:off x="1304544" y="6858005"/>
              <a:ext cx="601980" cy="60960"/>
            </a:xfrm>
            <a:custGeom>
              <a:avLst/>
              <a:gdLst/>
              <a:ahLst/>
              <a:cxnLst/>
              <a:rect l="l" t="t" r="r" b="b"/>
              <a:pathLst>
                <a:path w="601980" h="60959">
                  <a:moveTo>
                    <a:pt x="601980" y="0"/>
                  </a:moveTo>
                  <a:lnTo>
                    <a:pt x="0" y="0"/>
                  </a:lnTo>
                  <a:lnTo>
                    <a:pt x="0" y="60959"/>
                  </a:lnTo>
                  <a:lnTo>
                    <a:pt x="601980" y="60959"/>
                  </a:lnTo>
                  <a:lnTo>
                    <a:pt x="601980" y="0"/>
                  </a:lnTo>
                  <a:close/>
                </a:path>
              </a:pathLst>
            </a:custGeom>
            <a:solidFill>
              <a:srgbClr val="4472C3"/>
            </a:solidFill>
          </p:spPr>
          <p:txBody>
            <a:bodyPr wrap="square" lIns="0" tIns="0" rIns="0" bIns="0" rtlCol="0"/>
            <a:lstStyle/>
            <a:p>
              <a:endParaRPr sz="1539"/>
            </a:p>
          </p:txBody>
        </p:sp>
      </p:grpSp>
      <p:grpSp>
        <p:nvGrpSpPr>
          <p:cNvPr id="7" name="object 7"/>
          <p:cNvGrpSpPr/>
          <p:nvPr/>
        </p:nvGrpSpPr>
        <p:grpSpPr>
          <a:xfrm>
            <a:off x="7073676" y="2785293"/>
            <a:ext cx="1611060" cy="2568356"/>
            <a:chOff x="8272271" y="3028645"/>
            <a:chExt cx="1884045" cy="3003550"/>
          </a:xfrm>
        </p:grpSpPr>
        <p:sp>
          <p:nvSpPr>
            <p:cNvPr id="8" name="object 8"/>
            <p:cNvSpPr/>
            <p:nvPr/>
          </p:nvSpPr>
          <p:spPr>
            <a:xfrm>
              <a:off x="8272271" y="3227831"/>
              <a:ext cx="1884045" cy="2804160"/>
            </a:xfrm>
            <a:custGeom>
              <a:avLst/>
              <a:gdLst/>
              <a:ahLst/>
              <a:cxnLst/>
              <a:rect l="l" t="t" r="r" b="b"/>
              <a:pathLst>
                <a:path w="1884045" h="2804160">
                  <a:moveTo>
                    <a:pt x="1883663" y="0"/>
                  </a:moveTo>
                  <a:lnTo>
                    <a:pt x="0" y="0"/>
                  </a:lnTo>
                  <a:lnTo>
                    <a:pt x="0" y="2804160"/>
                  </a:lnTo>
                  <a:lnTo>
                    <a:pt x="1883663" y="2804160"/>
                  </a:lnTo>
                  <a:lnTo>
                    <a:pt x="1883663" y="2796540"/>
                  </a:lnTo>
                  <a:lnTo>
                    <a:pt x="13716" y="2796540"/>
                  </a:lnTo>
                  <a:lnTo>
                    <a:pt x="7620" y="2790443"/>
                  </a:lnTo>
                  <a:lnTo>
                    <a:pt x="13716" y="2790443"/>
                  </a:lnTo>
                  <a:lnTo>
                    <a:pt x="13716" y="13715"/>
                  </a:lnTo>
                  <a:lnTo>
                    <a:pt x="7620" y="13715"/>
                  </a:lnTo>
                  <a:lnTo>
                    <a:pt x="13716" y="7619"/>
                  </a:lnTo>
                  <a:lnTo>
                    <a:pt x="1883663" y="7619"/>
                  </a:lnTo>
                  <a:lnTo>
                    <a:pt x="1883663" y="0"/>
                  </a:lnTo>
                  <a:close/>
                </a:path>
                <a:path w="1884045" h="2804160">
                  <a:moveTo>
                    <a:pt x="13716" y="2790443"/>
                  </a:moveTo>
                  <a:lnTo>
                    <a:pt x="7620" y="2790443"/>
                  </a:lnTo>
                  <a:lnTo>
                    <a:pt x="13716" y="2796540"/>
                  </a:lnTo>
                  <a:lnTo>
                    <a:pt x="13716" y="2790443"/>
                  </a:lnTo>
                  <a:close/>
                </a:path>
                <a:path w="1884045" h="2804160">
                  <a:moveTo>
                    <a:pt x="1869948" y="2790443"/>
                  </a:moveTo>
                  <a:lnTo>
                    <a:pt x="13716" y="2790443"/>
                  </a:lnTo>
                  <a:lnTo>
                    <a:pt x="13716" y="2796540"/>
                  </a:lnTo>
                  <a:lnTo>
                    <a:pt x="1869948" y="2796540"/>
                  </a:lnTo>
                  <a:lnTo>
                    <a:pt x="1869948" y="2790443"/>
                  </a:lnTo>
                  <a:close/>
                </a:path>
                <a:path w="1884045" h="2804160">
                  <a:moveTo>
                    <a:pt x="1869948" y="7619"/>
                  </a:moveTo>
                  <a:lnTo>
                    <a:pt x="1869948" y="2796540"/>
                  </a:lnTo>
                  <a:lnTo>
                    <a:pt x="1876044" y="2790443"/>
                  </a:lnTo>
                  <a:lnTo>
                    <a:pt x="1883663" y="2790443"/>
                  </a:lnTo>
                  <a:lnTo>
                    <a:pt x="1883663" y="13715"/>
                  </a:lnTo>
                  <a:lnTo>
                    <a:pt x="1876044" y="13715"/>
                  </a:lnTo>
                  <a:lnTo>
                    <a:pt x="1869948" y="7619"/>
                  </a:lnTo>
                  <a:close/>
                </a:path>
                <a:path w="1884045" h="2804160">
                  <a:moveTo>
                    <a:pt x="1883663" y="2790443"/>
                  </a:moveTo>
                  <a:lnTo>
                    <a:pt x="1876044" y="2790443"/>
                  </a:lnTo>
                  <a:lnTo>
                    <a:pt x="1869948" y="2796540"/>
                  </a:lnTo>
                  <a:lnTo>
                    <a:pt x="1883663" y="2796540"/>
                  </a:lnTo>
                  <a:lnTo>
                    <a:pt x="1883663" y="2790443"/>
                  </a:lnTo>
                  <a:close/>
                </a:path>
                <a:path w="1884045" h="2804160">
                  <a:moveTo>
                    <a:pt x="13716" y="7619"/>
                  </a:moveTo>
                  <a:lnTo>
                    <a:pt x="7620" y="13715"/>
                  </a:lnTo>
                  <a:lnTo>
                    <a:pt x="13716" y="13715"/>
                  </a:lnTo>
                  <a:lnTo>
                    <a:pt x="13716" y="7619"/>
                  </a:lnTo>
                  <a:close/>
                </a:path>
                <a:path w="1884045" h="2804160">
                  <a:moveTo>
                    <a:pt x="1869948" y="7619"/>
                  </a:moveTo>
                  <a:lnTo>
                    <a:pt x="13716" y="7619"/>
                  </a:lnTo>
                  <a:lnTo>
                    <a:pt x="13716" y="13715"/>
                  </a:lnTo>
                  <a:lnTo>
                    <a:pt x="1869948" y="13715"/>
                  </a:lnTo>
                  <a:lnTo>
                    <a:pt x="1869948" y="7619"/>
                  </a:lnTo>
                  <a:close/>
                </a:path>
                <a:path w="1884045" h="2804160">
                  <a:moveTo>
                    <a:pt x="1883663" y="7619"/>
                  </a:moveTo>
                  <a:lnTo>
                    <a:pt x="1869948" y="7619"/>
                  </a:lnTo>
                  <a:lnTo>
                    <a:pt x="1876044" y="13715"/>
                  </a:lnTo>
                  <a:lnTo>
                    <a:pt x="1883663" y="13715"/>
                  </a:lnTo>
                  <a:lnTo>
                    <a:pt x="1883663" y="7619"/>
                  </a:lnTo>
                  <a:close/>
                </a:path>
              </a:pathLst>
            </a:custGeom>
            <a:solidFill>
              <a:srgbClr val="000000"/>
            </a:solidFill>
          </p:spPr>
          <p:txBody>
            <a:bodyPr wrap="square" lIns="0" tIns="0" rIns="0" bIns="0" rtlCol="0"/>
            <a:lstStyle/>
            <a:p>
              <a:endParaRPr sz="1539"/>
            </a:p>
          </p:txBody>
        </p:sp>
        <p:sp>
          <p:nvSpPr>
            <p:cNvPr id="9" name="object 9"/>
            <p:cNvSpPr/>
            <p:nvPr/>
          </p:nvSpPr>
          <p:spPr>
            <a:xfrm>
              <a:off x="8708135" y="4602480"/>
              <a:ext cx="166370" cy="1108075"/>
            </a:xfrm>
            <a:custGeom>
              <a:avLst/>
              <a:gdLst/>
              <a:ahLst/>
              <a:cxnLst/>
              <a:rect l="l" t="t" r="r" b="b"/>
              <a:pathLst>
                <a:path w="166370" h="1108075">
                  <a:moveTo>
                    <a:pt x="166116" y="0"/>
                  </a:moveTo>
                  <a:lnTo>
                    <a:pt x="0" y="0"/>
                  </a:lnTo>
                  <a:lnTo>
                    <a:pt x="0" y="1107947"/>
                  </a:lnTo>
                  <a:lnTo>
                    <a:pt x="166116" y="1107947"/>
                  </a:lnTo>
                  <a:lnTo>
                    <a:pt x="166116" y="0"/>
                  </a:lnTo>
                  <a:close/>
                </a:path>
              </a:pathLst>
            </a:custGeom>
            <a:solidFill>
              <a:srgbClr val="DAE2F2"/>
            </a:solidFill>
          </p:spPr>
          <p:txBody>
            <a:bodyPr wrap="square" lIns="0" tIns="0" rIns="0" bIns="0" rtlCol="0"/>
            <a:lstStyle/>
            <a:p>
              <a:endParaRPr sz="1539"/>
            </a:p>
          </p:txBody>
        </p:sp>
        <p:sp>
          <p:nvSpPr>
            <p:cNvPr id="10" name="object 10"/>
            <p:cNvSpPr/>
            <p:nvPr/>
          </p:nvSpPr>
          <p:spPr>
            <a:xfrm>
              <a:off x="8703563" y="4597908"/>
              <a:ext cx="173990" cy="1115695"/>
            </a:xfrm>
            <a:custGeom>
              <a:avLst/>
              <a:gdLst/>
              <a:ahLst/>
              <a:cxnLst/>
              <a:rect l="l" t="t" r="r" b="b"/>
              <a:pathLst>
                <a:path w="173990" h="1115695">
                  <a:moveTo>
                    <a:pt x="7619" y="1107947"/>
                  </a:moveTo>
                  <a:lnTo>
                    <a:pt x="4571" y="1107947"/>
                  </a:lnTo>
                  <a:lnTo>
                    <a:pt x="4571" y="1115568"/>
                  </a:lnTo>
                  <a:lnTo>
                    <a:pt x="9143" y="1115568"/>
                  </a:lnTo>
                  <a:lnTo>
                    <a:pt x="9143" y="1112520"/>
                  </a:lnTo>
                  <a:lnTo>
                    <a:pt x="7619" y="1112520"/>
                  </a:lnTo>
                  <a:lnTo>
                    <a:pt x="7619" y="1107947"/>
                  </a:lnTo>
                  <a:close/>
                </a:path>
                <a:path w="173990" h="1115695">
                  <a:moveTo>
                    <a:pt x="7619" y="1085088"/>
                  </a:moveTo>
                  <a:lnTo>
                    <a:pt x="0" y="1085088"/>
                  </a:lnTo>
                  <a:lnTo>
                    <a:pt x="0" y="1112520"/>
                  </a:lnTo>
                  <a:lnTo>
                    <a:pt x="4571" y="1112520"/>
                  </a:lnTo>
                  <a:lnTo>
                    <a:pt x="4571" y="1107947"/>
                  </a:lnTo>
                  <a:lnTo>
                    <a:pt x="7619" y="1107947"/>
                  </a:lnTo>
                  <a:lnTo>
                    <a:pt x="7619" y="1085088"/>
                  </a:lnTo>
                  <a:close/>
                </a:path>
                <a:path w="173990" h="1115695">
                  <a:moveTo>
                    <a:pt x="9143" y="1107947"/>
                  </a:moveTo>
                  <a:lnTo>
                    <a:pt x="7619" y="1107947"/>
                  </a:lnTo>
                  <a:lnTo>
                    <a:pt x="7619" y="1112520"/>
                  </a:lnTo>
                  <a:lnTo>
                    <a:pt x="9143" y="1112520"/>
                  </a:lnTo>
                  <a:lnTo>
                    <a:pt x="9143" y="1107947"/>
                  </a:lnTo>
                  <a:close/>
                </a:path>
                <a:path w="173990" h="1115695">
                  <a:moveTo>
                    <a:pt x="7619" y="1036319"/>
                  </a:moveTo>
                  <a:lnTo>
                    <a:pt x="0" y="1036319"/>
                  </a:lnTo>
                  <a:lnTo>
                    <a:pt x="0" y="1063752"/>
                  </a:lnTo>
                  <a:lnTo>
                    <a:pt x="7619" y="1063752"/>
                  </a:lnTo>
                  <a:lnTo>
                    <a:pt x="7619" y="1036319"/>
                  </a:lnTo>
                  <a:close/>
                </a:path>
                <a:path w="173990" h="1115695">
                  <a:moveTo>
                    <a:pt x="7619" y="989076"/>
                  </a:moveTo>
                  <a:lnTo>
                    <a:pt x="0" y="989076"/>
                  </a:lnTo>
                  <a:lnTo>
                    <a:pt x="0" y="1016507"/>
                  </a:lnTo>
                  <a:lnTo>
                    <a:pt x="7619" y="1016507"/>
                  </a:lnTo>
                  <a:lnTo>
                    <a:pt x="7619" y="989076"/>
                  </a:lnTo>
                  <a:close/>
                </a:path>
                <a:path w="173990" h="1115695">
                  <a:moveTo>
                    <a:pt x="7619" y="940307"/>
                  </a:moveTo>
                  <a:lnTo>
                    <a:pt x="0" y="940307"/>
                  </a:lnTo>
                  <a:lnTo>
                    <a:pt x="0" y="967739"/>
                  </a:lnTo>
                  <a:lnTo>
                    <a:pt x="7619" y="967739"/>
                  </a:lnTo>
                  <a:lnTo>
                    <a:pt x="7619" y="940307"/>
                  </a:lnTo>
                  <a:close/>
                </a:path>
                <a:path w="173990" h="1115695">
                  <a:moveTo>
                    <a:pt x="7619" y="893063"/>
                  </a:moveTo>
                  <a:lnTo>
                    <a:pt x="0" y="893063"/>
                  </a:lnTo>
                  <a:lnTo>
                    <a:pt x="0" y="920495"/>
                  </a:lnTo>
                  <a:lnTo>
                    <a:pt x="7619" y="920495"/>
                  </a:lnTo>
                  <a:lnTo>
                    <a:pt x="7619" y="893063"/>
                  </a:lnTo>
                  <a:close/>
                </a:path>
                <a:path w="173990" h="1115695">
                  <a:moveTo>
                    <a:pt x="7619" y="844295"/>
                  </a:moveTo>
                  <a:lnTo>
                    <a:pt x="0" y="844295"/>
                  </a:lnTo>
                  <a:lnTo>
                    <a:pt x="0" y="871727"/>
                  </a:lnTo>
                  <a:lnTo>
                    <a:pt x="7619" y="871727"/>
                  </a:lnTo>
                  <a:lnTo>
                    <a:pt x="7619" y="844295"/>
                  </a:lnTo>
                  <a:close/>
                </a:path>
                <a:path w="173990" h="1115695">
                  <a:moveTo>
                    <a:pt x="7619" y="797051"/>
                  </a:moveTo>
                  <a:lnTo>
                    <a:pt x="0" y="797051"/>
                  </a:lnTo>
                  <a:lnTo>
                    <a:pt x="0" y="824483"/>
                  </a:lnTo>
                  <a:lnTo>
                    <a:pt x="7619" y="824483"/>
                  </a:lnTo>
                  <a:lnTo>
                    <a:pt x="7619" y="797051"/>
                  </a:lnTo>
                  <a:close/>
                </a:path>
                <a:path w="173990" h="1115695">
                  <a:moveTo>
                    <a:pt x="7619" y="748283"/>
                  </a:moveTo>
                  <a:lnTo>
                    <a:pt x="0" y="748283"/>
                  </a:lnTo>
                  <a:lnTo>
                    <a:pt x="0" y="775715"/>
                  </a:lnTo>
                  <a:lnTo>
                    <a:pt x="7619" y="775715"/>
                  </a:lnTo>
                  <a:lnTo>
                    <a:pt x="7619" y="748283"/>
                  </a:lnTo>
                  <a:close/>
                </a:path>
                <a:path w="173990" h="1115695">
                  <a:moveTo>
                    <a:pt x="7619" y="701039"/>
                  </a:moveTo>
                  <a:lnTo>
                    <a:pt x="0" y="701039"/>
                  </a:lnTo>
                  <a:lnTo>
                    <a:pt x="0" y="728471"/>
                  </a:lnTo>
                  <a:lnTo>
                    <a:pt x="7619" y="728471"/>
                  </a:lnTo>
                  <a:lnTo>
                    <a:pt x="7619" y="701039"/>
                  </a:lnTo>
                  <a:close/>
                </a:path>
                <a:path w="173990" h="1115695">
                  <a:moveTo>
                    <a:pt x="7619" y="652271"/>
                  </a:moveTo>
                  <a:lnTo>
                    <a:pt x="0" y="652271"/>
                  </a:lnTo>
                  <a:lnTo>
                    <a:pt x="0" y="679703"/>
                  </a:lnTo>
                  <a:lnTo>
                    <a:pt x="7619" y="679703"/>
                  </a:lnTo>
                  <a:lnTo>
                    <a:pt x="7619" y="652271"/>
                  </a:lnTo>
                  <a:close/>
                </a:path>
                <a:path w="173990" h="1115695">
                  <a:moveTo>
                    <a:pt x="7619" y="605027"/>
                  </a:moveTo>
                  <a:lnTo>
                    <a:pt x="0" y="605027"/>
                  </a:lnTo>
                  <a:lnTo>
                    <a:pt x="0" y="632459"/>
                  </a:lnTo>
                  <a:lnTo>
                    <a:pt x="7619" y="632459"/>
                  </a:lnTo>
                  <a:lnTo>
                    <a:pt x="7619" y="605027"/>
                  </a:lnTo>
                  <a:close/>
                </a:path>
                <a:path w="173990" h="1115695">
                  <a:moveTo>
                    <a:pt x="7619" y="556259"/>
                  </a:moveTo>
                  <a:lnTo>
                    <a:pt x="0" y="556259"/>
                  </a:lnTo>
                  <a:lnTo>
                    <a:pt x="0" y="583691"/>
                  </a:lnTo>
                  <a:lnTo>
                    <a:pt x="7619" y="583691"/>
                  </a:lnTo>
                  <a:lnTo>
                    <a:pt x="7619" y="556259"/>
                  </a:lnTo>
                  <a:close/>
                </a:path>
                <a:path w="173990" h="1115695">
                  <a:moveTo>
                    <a:pt x="7619" y="509015"/>
                  </a:moveTo>
                  <a:lnTo>
                    <a:pt x="0" y="509015"/>
                  </a:lnTo>
                  <a:lnTo>
                    <a:pt x="0" y="536447"/>
                  </a:lnTo>
                  <a:lnTo>
                    <a:pt x="7619" y="536447"/>
                  </a:lnTo>
                  <a:lnTo>
                    <a:pt x="7619" y="509015"/>
                  </a:lnTo>
                  <a:close/>
                </a:path>
                <a:path w="173990" h="1115695">
                  <a:moveTo>
                    <a:pt x="7619" y="460247"/>
                  </a:moveTo>
                  <a:lnTo>
                    <a:pt x="0" y="460247"/>
                  </a:lnTo>
                  <a:lnTo>
                    <a:pt x="0" y="487679"/>
                  </a:lnTo>
                  <a:lnTo>
                    <a:pt x="7619" y="487679"/>
                  </a:lnTo>
                  <a:lnTo>
                    <a:pt x="7619" y="460247"/>
                  </a:lnTo>
                  <a:close/>
                </a:path>
                <a:path w="173990" h="1115695">
                  <a:moveTo>
                    <a:pt x="7619" y="413003"/>
                  </a:moveTo>
                  <a:lnTo>
                    <a:pt x="0" y="413003"/>
                  </a:lnTo>
                  <a:lnTo>
                    <a:pt x="0" y="440435"/>
                  </a:lnTo>
                  <a:lnTo>
                    <a:pt x="7619" y="440435"/>
                  </a:lnTo>
                  <a:lnTo>
                    <a:pt x="7619" y="413003"/>
                  </a:lnTo>
                  <a:close/>
                </a:path>
                <a:path w="173990" h="1115695">
                  <a:moveTo>
                    <a:pt x="7619" y="364235"/>
                  </a:moveTo>
                  <a:lnTo>
                    <a:pt x="0" y="364235"/>
                  </a:lnTo>
                  <a:lnTo>
                    <a:pt x="0" y="391668"/>
                  </a:lnTo>
                  <a:lnTo>
                    <a:pt x="7619" y="391668"/>
                  </a:lnTo>
                  <a:lnTo>
                    <a:pt x="7619" y="364235"/>
                  </a:lnTo>
                  <a:close/>
                </a:path>
                <a:path w="173990" h="1115695">
                  <a:moveTo>
                    <a:pt x="7619" y="316991"/>
                  </a:moveTo>
                  <a:lnTo>
                    <a:pt x="0" y="316991"/>
                  </a:lnTo>
                  <a:lnTo>
                    <a:pt x="0" y="344423"/>
                  </a:lnTo>
                  <a:lnTo>
                    <a:pt x="7619" y="344423"/>
                  </a:lnTo>
                  <a:lnTo>
                    <a:pt x="7619" y="316991"/>
                  </a:lnTo>
                  <a:close/>
                </a:path>
                <a:path w="173990" h="1115695">
                  <a:moveTo>
                    <a:pt x="7619" y="268223"/>
                  </a:moveTo>
                  <a:lnTo>
                    <a:pt x="0" y="268223"/>
                  </a:lnTo>
                  <a:lnTo>
                    <a:pt x="0" y="295656"/>
                  </a:lnTo>
                  <a:lnTo>
                    <a:pt x="7619" y="295656"/>
                  </a:lnTo>
                  <a:lnTo>
                    <a:pt x="7619" y="268223"/>
                  </a:lnTo>
                  <a:close/>
                </a:path>
                <a:path w="173990" h="1115695">
                  <a:moveTo>
                    <a:pt x="7619" y="220979"/>
                  </a:moveTo>
                  <a:lnTo>
                    <a:pt x="0" y="220979"/>
                  </a:lnTo>
                  <a:lnTo>
                    <a:pt x="0" y="248412"/>
                  </a:lnTo>
                  <a:lnTo>
                    <a:pt x="7619" y="248412"/>
                  </a:lnTo>
                  <a:lnTo>
                    <a:pt x="7619" y="220979"/>
                  </a:lnTo>
                  <a:close/>
                </a:path>
                <a:path w="173990" h="1115695">
                  <a:moveTo>
                    <a:pt x="7619" y="173735"/>
                  </a:moveTo>
                  <a:lnTo>
                    <a:pt x="0" y="173735"/>
                  </a:lnTo>
                  <a:lnTo>
                    <a:pt x="0" y="199644"/>
                  </a:lnTo>
                  <a:lnTo>
                    <a:pt x="7619" y="199644"/>
                  </a:lnTo>
                  <a:lnTo>
                    <a:pt x="7619" y="173735"/>
                  </a:lnTo>
                  <a:close/>
                </a:path>
                <a:path w="173990" h="1115695">
                  <a:moveTo>
                    <a:pt x="7619" y="124968"/>
                  </a:moveTo>
                  <a:lnTo>
                    <a:pt x="0" y="124968"/>
                  </a:lnTo>
                  <a:lnTo>
                    <a:pt x="0" y="152400"/>
                  </a:lnTo>
                  <a:lnTo>
                    <a:pt x="7619" y="152400"/>
                  </a:lnTo>
                  <a:lnTo>
                    <a:pt x="7619" y="124968"/>
                  </a:lnTo>
                  <a:close/>
                </a:path>
                <a:path w="173990" h="1115695">
                  <a:moveTo>
                    <a:pt x="7619" y="77723"/>
                  </a:moveTo>
                  <a:lnTo>
                    <a:pt x="0" y="77723"/>
                  </a:lnTo>
                  <a:lnTo>
                    <a:pt x="0" y="105156"/>
                  </a:lnTo>
                  <a:lnTo>
                    <a:pt x="7619" y="105156"/>
                  </a:lnTo>
                  <a:lnTo>
                    <a:pt x="7619" y="77723"/>
                  </a:lnTo>
                  <a:close/>
                </a:path>
                <a:path w="173990" h="1115695">
                  <a:moveTo>
                    <a:pt x="7619" y="28956"/>
                  </a:moveTo>
                  <a:lnTo>
                    <a:pt x="0" y="28956"/>
                  </a:lnTo>
                  <a:lnTo>
                    <a:pt x="0" y="56387"/>
                  </a:lnTo>
                  <a:lnTo>
                    <a:pt x="7619" y="56387"/>
                  </a:lnTo>
                  <a:lnTo>
                    <a:pt x="7619" y="28956"/>
                  </a:lnTo>
                  <a:close/>
                </a:path>
                <a:path w="173990" h="1115695">
                  <a:moveTo>
                    <a:pt x="27431" y="0"/>
                  </a:moveTo>
                  <a:lnTo>
                    <a:pt x="0" y="0"/>
                  </a:lnTo>
                  <a:lnTo>
                    <a:pt x="0" y="9143"/>
                  </a:lnTo>
                  <a:lnTo>
                    <a:pt x="7619" y="9143"/>
                  </a:lnTo>
                  <a:lnTo>
                    <a:pt x="7619" y="7619"/>
                  </a:lnTo>
                  <a:lnTo>
                    <a:pt x="4571" y="7619"/>
                  </a:lnTo>
                  <a:lnTo>
                    <a:pt x="7619" y="4571"/>
                  </a:lnTo>
                  <a:lnTo>
                    <a:pt x="27431" y="4571"/>
                  </a:lnTo>
                  <a:lnTo>
                    <a:pt x="27431" y="0"/>
                  </a:lnTo>
                  <a:close/>
                </a:path>
                <a:path w="173990" h="1115695">
                  <a:moveTo>
                    <a:pt x="7619" y="4571"/>
                  </a:moveTo>
                  <a:lnTo>
                    <a:pt x="4571" y="7619"/>
                  </a:lnTo>
                  <a:lnTo>
                    <a:pt x="7619" y="7619"/>
                  </a:lnTo>
                  <a:lnTo>
                    <a:pt x="7619" y="4571"/>
                  </a:lnTo>
                  <a:close/>
                </a:path>
                <a:path w="173990" h="1115695">
                  <a:moveTo>
                    <a:pt x="27431" y="4571"/>
                  </a:moveTo>
                  <a:lnTo>
                    <a:pt x="7619" y="4571"/>
                  </a:lnTo>
                  <a:lnTo>
                    <a:pt x="7619" y="7619"/>
                  </a:lnTo>
                  <a:lnTo>
                    <a:pt x="27431" y="7619"/>
                  </a:lnTo>
                  <a:lnTo>
                    <a:pt x="27431" y="4571"/>
                  </a:lnTo>
                  <a:close/>
                </a:path>
                <a:path w="173990" h="1115695">
                  <a:moveTo>
                    <a:pt x="74675" y="0"/>
                  </a:moveTo>
                  <a:lnTo>
                    <a:pt x="47243" y="0"/>
                  </a:lnTo>
                  <a:lnTo>
                    <a:pt x="47243" y="7619"/>
                  </a:lnTo>
                  <a:lnTo>
                    <a:pt x="74675" y="7619"/>
                  </a:lnTo>
                  <a:lnTo>
                    <a:pt x="74675" y="0"/>
                  </a:lnTo>
                  <a:close/>
                </a:path>
                <a:path w="173990" h="1115695">
                  <a:moveTo>
                    <a:pt x="123443" y="0"/>
                  </a:moveTo>
                  <a:lnTo>
                    <a:pt x="96011" y="0"/>
                  </a:lnTo>
                  <a:lnTo>
                    <a:pt x="96011" y="7619"/>
                  </a:lnTo>
                  <a:lnTo>
                    <a:pt x="123443" y="7619"/>
                  </a:lnTo>
                  <a:lnTo>
                    <a:pt x="123443" y="0"/>
                  </a:lnTo>
                  <a:close/>
                </a:path>
                <a:path w="173990" h="1115695">
                  <a:moveTo>
                    <a:pt x="173735" y="0"/>
                  </a:moveTo>
                  <a:lnTo>
                    <a:pt x="143255" y="0"/>
                  </a:lnTo>
                  <a:lnTo>
                    <a:pt x="143255" y="7619"/>
                  </a:lnTo>
                  <a:lnTo>
                    <a:pt x="170687" y="7619"/>
                  </a:lnTo>
                  <a:lnTo>
                    <a:pt x="166115" y="4571"/>
                  </a:lnTo>
                  <a:lnTo>
                    <a:pt x="173735" y="4571"/>
                  </a:lnTo>
                  <a:lnTo>
                    <a:pt x="173735" y="0"/>
                  </a:lnTo>
                  <a:close/>
                </a:path>
                <a:path w="173990" h="1115695">
                  <a:moveTo>
                    <a:pt x="173735" y="25907"/>
                  </a:moveTo>
                  <a:lnTo>
                    <a:pt x="166115" y="25907"/>
                  </a:lnTo>
                  <a:lnTo>
                    <a:pt x="166115" y="53339"/>
                  </a:lnTo>
                  <a:lnTo>
                    <a:pt x="173735" y="53339"/>
                  </a:lnTo>
                  <a:lnTo>
                    <a:pt x="173735" y="25907"/>
                  </a:lnTo>
                  <a:close/>
                </a:path>
                <a:path w="173990" h="1115695">
                  <a:moveTo>
                    <a:pt x="173735" y="73151"/>
                  </a:moveTo>
                  <a:lnTo>
                    <a:pt x="166115" y="73151"/>
                  </a:lnTo>
                  <a:lnTo>
                    <a:pt x="166115" y="100583"/>
                  </a:lnTo>
                  <a:lnTo>
                    <a:pt x="173735" y="100583"/>
                  </a:lnTo>
                  <a:lnTo>
                    <a:pt x="173735" y="73151"/>
                  </a:lnTo>
                  <a:close/>
                </a:path>
                <a:path w="173990" h="1115695">
                  <a:moveTo>
                    <a:pt x="173735" y="120395"/>
                  </a:moveTo>
                  <a:lnTo>
                    <a:pt x="166115" y="120395"/>
                  </a:lnTo>
                  <a:lnTo>
                    <a:pt x="166115" y="147827"/>
                  </a:lnTo>
                  <a:lnTo>
                    <a:pt x="173735" y="147827"/>
                  </a:lnTo>
                  <a:lnTo>
                    <a:pt x="173735" y="120395"/>
                  </a:lnTo>
                  <a:close/>
                </a:path>
                <a:path w="173990" h="1115695">
                  <a:moveTo>
                    <a:pt x="173735" y="169163"/>
                  </a:moveTo>
                  <a:lnTo>
                    <a:pt x="166115" y="169163"/>
                  </a:lnTo>
                  <a:lnTo>
                    <a:pt x="166115" y="196595"/>
                  </a:lnTo>
                  <a:lnTo>
                    <a:pt x="173735" y="196595"/>
                  </a:lnTo>
                  <a:lnTo>
                    <a:pt x="173735" y="169163"/>
                  </a:lnTo>
                  <a:close/>
                </a:path>
                <a:path w="173990" h="1115695">
                  <a:moveTo>
                    <a:pt x="173735" y="216407"/>
                  </a:moveTo>
                  <a:lnTo>
                    <a:pt x="166115" y="216407"/>
                  </a:lnTo>
                  <a:lnTo>
                    <a:pt x="166115" y="243839"/>
                  </a:lnTo>
                  <a:lnTo>
                    <a:pt x="173735" y="243839"/>
                  </a:lnTo>
                  <a:lnTo>
                    <a:pt x="173735" y="216407"/>
                  </a:lnTo>
                  <a:close/>
                </a:path>
                <a:path w="173990" h="1115695">
                  <a:moveTo>
                    <a:pt x="173735" y="265175"/>
                  </a:moveTo>
                  <a:lnTo>
                    <a:pt x="166115" y="265175"/>
                  </a:lnTo>
                  <a:lnTo>
                    <a:pt x="166115" y="292607"/>
                  </a:lnTo>
                  <a:lnTo>
                    <a:pt x="173735" y="292607"/>
                  </a:lnTo>
                  <a:lnTo>
                    <a:pt x="173735" y="265175"/>
                  </a:lnTo>
                  <a:close/>
                </a:path>
                <a:path w="173990" h="1115695">
                  <a:moveTo>
                    <a:pt x="173735" y="312419"/>
                  </a:moveTo>
                  <a:lnTo>
                    <a:pt x="166115" y="312419"/>
                  </a:lnTo>
                  <a:lnTo>
                    <a:pt x="166115" y="339851"/>
                  </a:lnTo>
                  <a:lnTo>
                    <a:pt x="173735" y="339851"/>
                  </a:lnTo>
                  <a:lnTo>
                    <a:pt x="173735" y="312419"/>
                  </a:lnTo>
                  <a:close/>
                </a:path>
                <a:path w="173990" h="1115695">
                  <a:moveTo>
                    <a:pt x="173735" y="361188"/>
                  </a:moveTo>
                  <a:lnTo>
                    <a:pt x="166115" y="361188"/>
                  </a:lnTo>
                  <a:lnTo>
                    <a:pt x="166115" y="388619"/>
                  </a:lnTo>
                  <a:lnTo>
                    <a:pt x="173735" y="388619"/>
                  </a:lnTo>
                  <a:lnTo>
                    <a:pt x="173735" y="361188"/>
                  </a:lnTo>
                  <a:close/>
                </a:path>
                <a:path w="173990" h="1115695">
                  <a:moveTo>
                    <a:pt x="173735" y="408431"/>
                  </a:moveTo>
                  <a:lnTo>
                    <a:pt x="166115" y="408431"/>
                  </a:lnTo>
                  <a:lnTo>
                    <a:pt x="166115" y="435863"/>
                  </a:lnTo>
                  <a:lnTo>
                    <a:pt x="173735" y="435863"/>
                  </a:lnTo>
                  <a:lnTo>
                    <a:pt x="173735" y="408431"/>
                  </a:lnTo>
                  <a:close/>
                </a:path>
                <a:path w="173990" h="1115695">
                  <a:moveTo>
                    <a:pt x="173735" y="457200"/>
                  </a:moveTo>
                  <a:lnTo>
                    <a:pt x="166115" y="457200"/>
                  </a:lnTo>
                  <a:lnTo>
                    <a:pt x="166115" y="484631"/>
                  </a:lnTo>
                  <a:lnTo>
                    <a:pt x="173735" y="484631"/>
                  </a:lnTo>
                  <a:lnTo>
                    <a:pt x="173735" y="457200"/>
                  </a:lnTo>
                  <a:close/>
                </a:path>
                <a:path w="173990" h="1115695">
                  <a:moveTo>
                    <a:pt x="173735" y="504444"/>
                  </a:moveTo>
                  <a:lnTo>
                    <a:pt x="166115" y="504444"/>
                  </a:lnTo>
                  <a:lnTo>
                    <a:pt x="166115" y="531876"/>
                  </a:lnTo>
                  <a:lnTo>
                    <a:pt x="173735" y="531876"/>
                  </a:lnTo>
                  <a:lnTo>
                    <a:pt x="173735" y="504444"/>
                  </a:lnTo>
                  <a:close/>
                </a:path>
                <a:path w="173990" h="1115695">
                  <a:moveTo>
                    <a:pt x="173735" y="553212"/>
                  </a:moveTo>
                  <a:lnTo>
                    <a:pt x="166115" y="553212"/>
                  </a:lnTo>
                  <a:lnTo>
                    <a:pt x="166115" y="580644"/>
                  </a:lnTo>
                  <a:lnTo>
                    <a:pt x="173735" y="580644"/>
                  </a:lnTo>
                  <a:lnTo>
                    <a:pt x="173735" y="553212"/>
                  </a:lnTo>
                  <a:close/>
                </a:path>
                <a:path w="173990" h="1115695">
                  <a:moveTo>
                    <a:pt x="173735" y="600456"/>
                  </a:moveTo>
                  <a:lnTo>
                    <a:pt x="166115" y="600456"/>
                  </a:lnTo>
                  <a:lnTo>
                    <a:pt x="166115" y="627888"/>
                  </a:lnTo>
                  <a:lnTo>
                    <a:pt x="173735" y="627888"/>
                  </a:lnTo>
                  <a:lnTo>
                    <a:pt x="173735" y="600456"/>
                  </a:lnTo>
                  <a:close/>
                </a:path>
                <a:path w="173990" h="1115695">
                  <a:moveTo>
                    <a:pt x="173735" y="649223"/>
                  </a:moveTo>
                  <a:lnTo>
                    <a:pt x="166115" y="649223"/>
                  </a:lnTo>
                  <a:lnTo>
                    <a:pt x="166115" y="676656"/>
                  </a:lnTo>
                  <a:lnTo>
                    <a:pt x="173735" y="676656"/>
                  </a:lnTo>
                  <a:lnTo>
                    <a:pt x="173735" y="649223"/>
                  </a:lnTo>
                  <a:close/>
                </a:path>
                <a:path w="173990" h="1115695">
                  <a:moveTo>
                    <a:pt x="173735" y="696468"/>
                  </a:moveTo>
                  <a:lnTo>
                    <a:pt x="166115" y="696468"/>
                  </a:lnTo>
                  <a:lnTo>
                    <a:pt x="166115" y="723900"/>
                  </a:lnTo>
                  <a:lnTo>
                    <a:pt x="173735" y="723900"/>
                  </a:lnTo>
                  <a:lnTo>
                    <a:pt x="173735" y="696468"/>
                  </a:lnTo>
                  <a:close/>
                </a:path>
                <a:path w="173990" h="1115695">
                  <a:moveTo>
                    <a:pt x="173735" y="745235"/>
                  </a:moveTo>
                  <a:lnTo>
                    <a:pt x="166115" y="745235"/>
                  </a:lnTo>
                  <a:lnTo>
                    <a:pt x="166115" y="772668"/>
                  </a:lnTo>
                  <a:lnTo>
                    <a:pt x="173735" y="772668"/>
                  </a:lnTo>
                  <a:lnTo>
                    <a:pt x="173735" y="745235"/>
                  </a:lnTo>
                  <a:close/>
                </a:path>
                <a:path w="173990" h="1115695">
                  <a:moveTo>
                    <a:pt x="173735" y="792479"/>
                  </a:moveTo>
                  <a:lnTo>
                    <a:pt x="166115" y="792479"/>
                  </a:lnTo>
                  <a:lnTo>
                    <a:pt x="166115" y="819912"/>
                  </a:lnTo>
                  <a:lnTo>
                    <a:pt x="173735" y="819912"/>
                  </a:lnTo>
                  <a:lnTo>
                    <a:pt x="173735" y="792479"/>
                  </a:lnTo>
                  <a:close/>
                </a:path>
                <a:path w="173990" h="1115695">
                  <a:moveTo>
                    <a:pt x="173735" y="841247"/>
                  </a:moveTo>
                  <a:lnTo>
                    <a:pt x="166115" y="841247"/>
                  </a:lnTo>
                  <a:lnTo>
                    <a:pt x="166115" y="868679"/>
                  </a:lnTo>
                  <a:lnTo>
                    <a:pt x="173735" y="868679"/>
                  </a:lnTo>
                  <a:lnTo>
                    <a:pt x="173735" y="841247"/>
                  </a:lnTo>
                  <a:close/>
                </a:path>
                <a:path w="173990" h="1115695">
                  <a:moveTo>
                    <a:pt x="173735" y="888491"/>
                  </a:moveTo>
                  <a:lnTo>
                    <a:pt x="166115" y="888491"/>
                  </a:lnTo>
                  <a:lnTo>
                    <a:pt x="166115" y="915923"/>
                  </a:lnTo>
                  <a:lnTo>
                    <a:pt x="173735" y="915923"/>
                  </a:lnTo>
                  <a:lnTo>
                    <a:pt x="173735" y="888491"/>
                  </a:lnTo>
                  <a:close/>
                </a:path>
                <a:path w="173990" h="1115695">
                  <a:moveTo>
                    <a:pt x="173735" y="937259"/>
                  </a:moveTo>
                  <a:lnTo>
                    <a:pt x="166115" y="937259"/>
                  </a:lnTo>
                  <a:lnTo>
                    <a:pt x="166115" y="964691"/>
                  </a:lnTo>
                  <a:lnTo>
                    <a:pt x="173735" y="964691"/>
                  </a:lnTo>
                  <a:lnTo>
                    <a:pt x="173735" y="937259"/>
                  </a:lnTo>
                  <a:close/>
                </a:path>
                <a:path w="173990" h="1115695">
                  <a:moveTo>
                    <a:pt x="173735" y="984503"/>
                  </a:moveTo>
                  <a:lnTo>
                    <a:pt x="166115" y="984503"/>
                  </a:lnTo>
                  <a:lnTo>
                    <a:pt x="166115" y="1011935"/>
                  </a:lnTo>
                  <a:lnTo>
                    <a:pt x="173735" y="1011935"/>
                  </a:lnTo>
                  <a:lnTo>
                    <a:pt x="173735" y="984503"/>
                  </a:lnTo>
                  <a:close/>
                </a:path>
                <a:path w="173990" h="1115695">
                  <a:moveTo>
                    <a:pt x="173735" y="1033271"/>
                  </a:moveTo>
                  <a:lnTo>
                    <a:pt x="166115" y="1033271"/>
                  </a:lnTo>
                  <a:lnTo>
                    <a:pt x="166115" y="1060703"/>
                  </a:lnTo>
                  <a:lnTo>
                    <a:pt x="173735" y="1060703"/>
                  </a:lnTo>
                  <a:lnTo>
                    <a:pt x="173735" y="1033271"/>
                  </a:lnTo>
                  <a:close/>
                </a:path>
                <a:path w="173990" h="1115695">
                  <a:moveTo>
                    <a:pt x="173735" y="1080515"/>
                  </a:moveTo>
                  <a:lnTo>
                    <a:pt x="166115" y="1080515"/>
                  </a:lnTo>
                  <a:lnTo>
                    <a:pt x="166115" y="1107947"/>
                  </a:lnTo>
                  <a:lnTo>
                    <a:pt x="173735" y="1107947"/>
                  </a:lnTo>
                  <a:lnTo>
                    <a:pt x="173735" y="1080515"/>
                  </a:lnTo>
                  <a:close/>
                </a:path>
                <a:path w="173990" h="1115695">
                  <a:moveTo>
                    <a:pt x="153924" y="1107947"/>
                  </a:moveTo>
                  <a:lnTo>
                    <a:pt x="126491" y="1107947"/>
                  </a:lnTo>
                  <a:lnTo>
                    <a:pt x="126491" y="1115568"/>
                  </a:lnTo>
                  <a:lnTo>
                    <a:pt x="153924" y="1115568"/>
                  </a:lnTo>
                  <a:lnTo>
                    <a:pt x="153924" y="1107947"/>
                  </a:lnTo>
                  <a:close/>
                </a:path>
                <a:path w="173990" h="1115695">
                  <a:moveTo>
                    <a:pt x="105155" y="1107947"/>
                  </a:moveTo>
                  <a:lnTo>
                    <a:pt x="77724" y="1107947"/>
                  </a:lnTo>
                  <a:lnTo>
                    <a:pt x="77724" y="1115568"/>
                  </a:lnTo>
                  <a:lnTo>
                    <a:pt x="105155" y="1115568"/>
                  </a:lnTo>
                  <a:lnTo>
                    <a:pt x="105155" y="1107947"/>
                  </a:lnTo>
                  <a:close/>
                </a:path>
                <a:path w="173990" h="1115695">
                  <a:moveTo>
                    <a:pt x="57911" y="1107947"/>
                  </a:moveTo>
                  <a:lnTo>
                    <a:pt x="30479" y="1107947"/>
                  </a:lnTo>
                  <a:lnTo>
                    <a:pt x="30479" y="1115568"/>
                  </a:lnTo>
                  <a:lnTo>
                    <a:pt x="57911" y="1115568"/>
                  </a:lnTo>
                  <a:lnTo>
                    <a:pt x="57911" y="1107947"/>
                  </a:lnTo>
                  <a:close/>
                </a:path>
              </a:pathLst>
            </a:custGeom>
            <a:solidFill>
              <a:srgbClr val="3F3F3F"/>
            </a:solidFill>
          </p:spPr>
          <p:txBody>
            <a:bodyPr wrap="square" lIns="0" tIns="0" rIns="0" bIns="0" rtlCol="0"/>
            <a:lstStyle/>
            <a:p>
              <a:endParaRPr sz="1539"/>
            </a:p>
          </p:txBody>
        </p:sp>
        <p:sp>
          <p:nvSpPr>
            <p:cNvPr id="11" name="object 11"/>
            <p:cNvSpPr/>
            <p:nvPr/>
          </p:nvSpPr>
          <p:spPr>
            <a:xfrm>
              <a:off x="8708135" y="3494531"/>
              <a:ext cx="166370" cy="1108075"/>
            </a:xfrm>
            <a:custGeom>
              <a:avLst/>
              <a:gdLst/>
              <a:ahLst/>
              <a:cxnLst/>
              <a:rect l="l" t="t" r="r" b="b"/>
              <a:pathLst>
                <a:path w="166370" h="1108075">
                  <a:moveTo>
                    <a:pt x="166116" y="0"/>
                  </a:moveTo>
                  <a:lnTo>
                    <a:pt x="0" y="0"/>
                  </a:lnTo>
                  <a:lnTo>
                    <a:pt x="0" y="1107947"/>
                  </a:lnTo>
                  <a:lnTo>
                    <a:pt x="166116" y="1107947"/>
                  </a:lnTo>
                  <a:lnTo>
                    <a:pt x="166116" y="0"/>
                  </a:lnTo>
                  <a:close/>
                </a:path>
              </a:pathLst>
            </a:custGeom>
            <a:solidFill>
              <a:srgbClr val="DAE2F2"/>
            </a:solidFill>
          </p:spPr>
          <p:txBody>
            <a:bodyPr wrap="square" lIns="0" tIns="0" rIns="0" bIns="0" rtlCol="0"/>
            <a:lstStyle/>
            <a:p>
              <a:endParaRPr sz="1539"/>
            </a:p>
          </p:txBody>
        </p:sp>
        <p:sp>
          <p:nvSpPr>
            <p:cNvPr id="12" name="object 12"/>
            <p:cNvSpPr/>
            <p:nvPr/>
          </p:nvSpPr>
          <p:spPr>
            <a:xfrm>
              <a:off x="8703563" y="3489959"/>
              <a:ext cx="173990" cy="1115695"/>
            </a:xfrm>
            <a:custGeom>
              <a:avLst/>
              <a:gdLst/>
              <a:ahLst/>
              <a:cxnLst/>
              <a:rect l="l" t="t" r="r" b="b"/>
              <a:pathLst>
                <a:path w="173990" h="1115695">
                  <a:moveTo>
                    <a:pt x="7619" y="1107948"/>
                  </a:moveTo>
                  <a:lnTo>
                    <a:pt x="4571" y="1107948"/>
                  </a:lnTo>
                  <a:lnTo>
                    <a:pt x="4571" y="1115568"/>
                  </a:lnTo>
                  <a:lnTo>
                    <a:pt x="9143" y="1115568"/>
                  </a:lnTo>
                  <a:lnTo>
                    <a:pt x="9143" y="1112520"/>
                  </a:lnTo>
                  <a:lnTo>
                    <a:pt x="7619" y="1112520"/>
                  </a:lnTo>
                  <a:lnTo>
                    <a:pt x="7619" y="1107948"/>
                  </a:lnTo>
                  <a:close/>
                </a:path>
                <a:path w="173990" h="1115695">
                  <a:moveTo>
                    <a:pt x="7619" y="1085088"/>
                  </a:moveTo>
                  <a:lnTo>
                    <a:pt x="0" y="1085088"/>
                  </a:lnTo>
                  <a:lnTo>
                    <a:pt x="0" y="1112520"/>
                  </a:lnTo>
                  <a:lnTo>
                    <a:pt x="4571" y="1112520"/>
                  </a:lnTo>
                  <a:lnTo>
                    <a:pt x="4571" y="1107948"/>
                  </a:lnTo>
                  <a:lnTo>
                    <a:pt x="7619" y="1107948"/>
                  </a:lnTo>
                  <a:lnTo>
                    <a:pt x="7619" y="1085088"/>
                  </a:lnTo>
                  <a:close/>
                </a:path>
                <a:path w="173990" h="1115695">
                  <a:moveTo>
                    <a:pt x="9143" y="1107948"/>
                  </a:moveTo>
                  <a:lnTo>
                    <a:pt x="7619" y="1107948"/>
                  </a:lnTo>
                  <a:lnTo>
                    <a:pt x="7619" y="1112520"/>
                  </a:lnTo>
                  <a:lnTo>
                    <a:pt x="9143" y="1112520"/>
                  </a:lnTo>
                  <a:lnTo>
                    <a:pt x="9143" y="1107948"/>
                  </a:lnTo>
                  <a:close/>
                </a:path>
                <a:path w="173990" h="1115695">
                  <a:moveTo>
                    <a:pt x="7619" y="1036319"/>
                  </a:moveTo>
                  <a:lnTo>
                    <a:pt x="0" y="1036319"/>
                  </a:lnTo>
                  <a:lnTo>
                    <a:pt x="0" y="1063752"/>
                  </a:lnTo>
                  <a:lnTo>
                    <a:pt x="7619" y="1063752"/>
                  </a:lnTo>
                  <a:lnTo>
                    <a:pt x="7619" y="1036319"/>
                  </a:lnTo>
                  <a:close/>
                </a:path>
                <a:path w="173990" h="1115695">
                  <a:moveTo>
                    <a:pt x="7619" y="989076"/>
                  </a:moveTo>
                  <a:lnTo>
                    <a:pt x="0" y="989076"/>
                  </a:lnTo>
                  <a:lnTo>
                    <a:pt x="0" y="1016507"/>
                  </a:lnTo>
                  <a:lnTo>
                    <a:pt x="7619" y="1016507"/>
                  </a:lnTo>
                  <a:lnTo>
                    <a:pt x="7619" y="989076"/>
                  </a:lnTo>
                  <a:close/>
                </a:path>
                <a:path w="173990" h="1115695">
                  <a:moveTo>
                    <a:pt x="7619" y="940307"/>
                  </a:moveTo>
                  <a:lnTo>
                    <a:pt x="0" y="940307"/>
                  </a:lnTo>
                  <a:lnTo>
                    <a:pt x="0" y="967739"/>
                  </a:lnTo>
                  <a:lnTo>
                    <a:pt x="7619" y="967739"/>
                  </a:lnTo>
                  <a:lnTo>
                    <a:pt x="7619" y="940307"/>
                  </a:lnTo>
                  <a:close/>
                </a:path>
                <a:path w="173990" h="1115695">
                  <a:moveTo>
                    <a:pt x="7619" y="893063"/>
                  </a:moveTo>
                  <a:lnTo>
                    <a:pt x="0" y="893063"/>
                  </a:lnTo>
                  <a:lnTo>
                    <a:pt x="0" y="920495"/>
                  </a:lnTo>
                  <a:lnTo>
                    <a:pt x="7619" y="920495"/>
                  </a:lnTo>
                  <a:lnTo>
                    <a:pt x="7619" y="893063"/>
                  </a:lnTo>
                  <a:close/>
                </a:path>
                <a:path w="173990" h="1115695">
                  <a:moveTo>
                    <a:pt x="7619" y="844295"/>
                  </a:moveTo>
                  <a:lnTo>
                    <a:pt x="0" y="844295"/>
                  </a:lnTo>
                  <a:lnTo>
                    <a:pt x="0" y="871727"/>
                  </a:lnTo>
                  <a:lnTo>
                    <a:pt x="7619" y="871727"/>
                  </a:lnTo>
                  <a:lnTo>
                    <a:pt x="7619" y="844295"/>
                  </a:lnTo>
                  <a:close/>
                </a:path>
                <a:path w="173990" h="1115695">
                  <a:moveTo>
                    <a:pt x="7619" y="797051"/>
                  </a:moveTo>
                  <a:lnTo>
                    <a:pt x="0" y="797051"/>
                  </a:lnTo>
                  <a:lnTo>
                    <a:pt x="0" y="824483"/>
                  </a:lnTo>
                  <a:lnTo>
                    <a:pt x="7619" y="824483"/>
                  </a:lnTo>
                  <a:lnTo>
                    <a:pt x="7619" y="797051"/>
                  </a:lnTo>
                  <a:close/>
                </a:path>
                <a:path w="173990" h="1115695">
                  <a:moveTo>
                    <a:pt x="7619" y="748284"/>
                  </a:moveTo>
                  <a:lnTo>
                    <a:pt x="0" y="748284"/>
                  </a:lnTo>
                  <a:lnTo>
                    <a:pt x="0" y="775715"/>
                  </a:lnTo>
                  <a:lnTo>
                    <a:pt x="7619" y="775715"/>
                  </a:lnTo>
                  <a:lnTo>
                    <a:pt x="7619" y="748284"/>
                  </a:lnTo>
                  <a:close/>
                </a:path>
                <a:path w="173990" h="1115695">
                  <a:moveTo>
                    <a:pt x="7619" y="701039"/>
                  </a:moveTo>
                  <a:lnTo>
                    <a:pt x="0" y="701039"/>
                  </a:lnTo>
                  <a:lnTo>
                    <a:pt x="0" y="728472"/>
                  </a:lnTo>
                  <a:lnTo>
                    <a:pt x="7619" y="728472"/>
                  </a:lnTo>
                  <a:lnTo>
                    <a:pt x="7619" y="701039"/>
                  </a:lnTo>
                  <a:close/>
                </a:path>
                <a:path w="173990" h="1115695">
                  <a:moveTo>
                    <a:pt x="7619" y="652272"/>
                  </a:moveTo>
                  <a:lnTo>
                    <a:pt x="0" y="652272"/>
                  </a:lnTo>
                  <a:lnTo>
                    <a:pt x="0" y="679703"/>
                  </a:lnTo>
                  <a:lnTo>
                    <a:pt x="7619" y="679703"/>
                  </a:lnTo>
                  <a:lnTo>
                    <a:pt x="7619" y="652272"/>
                  </a:lnTo>
                  <a:close/>
                </a:path>
                <a:path w="173990" h="1115695">
                  <a:moveTo>
                    <a:pt x="7619" y="605027"/>
                  </a:moveTo>
                  <a:lnTo>
                    <a:pt x="0" y="605027"/>
                  </a:lnTo>
                  <a:lnTo>
                    <a:pt x="0" y="632460"/>
                  </a:lnTo>
                  <a:lnTo>
                    <a:pt x="7619" y="632460"/>
                  </a:lnTo>
                  <a:lnTo>
                    <a:pt x="7619" y="605027"/>
                  </a:lnTo>
                  <a:close/>
                </a:path>
                <a:path w="173990" h="1115695">
                  <a:moveTo>
                    <a:pt x="7619" y="556260"/>
                  </a:moveTo>
                  <a:lnTo>
                    <a:pt x="0" y="556260"/>
                  </a:lnTo>
                  <a:lnTo>
                    <a:pt x="0" y="583691"/>
                  </a:lnTo>
                  <a:lnTo>
                    <a:pt x="7619" y="583691"/>
                  </a:lnTo>
                  <a:lnTo>
                    <a:pt x="7619" y="556260"/>
                  </a:lnTo>
                  <a:close/>
                </a:path>
                <a:path w="173990" h="1115695">
                  <a:moveTo>
                    <a:pt x="7619" y="509015"/>
                  </a:moveTo>
                  <a:lnTo>
                    <a:pt x="0" y="509015"/>
                  </a:lnTo>
                  <a:lnTo>
                    <a:pt x="0" y="536448"/>
                  </a:lnTo>
                  <a:lnTo>
                    <a:pt x="7619" y="536448"/>
                  </a:lnTo>
                  <a:lnTo>
                    <a:pt x="7619" y="509015"/>
                  </a:lnTo>
                  <a:close/>
                </a:path>
                <a:path w="173990" h="1115695">
                  <a:moveTo>
                    <a:pt x="7619" y="460248"/>
                  </a:moveTo>
                  <a:lnTo>
                    <a:pt x="0" y="460248"/>
                  </a:lnTo>
                  <a:lnTo>
                    <a:pt x="0" y="487679"/>
                  </a:lnTo>
                  <a:lnTo>
                    <a:pt x="7619" y="487679"/>
                  </a:lnTo>
                  <a:lnTo>
                    <a:pt x="7619" y="460248"/>
                  </a:lnTo>
                  <a:close/>
                </a:path>
                <a:path w="173990" h="1115695">
                  <a:moveTo>
                    <a:pt x="7619" y="413003"/>
                  </a:moveTo>
                  <a:lnTo>
                    <a:pt x="0" y="413003"/>
                  </a:lnTo>
                  <a:lnTo>
                    <a:pt x="0" y="440436"/>
                  </a:lnTo>
                  <a:lnTo>
                    <a:pt x="7619" y="440436"/>
                  </a:lnTo>
                  <a:lnTo>
                    <a:pt x="7619" y="413003"/>
                  </a:lnTo>
                  <a:close/>
                </a:path>
                <a:path w="173990" h="1115695">
                  <a:moveTo>
                    <a:pt x="7619" y="364236"/>
                  </a:moveTo>
                  <a:lnTo>
                    <a:pt x="0" y="364236"/>
                  </a:lnTo>
                  <a:lnTo>
                    <a:pt x="0" y="391667"/>
                  </a:lnTo>
                  <a:lnTo>
                    <a:pt x="7619" y="391667"/>
                  </a:lnTo>
                  <a:lnTo>
                    <a:pt x="7619" y="364236"/>
                  </a:lnTo>
                  <a:close/>
                </a:path>
                <a:path w="173990" h="1115695">
                  <a:moveTo>
                    <a:pt x="7619" y="316991"/>
                  </a:moveTo>
                  <a:lnTo>
                    <a:pt x="0" y="316991"/>
                  </a:lnTo>
                  <a:lnTo>
                    <a:pt x="0" y="344424"/>
                  </a:lnTo>
                  <a:lnTo>
                    <a:pt x="7619" y="344424"/>
                  </a:lnTo>
                  <a:lnTo>
                    <a:pt x="7619" y="316991"/>
                  </a:lnTo>
                  <a:close/>
                </a:path>
                <a:path w="173990" h="1115695">
                  <a:moveTo>
                    <a:pt x="7619" y="269748"/>
                  </a:moveTo>
                  <a:lnTo>
                    <a:pt x="0" y="269748"/>
                  </a:lnTo>
                  <a:lnTo>
                    <a:pt x="0" y="295655"/>
                  </a:lnTo>
                  <a:lnTo>
                    <a:pt x="7619" y="295655"/>
                  </a:lnTo>
                  <a:lnTo>
                    <a:pt x="7619" y="269748"/>
                  </a:lnTo>
                  <a:close/>
                </a:path>
                <a:path w="173990" h="1115695">
                  <a:moveTo>
                    <a:pt x="7619" y="220979"/>
                  </a:moveTo>
                  <a:lnTo>
                    <a:pt x="0" y="220979"/>
                  </a:lnTo>
                  <a:lnTo>
                    <a:pt x="0" y="248412"/>
                  </a:lnTo>
                  <a:lnTo>
                    <a:pt x="7619" y="248412"/>
                  </a:lnTo>
                  <a:lnTo>
                    <a:pt x="7619" y="220979"/>
                  </a:lnTo>
                  <a:close/>
                </a:path>
                <a:path w="173990" h="1115695">
                  <a:moveTo>
                    <a:pt x="7619" y="173736"/>
                  </a:moveTo>
                  <a:lnTo>
                    <a:pt x="0" y="173736"/>
                  </a:lnTo>
                  <a:lnTo>
                    <a:pt x="0" y="201167"/>
                  </a:lnTo>
                  <a:lnTo>
                    <a:pt x="7619" y="201167"/>
                  </a:lnTo>
                  <a:lnTo>
                    <a:pt x="7619" y="173736"/>
                  </a:lnTo>
                  <a:close/>
                </a:path>
                <a:path w="173990" h="1115695">
                  <a:moveTo>
                    <a:pt x="7619" y="124967"/>
                  </a:moveTo>
                  <a:lnTo>
                    <a:pt x="0" y="124967"/>
                  </a:lnTo>
                  <a:lnTo>
                    <a:pt x="0" y="152400"/>
                  </a:lnTo>
                  <a:lnTo>
                    <a:pt x="7619" y="152400"/>
                  </a:lnTo>
                  <a:lnTo>
                    <a:pt x="7619" y="124967"/>
                  </a:lnTo>
                  <a:close/>
                </a:path>
                <a:path w="173990" h="1115695">
                  <a:moveTo>
                    <a:pt x="7619" y="77724"/>
                  </a:moveTo>
                  <a:lnTo>
                    <a:pt x="0" y="77724"/>
                  </a:lnTo>
                  <a:lnTo>
                    <a:pt x="0" y="105155"/>
                  </a:lnTo>
                  <a:lnTo>
                    <a:pt x="7619" y="105155"/>
                  </a:lnTo>
                  <a:lnTo>
                    <a:pt x="7619" y="77724"/>
                  </a:lnTo>
                  <a:close/>
                </a:path>
                <a:path w="173990" h="1115695">
                  <a:moveTo>
                    <a:pt x="7619" y="28955"/>
                  </a:moveTo>
                  <a:lnTo>
                    <a:pt x="0" y="28955"/>
                  </a:lnTo>
                  <a:lnTo>
                    <a:pt x="0" y="56387"/>
                  </a:lnTo>
                  <a:lnTo>
                    <a:pt x="7619" y="56387"/>
                  </a:lnTo>
                  <a:lnTo>
                    <a:pt x="7619" y="28955"/>
                  </a:lnTo>
                  <a:close/>
                </a:path>
                <a:path w="173990" h="1115695">
                  <a:moveTo>
                    <a:pt x="27431" y="0"/>
                  </a:moveTo>
                  <a:lnTo>
                    <a:pt x="0" y="0"/>
                  </a:lnTo>
                  <a:lnTo>
                    <a:pt x="0" y="9144"/>
                  </a:lnTo>
                  <a:lnTo>
                    <a:pt x="7619" y="9144"/>
                  </a:lnTo>
                  <a:lnTo>
                    <a:pt x="7619" y="7620"/>
                  </a:lnTo>
                  <a:lnTo>
                    <a:pt x="4571" y="7620"/>
                  </a:lnTo>
                  <a:lnTo>
                    <a:pt x="7619" y="4572"/>
                  </a:lnTo>
                  <a:lnTo>
                    <a:pt x="27431" y="4572"/>
                  </a:lnTo>
                  <a:lnTo>
                    <a:pt x="27431" y="0"/>
                  </a:lnTo>
                  <a:close/>
                </a:path>
                <a:path w="173990" h="1115695">
                  <a:moveTo>
                    <a:pt x="7619" y="4572"/>
                  </a:moveTo>
                  <a:lnTo>
                    <a:pt x="4571" y="7620"/>
                  </a:lnTo>
                  <a:lnTo>
                    <a:pt x="7619" y="7620"/>
                  </a:lnTo>
                  <a:lnTo>
                    <a:pt x="7619" y="4572"/>
                  </a:lnTo>
                  <a:close/>
                </a:path>
                <a:path w="173990" h="1115695">
                  <a:moveTo>
                    <a:pt x="27431" y="4572"/>
                  </a:moveTo>
                  <a:lnTo>
                    <a:pt x="7619" y="4572"/>
                  </a:lnTo>
                  <a:lnTo>
                    <a:pt x="7619" y="7620"/>
                  </a:lnTo>
                  <a:lnTo>
                    <a:pt x="27431" y="7620"/>
                  </a:lnTo>
                  <a:lnTo>
                    <a:pt x="27431" y="4572"/>
                  </a:lnTo>
                  <a:close/>
                </a:path>
                <a:path w="173990" h="1115695">
                  <a:moveTo>
                    <a:pt x="74675" y="0"/>
                  </a:moveTo>
                  <a:lnTo>
                    <a:pt x="47243" y="0"/>
                  </a:lnTo>
                  <a:lnTo>
                    <a:pt x="47243" y="7620"/>
                  </a:lnTo>
                  <a:lnTo>
                    <a:pt x="74675" y="7620"/>
                  </a:lnTo>
                  <a:lnTo>
                    <a:pt x="74675" y="0"/>
                  </a:lnTo>
                  <a:close/>
                </a:path>
                <a:path w="173990" h="1115695">
                  <a:moveTo>
                    <a:pt x="123443" y="0"/>
                  </a:moveTo>
                  <a:lnTo>
                    <a:pt x="96011" y="0"/>
                  </a:lnTo>
                  <a:lnTo>
                    <a:pt x="96011" y="7620"/>
                  </a:lnTo>
                  <a:lnTo>
                    <a:pt x="123443" y="7620"/>
                  </a:lnTo>
                  <a:lnTo>
                    <a:pt x="123443" y="0"/>
                  </a:lnTo>
                  <a:close/>
                </a:path>
                <a:path w="173990" h="1115695">
                  <a:moveTo>
                    <a:pt x="173735" y="0"/>
                  </a:moveTo>
                  <a:lnTo>
                    <a:pt x="143255" y="0"/>
                  </a:lnTo>
                  <a:lnTo>
                    <a:pt x="143255" y="7620"/>
                  </a:lnTo>
                  <a:lnTo>
                    <a:pt x="170687" y="7620"/>
                  </a:lnTo>
                  <a:lnTo>
                    <a:pt x="166115" y="4572"/>
                  </a:lnTo>
                  <a:lnTo>
                    <a:pt x="173735" y="4572"/>
                  </a:lnTo>
                  <a:lnTo>
                    <a:pt x="173735" y="0"/>
                  </a:lnTo>
                  <a:close/>
                </a:path>
                <a:path w="173990" h="1115695">
                  <a:moveTo>
                    <a:pt x="173735" y="25908"/>
                  </a:moveTo>
                  <a:lnTo>
                    <a:pt x="166115" y="25908"/>
                  </a:lnTo>
                  <a:lnTo>
                    <a:pt x="166115" y="53339"/>
                  </a:lnTo>
                  <a:lnTo>
                    <a:pt x="173735" y="53339"/>
                  </a:lnTo>
                  <a:lnTo>
                    <a:pt x="173735" y="25908"/>
                  </a:lnTo>
                  <a:close/>
                </a:path>
                <a:path w="173990" h="1115695">
                  <a:moveTo>
                    <a:pt x="173735" y="73151"/>
                  </a:moveTo>
                  <a:lnTo>
                    <a:pt x="166115" y="73151"/>
                  </a:lnTo>
                  <a:lnTo>
                    <a:pt x="166115" y="100584"/>
                  </a:lnTo>
                  <a:lnTo>
                    <a:pt x="173735" y="100584"/>
                  </a:lnTo>
                  <a:lnTo>
                    <a:pt x="173735" y="73151"/>
                  </a:lnTo>
                  <a:close/>
                </a:path>
                <a:path w="173990" h="1115695">
                  <a:moveTo>
                    <a:pt x="173735" y="121920"/>
                  </a:moveTo>
                  <a:lnTo>
                    <a:pt x="166115" y="121920"/>
                  </a:lnTo>
                  <a:lnTo>
                    <a:pt x="166115" y="149351"/>
                  </a:lnTo>
                  <a:lnTo>
                    <a:pt x="173735" y="149351"/>
                  </a:lnTo>
                  <a:lnTo>
                    <a:pt x="173735" y="121920"/>
                  </a:lnTo>
                  <a:close/>
                </a:path>
                <a:path w="173990" h="1115695">
                  <a:moveTo>
                    <a:pt x="173735" y="169163"/>
                  </a:moveTo>
                  <a:lnTo>
                    <a:pt x="166115" y="169163"/>
                  </a:lnTo>
                  <a:lnTo>
                    <a:pt x="166115" y="196596"/>
                  </a:lnTo>
                  <a:lnTo>
                    <a:pt x="173735" y="196596"/>
                  </a:lnTo>
                  <a:lnTo>
                    <a:pt x="173735" y="169163"/>
                  </a:lnTo>
                  <a:close/>
                </a:path>
                <a:path w="173990" h="1115695">
                  <a:moveTo>
                    <a:pt x="173735" y="216408"/>
                  </a:moveTo>
                  <a:lnTo>
                    <a:pt x="166115" y="216408"/>
                  </a:lnTo>
                  <a:lnTo>
                    <a:pt x="166115" y="243839"/>
                  </a:lnTo>
                  <a:lnTo>
                    <a:pt x="173735" y="243839"/>
                  </a:lnTo>
                  <a:lnTo>
                    <a:pt x="173735" y="216408"/>
                  </a:lnTo>
                  <a:close/>
                </a:path>
                <a:path w="173990" h="1115695">
                  <a:moveTo>
                    <a:pt x="173735" y="265175"/>
                  </a:moveTo>
                  <a:lnTo>
                    <a:pt x="166115" y="265175"/>
                  </a:lnTo>
                  <a:lnTo>
                    <a:pt x="166115" y="292608"/>
                  </a:lnTo>
                  <a:lnTo>
                    <a:pt x="173735" y="292608"/>
                  </a:lnTo>
                  <a:lnTo>
                    <a:pt x="173735" y="265175"/>
                  </a:lnTo>
                  <a:close/>
                </a:path>
                <a:path w="173990" h="1115695">
                  <a:moveTo>
                    <a:pt x="173735" y="312420"/>
                  </a:moveTo>
                  <a:lnTo>
                    <a:pt x="166115" y="312420"/>
                  </a:lnTo>
                  <a:lnTo>
                    <a:pt x="166115" y="339851"/>
                  </a:lnTo>
                  <a:lnTo>
                    <a:pt x="173735" y="339851"/>
                  </a:lnTo>
                  <a:lnTo>
                    <a:pt x="173735" y="312420"/>
                  </a:lnTo>
                  <a:close/>
                </a:path>
                <a:path w="173990" h="1115695">
                  <a:moveTo>
                    <a:pt x="173735" y="361188"/>
                  </a:moveTo>
                  <a:lnTo>
                    <a:pt x="166115" y="361188"/>
                  </a:lnTo>
                  <a:lnTo>
                    <a:pt x="166115" y="388620"/>
                  </a:lnTo>
                  <a:lnTo>
                    <a:pt x="173735" y="388620"/>
                  </a:lnTo>
                  <a:lnTo>
                    <a:pt x="173735" y="361188"/>
                  </a:lnTo>
                  <a:close/>
                </a:path>
                <a:path w="173990" h="1115695">
                  <a:moveTo>
                    <a:pt x="173735" y="408432"/>
                  </a:moveTo>
                  <a:lnTo>
                    <a:pt x="166115" y="408432"/>
                  </a:lnTo>
                  <a:lnTo>
                    <a:pt x="166115" y="435863"/>
                  </a:lnTo>
                  <a:lnTo>
                    <a:pt x="173735" y="435863"/>
                  </a:lnTo>
                  <a:lnTo>
                    <a:pt x="173735" y="408432"/>
                  </a:lnTo>
                  <a:close/>
                </a:path>
                <a:path w="173990" h="1115695">
                  <a:moveTo>
                    <a:pt x="173735" y="457200"/>
                  </a:moveTo>
                  <a:lnTo>
                    <a:pt x="166115" y="457200"/>
                  </a:lnTo>
                  <a:lnTo>
                    <a:pt x="166115" y="484632"/>
                  </a:lnTo>
                  <a:lnTo>
                    <a:pt x="173735" y="484632"/>
                  </a:lnTo>
                  <a:lnTo>
                    <a:pt x="173735" y="457200"/>
                  </a:lnTo>
                  <a:close/>
                </a:path>
                <a:path w="173990" h="1115695">
                  <a:moveTo>
                    <a:pt x="173735" y="504444"/>
                  </a:moveTo>
                  <a:lnTo>
                    <a:pt x="166115" y="504444"/>
                  </a:lnTo>
                  <a:lnTo>
                    <a:pt x="166115" y="531876"/>
                  </a:lnTo>
                  <a:lnTo>
                    <a:pt x="173735" y="531876"/>
                  </a:lnTo>
                  <a:lnTo>
                    <a:pt x="173735" y="504444"/>
                  </a:lnTo>
                  <a:close/>
                </a:path>
                <a:path w="173990" h="1115695">
                  <a:moveTo>
                    <a:pt x="173735" y="553212"/>
                  </a:moveTo>
                  <a:lnTo>
                    <a:pt x="166115" y="553212"/>
                  </a:lnTo>
                  <a:lnTo>
                    <a:pt x="166115" y="580644"/>
                  </a:lnTo>
                  <a:lnTo>
                    <a:pt x="173735" y="580644"/>
                  </a:lnTo>
                  <a:lnTo>
                    <a:pt x="173735" y="553212"/>
                  </a:lnTo>
                  <a:close/>
                </a:path>
                <a:path w="173990" h="1115695">
                  <a:moveTo>
                    <a:pt x="173735" y="600455"/>
                  </a:moveTo>
                  <a:lnTo>
                    <a:pt x="166115" y="600455"/>
                  </a:lnTo>
                  <a:lnTo>
                    <a:pt x="166115" y="627888"/>
                  </a:lnTo>
                  <a:lnTo>
                    <a:pt x="173735" y="627888"/>
                  </a:lnTo>
                  <a:lnTo>
                    <a:pt x="173735" y="600455"/>
                  </a:lnTo>
                  <a:close/>
                </a:path>
                <a:path w="173990" h="1115695">
                  <a:moveTo>
                    <a:pt x="173735" y="649224"/>
                  </a:moveTo>
                  <a:lnTo>
                    <a:pt x="166115" y="649224"/>
                  </a:lnTo>
                  <a:lnTo>
                    <a:pt x="166115" y="676655"/>
                  </a:lnTo>
                  <a:lnTo>
                    <a:pt x="173735" y="676655"/>
                  </a:lnTo>
                  <a:lnTo>
                    <a:pt x="173735" y="649224"/>
                  </a:lnTo>
                  <a:close/>
                </a:path>
                <a:path w="173990" h="1115695">
                  <a:moveTo>
                    <a:pt x="173735" y="696467"/>
                  </a:moveTo>
                  <a:lnTo>
                    <a:pt x="166115" y="696467"/>
                  </a:lnTo>
                  <a:lnTo>
                    <a:pt x="166115" y="723900"/>
                  </a:lnTo>
                  <a:lnTo>
                    <a:pt x="173735" y="723900"/>
                  </a:lnTo>
                  <a:lnTo>
                    <a:pt x="173735" y="696467"/>
                  </a:lnTo>
                  <a:close/>
                </a:path>
                <a:path w="173990" h="1115695">
                  <a:moveTo>
                    <a:pt x="173735" y="745236"/>
                  </a:moveTo>
                  <a:lnTo>
                    <a:pt x="166115" y="745236"/>
                  </a:lnTo>
                  <a:lnTo>
                    <a:pt x="166115" y="772667"/>
                  </a:lnTo>
                  <a:lnTo>
                    <a:pt x="173735" y="772667"/>
                  </a:lnTo>
                  <a:lnTo>
                    <a:pt x="173735" y="745236"/>
                  </a:lnTo>
                  <a:close/>
                </a:path>
                <a:path w="173990" h="1115695">
                  <a:moveTo>
                    <a:pt x="173735" y="792479"/>
                  </a:moveTo>
                  <a:lnTo>
                    <a:pt x="166115" y="792479"/>
                  </a:lnTo>
                  <a:lnTo>
                    <a:pt x="166115" y="819912"/>
                  </a:lnTo>
                  <a:lnTo>
                    <a:pt x="173735" y="819912"/>
                  </a:lnTo>
                  <a:lnTo>
                    <a:pt x="173735" y="792479"/>
                  </a:lnTo>
                  <a:close/>
                </a:path>
                <a:path w="173990" h="1115695">
                  <a:moveTo>
                    <a:pt x="173735" y="841248"/>
                  </a:moveTo>
                  <a:lnTo>
                    <a:pt x="166115" y="841248"/>
                  </a:lnTo>
                  <a:lnTo>
                    <a:pt x="166115" y="868680"/>
                  </a:lnTo>
                  <a:lnTo>
                    <a:pt x="173735" y="868680"/>
                  </a:lnTo>
                  <a:lnTo>
                    <a:pt x="173735" y="841248"/>
                  </a:lnTo>
                  <a:close/>
                </a:path>
                <a:path w="173990" h="1115695">
                  <a:moveTo>
                    <a:pt x="173735" y="888492"/>
                  </a:moveTo>
                  <a:lnTo>
                    <a:pt x="166115" y="888492"/>
                  </a:lnTo>
                  <a:lnTo>
                    <a:pt x="166115" y="915924"/>
                  </a:lnTo>
                  <a:lnTo>
                    <a:pt x="173735" y="915924"/>
                  </a:lnTo>
                  <a:lnTo>
                    <a:pt x="173735" y="888492"/>
                  </a:lnTo>
                  <a:close/>
                </a:path>
                <a:path w="173990" h="1115695">
                  <a:moveTo>
                    <a:pt x="173735" y="937260"/>
                  </a:moveTo>
                  <a:lnTo>
                    <a:pt x="166115" y="937260"/>
                  </a:lnTo>
                  <a:lnTo>
                    <a:pt x="166115" y="964692"/>
                  </a:lnTo>
                  <a:lnTo>
                    <a:pt x="173735" y="964692"/>
                  </a:lnTo>
                  <a:lnTo>
                    <a:pt x="173735" y="937260"/>
                  </a:lnTo>
                  <a:close/>
                </a:path>
                <a:path w="173990" h="1115695">
                  <a:moveTo>
                    <a:pt x="173735" y="984504"/>
                  </a:moveTo>
                  <a:lnTo>
                    <a:pt x="166115" y="984504"/>
                  </a:lnTo>
                  <a:lnTo>
                    <a:pt x="166115" y="1011936"/>
                  </a:lnTo>
                  <a:lnTo>
                    <a:pt x="173735" y="1011936"/>
                  </a:lnTo>
                  <a:lnTo>
                    <a:pt x="173735" y="984504"/>
                  </a:lnTo>
                  <a:close/>
                </a:path>
                <a:path w="173990" h="1115695">
                  <a:moveTo>
                    <a:pt x="173735" y="1033271"/>
                  </a:moveTo>
                  <a:lnTo>
                    <a:pt x="166115" y="1033271"/>
                  </a:lnTo>
                  <a:lnTo>
                    <a:pt x="166115" y="1060704"/>
                  </a:lnTo>
                  <a:lnTo>
                    <a:pt x="173735" y="1060704"/>
                  </a:lnTo>
                  <a:lnTo>
                    <a:pt x="173735" y="1033271"/>
                  </a:lnTo>
                  <a:close/>
                </a:path>
                <a:path w="173990" h="1115695">
                  <a:moveTo>
                    <a:pt x="173735" y="1080516"/>
                  </a:moveTo>
                  <a:lnTo>
                    <a:pt x="166115" y="1080516"/>
                  </a:lnTo>
                  <a:lnTo>
                    <a:pt x="166115" y="1107948"/>
                  </a:lnTo>
                  <a:lnTo>
                    <a:pt x="173735" y="1107948"/>
                  </a:lnTo>
                  <a:lnTo>
                    <a:pt x="173735" y="1080516"/>
                  </a:lnTo>
                  <a:close/>
                </a:path>
                <a:path w="173990" h="1115695">
                  <a:moveTo>
                    <a:pt x="153924" y="1107948"/>
                  </a:moveTo>
                  <a:lnTo>
                    <a:pt x="126491" y="1107948"/>
                  </a:lnTo>
                  <a:lnTo>
                    <a:pt x="126491" y="1115568"/>
                  </a:lnTo>
                  <a:lnTo>
                    <a:pt x="153924" y="1115568"/>
                  </a:lnTo>
                  <a:lnTo>
                    <a:pt x="153924" y="1107948"/>
                  </a:lnTo>
                  <a:close/>
                </a:path>
                <a:path w="173990" h="1115695">
                  <a:moveTo>
                    <a:pt x="105155" y="1107948"/>
                  </a:moveTo>
                  <a:lnTo>
                    <a:pt x="77724" y="1107948"/>
                  </a:lnTo>
                  <a:lnTo>
                    <a:pt x="77724" y="1115568"/>
                  </a:lnTo>
                  <a:lnTo>
                    <a:pt x="105155" y="1115568"/>
                  </a:lnTo>
                  <a:lnTo>
                    <a:pt x="105155" y="1107948"/>
                  </a:lnTo>
                  <a:close/>
                </a:path>
                <a:path w="173990" h="1115695">
                  <a:moveTo>
                    <a:pt x="57911" y="1107948"/>
                  </a:moveTo>
                  <a:lnTo>
                    <a:pt x="30479" y="1107948"/>
                  </a:lnTo>
                  <a:lnTo>
                    <a:pt x="30479" y="1115568"/>
                  </a:lnTo>
                  <a:lnTo>
                    <a:pt x="57911" y="1115568"/>
                  </a:lnTo>
                  <a:lnTo>
                    <a:pt x="57911" y="1107948"/>
                  </a:lnTo>
                  <a:close/>
                </a:path>
              </a:pathLst>
            </a:custGeom>
            <a:solidFill>
              <a:srgbClr val="3F3F3F"/>
            </a:solidFill>
          </p:spPr>
          <p:txBody>
            <a:bodyPr wrap="square" lIns="0" tIns="0" rIns="0" bIns="0" rtlCol="0"/>
            <a:lstStyle/>
            <a:p>
              <a:endParaRPr sz="1539"/>
            </a:p>
          </p:txBody>
        </p:sp>
        <p:sp>
          <p:nvSpPr>
            <p:cNvPr id="13" name="object 13"/>
            <p:cNvSpPr/>
            <p:nvPr/>
          </p:nvSpPr>
          <p:spPr>
            <a:xfrm>
              <a:off x="9567671" y="5305044"/>
              <a:ext cx="158750" cy="391795"/>
            </a:xfrm>
            <a:custGeom>
              <a:avLst/>
              <a:gdLst/>
              <a:ahLst/>
              <a:cxnLst/>
              <a:rect l="l" t="t" r="r" b="b"/>
              <a:pathLst>
                <a:path w="158750" h="391795">
                  <a:moveTo>
                    <a:pt x="158496" y="0"/>
                  </a:moveTo>
                  <a:lnTo>
                    <a:pt x="0" y="0"/>
                  </a:lnTo>
                  <a:lnTo>
                    <a:pt x="0" y="391668"/>
                  </a:lnTo>
                  <a:lnTo>
                    <a:pt x="158496" y="391668"/>
                  </a:lnTo>
                  <a:lnTo>
                    <a:pt x="158496" y="0"/>
                  </a:lnTo>
                  <a:close/>
                </a:path>
              </a:pathLst>
            </a:custGeom>
            <a:solidFill>
              <a:srgbClr val="FFCCCC"/>
            </a:solidFill>
          </p:spPr>
          <p:txBody>
            <a:bodyPr wrap="square" lIns="0" tIns="0" rIns="0" bIns="0" rtlCol="0"/>
            <a:lstStyle/>
            <a:p>
              <a:endParaRPr sz="1539"/>
            </a:p>
          </p:txBody>
        </p:sp>
        <p:sp>
          <p:nvSpPr>
            <p:cNvPr id="14" name="object 14"/>
            <p:cNvSpPr/>
            <p:nvPr/>
          </p:nvSpPr>
          <p:spPr>
            <a:xfrm>
              <a:off x="9563099" y="5301995"/>
              <a:ext cx="166370" cy="398145"/>
            </a:xfrm>
            <a:custGeom>
              <a:avLst/>
              <a:gdLst/>
              <a:ahLst/>
              <a:cxnLst/>
              <a:rect l="l" t="t" r="r" b="b"/>
              <a:pathLst>
                <a:path w="166370" h="398145">
                  <a:moveTo>
                    <a:pt x="166116" y="0"/>
                  </a:moveTo>
                  <a:lnTo>
                    <a:pt x="0" y="0"/>
                  </a:lnTo>
                  <a:lnTo>
                    <a:pt x="0" y="397763"/>
                  </a:lnTo>
                  <a:lnTo>
                    <a:pt x="166116" y="397763"/>
                  </a:lnTo>
                  <a:lnTo>
                    <a:pt x="166116" y="394715"/>
                  </a:lnTo>
                  <a:lnTo>
                    <a:pt x="7620" y="394715"/>
                  </a:lnTo>
                  <a:lnTo>
                    <a:pt x="4572" y="390144"/>
                  </a:lnTo>
                  <a:lnTo>
                    <a:pt x="7620" y="390144"/>
                  </a:lnTo>
                  <a:lnTo>
                    <a:pt x="7620" y="6095"/>
                  </a:lnTo>
                  <a:lnTo>
                    <a:pt x="4572" y="6095"/>
                  </a:lnTo>
                  <a:lnTo>
                    <a:pt x="7620" y="3047"/>
                  </a:lnTo>
                  <a:lnTo>
                    <a:pt x="166116" y="3047"/>
                  </a:lnTo>
                  <a:lnTo>
                    <a:pt x="166116" y="0"/>
                  </a:lnTo>
                  <a:close/>
                </a:path>
                <a:path w="166370" h="398145">
                  <a:moveTo>
                    <a:pt x="7620" y="390144"/>
                  </a:moveTo>
                  <a:lnTo>
                    <a:pt x="4572" y="390144"/>
                  </a:lnTo>
                  <a:lnTo>
                    <a:pt x="7620" y="394715"/>
                  </a:lnTo>
                  <a:lnTo>
                    <a:pt x="7620" y="390144"/>
                  </a:lnTo>
                  <a:close/>
                </a:path>
                <a:path w="166370" h="398145">
                  <a:moveTo>
                    <a:pt x="158496" y="390144"/>
                  </a:moveTo>
                  <a:lnTo>
                    <a:pt x="7620" y="390144"/>
                  </a:lnTo>
                  <a:lnTo>
                    <a:pt x="7620" y="394715"/>
                  </a:lnTo>
                  <a:lnTo>
                    <a:pt x="158496" y="394715"/>
                  </a:lnTo>
                  <a:lnTo>
                    <a:pt x="158496" y="390144"/>
                  </a:lnTo>
                  <a:close/>
                </a:path>
                <a:path w="166370" h="398145">
                  <a:moveTo>
                    <a:pt x="158496" y="3047"/>
                  </a:moveTo>
                  <a:lnTo>
                    <a:pt x="158496" y="394715"/>
                  </a:lnTo>
                  <a:lnTo>
                    <a:pt x="163068" y="390144"/>
                  </a:lnTo>
                  <a:lnTo>
                    <a:pt x="166116" y="390144"/>
                  </a:lnTo>
                  <a:lnTo>
                    <a:pt x="166116" y="6095"/>
                  </a:lnTo>
                  <a:lnTo>
                    <a:pt x="163068" y="6095"/>
                  </a:lnTo>
                  <a:lnTo>
                    <a:pt x="158496" y="3047"/>
                  </a:lnTo>
                  <a:close/>
                </a:path>
                <a:path w="166370" h="398145">
                  <a:moveTo>
                    <a:pt x="166116" y="390144"/>
                  </a:moveTo>
                  <a:lnTo>
                    <a:pt x="163068" y="390144"/>
                  </a:lnTo>
                  <a:lnTo>
                    <a:pt x="158496" y="394715"/>
                  </a:lnTo>
                  <a:lnTo>
                    <a:pt x="166116" y="394715"/>
                  </a:lnTo>
                  <a:lnTo>
                    <a:pt x="166116" y="390144"/>
                  </a:lnTo>
                  <a:close/>
                </a:path>
                <a:path w="166370" h="398145">
                  <a:moveTo>
                    <a:pt x="7620" y="3047"/>
                  </a:moveTo>
                  <a:lnTo>
                    <a:pt x="4572" y="6095"/>
                  </a:lnTo>
                  <a:lnTo>
                    <a:pt x="7620" y="6095"/>
                  </a:lnTo>
                  <a:lnTo>
                    <a:pt x="7620" y="3047"/>
                  </a:lnTo>
                  <a:close/>
                </a:path>
                <a:path w="166370" h="398145">
                  <a:moveTo>
                    <a:pt x="158496" y="3047"/>
                  </a:moveTo>
                  <a:lnTo>
                    <a:pt x="7620" y="3047"/>
                  </a:lnTo>
                  <a:lnTo>
                    <a:pt x="7620" y="6095"/>
                  </a:lnTo>
                  <a:lnTo>
                    <a:pt x="158496" y="6095"/>
                  </a:lnTo>
                  <a:lnTo>
                    <a:pt x="158496" y="3047"/>
                  </a:lnTo>
                  <a:close/>
                </a:path>
                <a:path w="166370" h="398145">
                  <a:moveTo>
                    <a:pt x="166116" y="3047"/>
                  </a:moveTo>
                  <a:lnTo>
                    <a:pt x="158496" y="3047"/>
                  </a:lnTo>
                  <a:lnTo>
                    <a:pt x="163068" y="6095"/>
                  </a:lnTo>
                  <a:lnTo>
                    <a:pt x="166116" y="6095"/>
                  </a:lnTo>
                  <a:lnTo>
                    <a:pt x="166116" y="3047"/>
                  </a:lnTo>
                  <a:close/>
                </a:path>
              </a:pathLst>
            </a:custGeom>
            <a:solidFill>
              <a:srgbClr val="3F3F3F"/>
            </a:solidFill>
          </p:spPr>
          <p:txBody>
            <a:bodyPr wrap="square" lIns="0" tIns="0" rIns="0" bIns="0" rtlCol="0"/>
            <a:lstStyle/>
            <a:p>
              <a:endParaRPr sz="1539"/>
            </a:p>
          </p:txBody>
        </p:sp>
        <p:sp>
          <p:nvSpPr>
            <p:cNvPr id="15" name="object 15"/>
            <p:cNvSpPr/>
            <p:nvPr/>
          </p:nvSpPr>
          <p:spPr>
            <a:xfrm>
              <a:off x="9567671" y="4910327"/>
              <a:ext cx="158750" cy="391795"/>
            </a:xfrm>
            <a:custGeom>
              <a:avLst/>
              <a:gdLst/>
              <a:ahLst/>
              <a:cxnLst/>
              <a:rect l="l" t="t" r="r" b="b"/>
              <a:pathLst>
                <a:path w="158750" h="391795">
                  <a:moveTo>
                    <a:pt x="158496" y="0"/>
                  </a:moveTo>
                  <a:lnTo>
                    <a:pt x="0" y="0"/>
                  </a:lnTo>
                  <a:lnTo>
                    <a:pt x="0" y="391667"/>
                  </a:lnTo>
                  <a:lnTo>
                    <a:pt x="158496" y="391667"/>
                  </a:lnTo>
                  <a:lnTo>
                    <a:pt x="158496" y="0"/>
                  </a:lnTo>
                  <a:close/>
                </a:path>
              </a:pathLst>
            </a:custGeom>
            <a:solidFill>
              <a:srgbClr val="FFCCCC"/>
            </a:solidFill>
          </p:spPr>
          <p:txBody>
            <a:bodyPr wrap="square" lIns="0" tIns="0" rIns="0" bIns="0" rtlCol="0"/>
            <a:lstStyle/>
            <a:p>
              <a:endParaRPr sz="1539"/>
            </a:p>
          </p:txBody>
        </p:sp>
        <p:sp>
          <p:nvSpPr>
            <p:cNvPr id="16" name="object 16"/>
            <p:cNvSpPr/>
            <p:nvPr/>
          </p:nvSpPr>
          <p:spPr>
            <a:xfrm>
              <a:off x="9563099" y="4907279"/>
              <a:ext cx="166370" cy="398145"/>
            </a:xfrm>
            <a:custGeom>
              <a:avLst/>
              <a:gdLst/>
              <a:ahLst/>
              <a:cxnLst/>
              <a:rect l="l" t="t" r="r" b="b"/>
              <a:pathLst>
                <a:path w="166370" h="398145">
                  <a:moveTo>
                    <a:pt x="166116" y="0"/>
                  </a:moveTo>
                  <a:lnTo>
                    <a:pt x="0" y="0"/>
                  </a:lnTo>
                  <a:lnTo>
                    <a:pt x="0" y="397763"/>
                  </a:lnTo>
                  <a:lnTo>
                    <a:pt x="166116" y="397763"/>
                  </a:lnTo>
                  <a:lnTo>
                    <a:pt x="166116" y="394715"/>
                  </a:lnTo>
                  <a:lnTo>
                    <a:pt x="7620" y="394715"/>
                  </a:lnTo>
                  <a:lnTo>
                    <a:pt x="4572" y="391667"/>
                  </a:lnTo>
                  <a:lnTo>
                    <a:pt x="7620" y="391667"/>
                  </a:lnTo>
                  <a:lnTo>
                    <a:pt x="7620" y="7619"/>
                  </a:lnTo>
                  <a:lnTo>
                    <a:pt x="4572" y="7619"/>
                  </a:lnTo>
                  <a:lnTo>
                    <a:pt x="7620" y="3047"/>
                  </a:lnTo>
                  <a:lnTo>
                    <a:pt x="166116" y="3047"/>
                  </a:lnTo>
                  <a:lnTo>
                    <a:pt x="166116" y="0"/>
                  </a:lnTo>
                  <a:close/>
                </a:path>
                <a:path w="166370" h="398145">
                  <a:moveTo>
                    <a:pt x="7620" y="391667"/>
                  </a:moveTo>
                  <a:lnTo>
                    <a:pt x="4572" y="391667"/>
                  </a:lnTo>
                  <a:lnTo>
                    <a:pt x="7620" y="394715"/>
                  </a:lnTo>
                  <a:lnTo>
                    <a:pt x="7620" y="391667"/>
                  </a:lnTo>
                  <a:close/>
                </a:path>
                <a:path w="166370" h="398145">
                  <a:moveTo>
                    <a:pt x="158496" y="391667"/>
                  </a:moveTo>
                  <a:lnTo>
                    <a:pt x="7620" y="391667"/>
                  </a:lnTo>
                  <a:lnTo>
                    <a:pt x="7620" y="394715"/>
                  </a:lnTo>
                  <a:lnTo>
                    <a:pt x="158496" y="394715"/>
                  </a:lnTo>
                  <a:lnTo>
                    <a:pt x="158496" y="391667"/>
                  </a:lnTo>
                  <a:close/>
                </a:path>
                <a:path w="166370" h="398145">
                  <a:moveTo>
                    <a:pt x="158496" y="3047"/>
                  </a:moveTo>
                  <a:lnTo>
                    <a:pt x="158496" y="394715"/>
                  </a:lnTo>
                  <a:lnTo>
                    <a:pt x="163068" y="391667"/>
                  </a:lnTo>
                  <a:lnTo>
                    <a:pt x="166116" y="391667"/>
                  </a:lnTo>
                  <a:lnTo>
                    <a:pt x="166116" y="7619"/>
                  </a:lnTo>
                  <a:lnTo>
                    <a:pt x="163068" y="7619"/>
                  </a:lnTo>
                  <a:lnTo>
                    <a:pt x="158496" y="3047"/>
                  </a:lnTo>
                  <a:close/>
                </a:path>
                <a:path w="166370" h="398145">
                  <a:moveTo>
                    <a:pt x="166116" y="391667"/>
                  </a:moveTo>
                  <a:lnTo>
                    <a:pt x="163068" y="391667"/>
                  </a:lnTo>
                  <a:lnTo>
                    <a:pt x="158496" y="394715"/>
                  </a:lnTo>
                  <a:lnTo>
                    <a:pt x="166116" y="394715"/>
                  </a:lnTo>
                  <a:lnTo>
                    <a:pt x="166116" y="391667"/>
                  </a:lnTo>
                  <a:close/>
                </a:path>
                <a:path w="166370" h="398145">
                  <a:moveTo>
                    <a:pt x="7620" y="3047"/>
                  </a:moveTo>
                  <a:lnTo>
                    <a:pt x="4572" y="7619"/>
                  </a:lnTo>
                  <a:lnTo>
                    <a:pt x="7620" y="7619"/>
                  </a:lnTo>
                  <a:lnTo>
                    <a:pt x="7620" y="3047"/>
                  </a:lnTo>
                  <a:close/>
                </a:path>
                <a:path w="166370" h="398145">
                  <a:moveTo>
                    <a:pt x="158496" y="3047"/>
                  </a:moveTo>
                  <a:lnTo>
                    <a:pt x="7620" y="3047"/>
                  </a:lnTo>
                  <a:lnTo>
                    <a:pt x="7620" y="7619"/>
                  </a:lnTo>
                  <a:lnTo>
                    <a:pt x="158496" y="7619"/>
                  </a:lnTo>
                  <a:lnTo>
                    <a:pt x="158496" y="3047"/>
                  </a:lnTo>
                  <a:close/>
                </a:path>
                <a:path w="166370" h="398145">
                  <a:moveTo>
                    <a:pt x="166116" y="3047"/>
                  </a:moveTo>
                  <a:lnTo>
                    <a:pt x="158496" y="3047"/>
                  </a:lnTo>
                  <a:lnTo>
                    <a:pt x="163068" y="7619"/>
                  </a:lnTo>
                  <a:lnTo>
                    <a:pt x="166116" y="7619"/>
                  </a:lnTo>
                  <a:lnTo>
                    <a:pt x="166116" y="3047"/>
                  </a:lnTo>
                  <a:close/>
                </a:path>
              </a:pathLst>
            </a:custGeom>
            <a:solidFill>
              <a:srgbClr val="3F3F3F"/>
            </a:solidFill>
          </p:spPr>
          <p:txBody>
            <a:bodyPr wrap="square" lIns="0" tIns="0" rIns="0" bIns="0" rtlCol="0"/>
            <a:lstStyle/>
            <a:p>
              <a:endParaRPr sz="1539"/>
            </a:p>
          </p:txBody>
        </p:sp>
        <p:sp>
          <p:nvSpPr>
            <p:cNvPr id="17" name="object 17"/>
            <p:cNvSpPr/>
            <p:nvPr/>
          </p:nvSpPr>
          <p:spPr>
            <a:xfrm>
              <a:off x="9567671" y="4511039"/>
              <a:ext cx="158750" cy="391795"/>
            </a:xfrm>
            <a:custGeom>
              <a:avLst/>
              <a:gdLst/>
              <a:ahLst/>
              <a:cxnLst/>
              <a:rect l="l" t="t" r="r" b="b"/>
              <a:pathLst>
                <a:path w="158750" h="391795">
                  <a:moveTo>
                    <a:pt x="158496" y="0"/>
                  </a:moveTo>
                  <a:lnTo>
                    <a:pt x="0" y="0"/>
                  </a:lnTo>
                  <a:lnTo>
                    <a:pt x="0" y="391668"/>
                  </a:lnTo>
                  <a:lnTo>
                    <a:pt x="158496" y="391668"/>
                  </a:lnTo>
                  <a:lnTo>
                    <a:pt x="158496" y="0"/>
                  </a:lnTo>
                  <a:close/>
                </a:path>
              </a:pathLst>
            </a:custGeom>
            <a:solidFill>
              <a:srgbClr val="FFCCCC"/>
            </a:solidFill>
          </p:spPr>
          <p:txBody>
            <a:bodyPr wrap="square" lIns="0" tIns="0" rIns="0" bIns="0" rtlCol="0"/>
            <a:lstStyle/>
            <a:p>
              <a:endParaRPr sz="1539"/>
            </a:p>
          </p:txBody>
        </p:sp>
        <p:sp>
          <p:nvSpPr>
            <p:cNvPr id="18" name="object 18"/>
            <p:cNvSpPr/>
            <p:nvPr/>
          </p:nvSpPr>
          <p:spPr>
            <a:xfrm>
              <a:off x="9563099" y="4507991"/>
              <a:ext cx="166370" cy="398145"/>
            </a:xfrm>
            <a:custGeom>
              <a:avLst/>
              <a:gdLst/>
              <a:ahLst/>
              <a:cxnLst/>
              <a:rect l="l" t="t" r="r" b="b"/>
              <a:pathLst>
                <a:path w="166370" h="398145">
                  <a:moveTo>
                    <a:pt x="166116" y="0"/>
                  </a:moveTo>
                  <a:lnTo>
                    <a:pt x="0" y="0"/>
                  </a:lnTo>
                  <a:lnTo>
                    <a:pt x="0" y="397764"/>
                  </a:lnTo>
                  <a:lnTo>
                    <a:pt x="166116" y="397764"/>
                  </a:lnTo>
                  <a:lnTo>
                    <a:pt x="166116" y="394716"/>
                  </a:lnTo>
                  <a:lnTo>
                    <a:pt x="7620" y="394716"/>
                  </a:lnTo>
                  <a:lnTo>
                    <a:pt x="4572" y="391668"/>
                  </a:lnTo>
                  <a:lnTo>
                    <a:pt x="7620" y="391668"/>
                  </a:lnTo>
                  <a:lnTo>
                    <a:pt x="7620" y="7620"/>
                  </a:lnTo>
                  <a:lnTo>
                    <a:pt x="4572" y="7620"/>
                  </a:lnTo>
                  <a:lnTo>
                    <a:pt x="7620" y="3048"/>
                  </a:lnTo>
                  <a:lnTo>
                    <a:pt x="166116" y="3048"/>
                  </a:lnTo>
                  <a:lnTo>
                    <a:pt x="166116" y="0"/>
                  </a:lnTo>
                  <a:close/>
                </a:path>
                <a:path w="166370" h="398145">
                  <a:moveTo>
                    <a:pt x="7620" y="391668"/>
                  </a:moveTo>
                  <a:lnTo>
                    <a:pt x="4572" y="391668"/>
                  </a:lnTo>
                  <a:lnTo>
                    <a:pt x="7620" y="394716"/>
                  </a:lnTo>
                  <a:lnTo>
                    <a:pt x="7620" y="391668"/>
                  </a:lnTo>
                  <a:close/>
                </a:path>
                <a:path w="166370" h="398145">
                  <a:moveTo>
                    <a:pt x="158496" y="391668"/>
                  </a:moveTo>
                  <a:lnTo>
                    <a:pt x="7620" y="391668"/>
                  </a:lnTo>
                  <a:lnTo>
                    <a:pt x="7620" y="394716"/>
                  </a:lnTo>
                  <a:lnTo>
                    <a:pt x="158496" y="394716"/>
                  </a:lnTo>
                  <a:lnTo>
                    <a:pt x="158496" y="391668"/>
                  </a:lnTo>
                  <a:close/>
                </a:path>
                <a:path w="166370" h="398145">
                  <a:moveTo>
                    <a:pt x="158496" y="3048"/>
                  </a:moveTo>
                  <a:lnTo>
                    <a:pt x="158496" y="394716"/>
                  </a:lnTo>
                  <a:lnTo>
                    <a:pt x="163068" y="391668"/>
                  </a:lnTo>
                  <a:lnTo>
                    <a:pt x="166116" y="391668"/>
                  </a:lnTo>
                  <a:lnTo>
                    <a:pt x="166116" y="7620"/>
                  </a:lnTo>
                  <a:lnTo>
                    <a:pt x="163068" y="7620"/>
                  </a:lnTo>
                  <a:lnTo>
                    <a:pt x="158496" y="3048"/>
                  </a:lnTo>
                  <a:close/>
                </a:path>
                <a:path w="166370" h="398145">
                  <a:moveTo>
                    <a:pt x="166116" y="391668"/>
                  </a:moveTo>
                  <a:lnTo>
                    <a:pt x="163068" y="391668"/>
                  </a:lnTo>
                  <a:lnTo>
                    <a:pt x="158496" y="394716"/>
                  </a:lnTo>
                  <a:lnTo>
                    <a:pt x="166116" y="394716"/>
                  </a:lnTo>
                  <a:lnTo>
                    <a:pt x="166116" y="391668"/>
                  </a:lnTo>
                  <a:close/>
                </a:path>
                <a:path w="166370" h="398145">
                  <a:moveTo>
                    <a:pt x="7620" y="3048"/>
                  </a:moveTo>
                  <a:lnTo>
                    <a:pt x="4572" y="7620"/>
                  </a:lnTo>
                  <a:lnTo>
                    <a:pt x="7620" y="7620"/>
                  </a:lnTo>
                  <a:lnTo>
                    <a:pt x="7620" y="3048"/>
                  </a:lnTo>
                  <a:close/>
                </a:path>
                <a:path w="166370" h="398145">
                  <a:moveTo>
                    <a:pt x="158496" y="3048"/>
                  </a:moveTo>
                  <a:lnTo>
                    <a:pt x="7620" y="3048"/>
                  </a:lnTo>
                  <a:lnTo>
                    <a:pt x="7620" y="7620"/>
                  </a:lnTo>
                  <a:lnTo>
                    <a:pt x="158496" y="7620"/>
                  </a:lnTo>
                  <a:lnTo>
                    <a:pt x="158496" y="3048"/>
                  </a:lnTo>
                  <a:close/>
                </a:path>
                <a:path w="166370" h="398145">
                  <a:moveTo>
                    <a:pt x="166116" y="3048"/>
                  </a:moveTo>
                  <a:lnTo>
                    <a:pt x="158496" y="3048"/>
                  </a:lnTo>
                  <a:lnTo>
                    <a:pt x="163068" y="7620"/>
                  </a:lnTo>
                  <a:lnTo>
                    <a:pt x="166116" y="7620"/>
                  </a:lnTo>
                  <a:lnTo>
                    <a:pt x="166116" y="3048"/>
                  </a:lnTo>
                  <a:close/>
                </a:path>
              </a:pathLst>
            </a:custGeom>
            <a:solidFill>
              <a:srgbClr val="3F3F3F"/>
            </a:solidFill>
          </p:spPr>
          <p:txBody>
            <a:bodyPr wrap="square" lIns="0" tIns="0" rIns="0" bIns="0" rtlCol="0"/>
            <a:lstStyle/>
            <a:p>
              <a:endParaRPr sz="1539"/>
            </a:p>
          </p:txBody>
        </p:sp>
        <p:sp>
          <p:nvSpPr>
            <p:cNvPr id="19" name="object 19"/>
            <p:cNvSpPr/>
            <p:nvPr/>
          </p:nvSpPr>
          <p:spPr>
            <a:xfrm>
              <a:off x="9567671" y="4113275"/>
              <a:ext cx="158750" cy="390525"/>
            </a:xfrm>
            <a:custGeom>
              <a:avLst/>
              <a:gdLst/>
              <a:ahLst/>
              <a:cxnLst/>
              <a:rect l="l" t="t" r="r" b="b"/>
              <a:pathLst>
                <a:path w="158750" h="390525">
                  <a:moveTo>
                    <a:pt x="158496" y="0"/>
                  </a:moveTo>
                  <a:lnTo>
                    <a:pt x="0" y="0"/>
                  </a:lnTo>
                  <a:lnTo>
                    <a:pt x="0" y="390143"/>
                  </a:lnTo>
                  <a:lnTo>
                    <a:pt x="158496" y="390143"/>
                  </a:lnTo>
                  <a:lnTo>
                    <a:pt x="158496" y="0"/>
                  </a:lnTo>
                  <a:close/>
                </a:path>
              </a:pathLst>
            </a:custGeom>
            <a:solidFill>
              <a:srgbClr val="FFCCCC"/>
            </a:solidFill>
          </p:spPr>
          <p:txBody>
            <a:bodyPr wrap="square" lIns="0" tIns="0" rIns="0" bIns="0" rtlCol="0"/>
            <a:lstStyle/>
            <a:p>
              <a:endParaRPr sz="1539"/>
            </a:p>
          </p:txBody>
        </p:sp>
        <p:sp>
          <p:nvSpPr>
            <p:cNvPr id="20" name="object 20"/>
            <p:cNvSpPr/>
            <p:nvPr/>
          </p:nvSpPr>
          <p:spPr>
            <a:xfrm>
              <a:off x="9563099" y="4108703"/>
              <a:ext cx="166370" cy="398145"/>
            </a:xfrm>
            <a:custGeom>
              <a:avLst/>
              <a:gdLst/>
              <a:ahLst/>
              <a:cxnLst/>
              <a:rect l="l" t="t" r="r" b="b"/>
              <a:pathLst>
                <a:path w="166370" h="398145">
                  <a:moveTo>
                    <a:pt x="166116" y="0"/>
                  </a:moveTo>
                  <a:lnTo>
                    <a:pt x="0" y="0"/>
                  </a:lnTo>
                  <a:lnTo>
                    <a:pt x="0" y="397763"/>
                  </a:lnTo>
                  <a:lnTo>
                    <a:pt x="166116" y="397763"/>
                  </a:lnTo>
                  <a:lnTo>
                    <a:pt x="166116" y="394715"/>
                  </a:lnTo>
                  <a:lnTo>
                    <a:pt x="7620" y="394715"/>
                  </a:lnTo>
                  <a:lnTo>
                    <a:pt x="4572" y="391667"/>
                  </a:lnTo>
                  <a:lnTo>
                    <a:pt x="7620" y="391667"/>
                  </a:lnTo>
                  <a:lnTo>
                    <a:pt x="7620" y="7619"/>
                  </a:lnTo>
                  <a:lnTo>
                    <a:pt x="4572" y="7619"/>
                  </a:lnTo>
                  <a:lnTo>
                    <a:pt x="7620" y="4571"/>
                  </a:lnTo>
                  <a:lnTo>
                    <a:pt x="166116" y="4571"/>
                  </a:lnTo>
                  <a:lnTo>
                    <a:pt x="166116" y="0"/>
                  </a:lnTo>
                  <a:close/>
                </a:path>
                <a:path w="166370" h="398145">
                  <a:moveTo>
                    <a:pt x="7620" y="391667"/>
                  </a:moveTo>
                  <a:lnTo>
                    <a:pt x="4572" y="391667"/>
                  </a:lnTo>
                  <a:lnTo>
                    <a:pt x="7620" y="394715"/>
                  </a:lnTo>
                  <a:lnTo>
                    <a:pt x="7620" y="391667"/>
                  </a:lnTo>
                  <a:close/>
                </a:path>
                <a:path w="166370" h="398145">
                  <a:moveTo>
                    <a:pt x="158496" y="391667"/>
                  </a:moveTo>
                  <a:lnTo>
                    <a:pt x="7620" y="391667"/>
                  </a:lnTo>
                  <a:lnTo>
                    <a:pt x="7620" y="394715"/>
                  </a:lnTo>
                  <a:lnTo>
                    <a:pt x="158496" y="394715"/>
                  </a:lnTo>
                  <a:lnTo>
                    <a:pt x="158496" y="391667"/>
                  </a:lnTo>
                  <a:close/>
                </a:path>
                <a:path w="166370" h="398145">
                  <a:moveTo>
                    <a:pt x="158496" y="4571"/>
                  </a:moveTo>
                  <a:lnTo>
                    <a:pt x="158496" y="394715"/>
                  </a:lnTo>
                  <a:lnTo>
                    <a:pt x="163068" y="391667"/>
                  </a:lnTo>
                  <a:lnTo>
                    <a:pt x="166116" y="391667"/>
                  </a:lnTo>
                  <a:lnTo>
                    <a:pt x="166116" y="7619"/>
                  </a:lnTo>
                  <a:lnTo>
                    <a:pt x="163068" y="7619"/>
                  </a:lnTo>
                  <a:lnTo>
                    <a:pt x="158496" y="4571"/>
                  </a:lnTo>
                  <a:close/>
                </a:path>
                <a:path w="166370" h="398145">
                  <a:moveTo>
                    <a:pt x="166116" y="391667"/>
                  </a:moveTo>
                  <a:lnTo>
                    <a:pt x="163068" y="391667"/>
                  </a:lnTo>
                  <a:lnTo>
                    <a:pt x="158496" y="394715"/>
                  </a:lnTo>
                  <a:lnTo>
                    <a:pt x="166116" y="394715"/>
                  </a:lnTo>
                  <a:lnTo>
                    <a:pt x="166116" y="391667"/>
                  </a:lnTo>
                  <a:close/>
                </a:path>
                <a:path w="166370" h="398145">
                  <a:moveTo>
                    <a:pt x="7620" y="4571"/>
                  </a:moveTo>
                  <a:lnTo>
                    <a:pt x="4572" y="7619"/>
                  </a:lnTo>
                  <a:lnTo>
                    <a:pt x="7620" y="7619"/>
                  </a:lnTo>
                  <a:lnTo>
                    <a:pt x="7620" y="4571"/>
                  </a:lnTo>
                  <a:close/>
                </a:path>
                <a:path w="166370" h="398145">
                  <a:moveTo>
                    <a:pt x="158496" y="4571"/>
                  </a:moveTo>
                  <a:lnTo>
                    <a:pt x="7620" y="4571"/>
                  </a:lnTo>
                  <a:lnTo>
                    <a:pt x="7620" y="7619"/>
                  </a:lnTo>
                  <a:lnTo>
                    <a:pt x="158496" y="7619"/>
                  </a:lnTo>
                  <a:lnTo>
                    <a:pt x="158496" y="4571"/>
                  </a:lnTo>
                  <a:close/>
                </a:path>
                <a:path w="166370" h="398145">
                  <a:moveTo>
                    <a:pt x="166116" y="4571"/>
                  </a:moveTo>
                  <a:lnTo>
                    <a:pt x="158496" y="4571"/>
                  </a:lnTo>
                  <a:lnTo>
                    <a:pt x="163068" y="7619"/>
                  </a:lnTo>
                  <a:lnTo>
                    <a:pt x="166116" y="7619"/>
                  </a:lnTo>
                  <a:lnTo>
                    <a:pt x="166116" y="4571"/>
                  </a:lnTo>
                  <a:close/>
                </a:path>
              </a:pathLst>
            </a:custGeom>
            <a:solidFill>
              <a:srgbClr val="3F3F3F"/>
            </a:solidFill>
          </p:spPr>
          <p:txBody>
            <a:bodyPr wrap="square" lIns="0" tIns="0" rIns="0" bIns="0" rtlCol="0"/>
            <a:lstStyle/>
            <a:p>
              <a:endParaRPr sz="1539"/>
            </a:p>
          </p:txBody>
        </p:sp>
        <p:sp>
          <p:nvSpPr>
            <p:cNvPr id="21" name="object 21"/>
            <p:cNvSpPr/>
            <p:nvPr/>
          </p:nvSpPr>
          <p:spPr>
            <a:xfrm>
              <a:off x="8374379" y="3035807"/>
              <a:ext cx="1571625" cy="327660"/>
            </a:xfrm>
            <a:custGeom>
              <a:avLst/>
              <a:gdLst/>
              <a:ahLst/>
              <a:cxnLst/>
              <a:rect l="l" t="t" r="r" b="b"/>
              <a:pathLst>
                <a:path w="1571625" h="327660">
                  <a:moveTo>
                    <a:pt x="1571244" y="0"/>
                  </a:moveTo>
                  <a:lnTo>
                    <a:pt x="0" y="0"/>
                  </a:lnTo>
                  <a:lnTo>
                    <a:pt x="0" y="327660"/>
                  </a:lnTo>
                  <a:lnTo>
                    <a:pt x="1571244" y="327660"/>
                  </a:lnTo>
                  <a:lnTo>
                    <a:pt x="1571244" y="0"/>
                  </a:lnTo>
                  <a:close/>
                </a:path>
              </a:pathLst>
            </a:custGeom>
            <a:solidFill>
              <a:srgbClr val="FFFFFF"/>
            </a:solidFill>
          </p:spPr>
          <p:txBody>
            <a:bodyPr wrap="square" lIns="0" tIns="0" rIns="0" bIns="0" rtlCol="0"/>
            <a:lstStyle/>
            <a:p>
              <a:endParaRPr sz="1539"/>
            </a:p>
          </p:txBody>
        </p:sp>
        <p:sp>
          <p:nvSpPr>
            <p:cNvPr id="22" name="object 22"/>
            <p:cNvSpPr/>
            <p:nvPr/>
          </p:nvSpPr>
          <p:spPr>
            <a:xfrm>
              <a:off x="8366760" y="3028644"/>
              <a:ext cx="1586865" cy="342900"/>
            </a:xfrm>
            <a:custGeom>
              <a:avLst/>
              <a:gdLst/>
              <a:ahLst/>
              <a:cxnLst/>
              <a:rect l="l" t="t" r="r" b="b"/>
              <a:pathLst>
                <a:path w="1586865" h="342900">
                  <a:moveTo>
                    <a:pt x="1577340" y="13258"/>
                  </a:moveTo>
                  <a:lnTo>
                    <a:pt x="1572768" y="13258"/>
                  </a:lnTo>
                  <a:lnTo>
                    <a:pt x="1572768" y="328726"/>
                  </a:lnTo>
                  <a:lnTo>
                    <a:pt x="1577340" y="328726"/>
                  </a:lnTo>
                  <a:lnTo>
                    <a:pt x="1577340" y="13258"/>
                  </a:lnTo>
                  <a:close/>
                </a:path>
                <a:path w="1586865" h="342900">
                  <a:moveTo>
                    <a:pt x="1577340" y="8890"/>
                  </a:moveTo>
                  <a:lnTo>
                    <a:pt x="9144" y="8890"/>
                  </a:lnTo>
                  <a:lnTo>
                    <a:pt x="9144" y="12700"/>
                  </a:lnTo>
                  <a:lnTo>
                    <a:pt x="9144" y="328930"/>
                  </a:lnTo>
                  <a:lnTo>
                    <a:pt x="9144" y="332740"/>
                  </a:lnTo>
                  <a:lnTo>
                    <a:pt x="1577340" y="332740"/>
                  </a:lnTo>
                  <a:lnTo>
                    <a:pt x="1577340" y="328930"/>
                  </a:lnTo>
                  <a:lnTo>
                    <a:pt x="13716" y="328930"/>
                  </a:lnTo>
                  <a:lnTo>
                    <a:pt x="13716" y="12700"/>
                  </a:lnTo>
                  <a:lnTo>
                    <a:pt x="1577340" y="12700"/>
                  </a:lnTo>
                  <a:lnTo>
                    <a:pt x="1577340" y="8890"/>
                  </a:lnTo>
                  <a:close/>
                </a:path>
                <a:path w="1586865" h="342900">
                  <a:moveTo>
                    <a:pt x="1586484" y="0"/>
                  </a:moveTo>
                  <a:lnTo>
                    <a:pt x="0" y="0"/>
                  </a:lnTo>
                  <a:lnTo>
                    <a:pt x="0" y="3810"/>
                  </a:lnTo>
                  <a:lnTo>
                    <a:pt x="0" y="337820"/>
                  </a:lnTo>
                  <a:lnTo>
                    <a:pt x="0" y="342900"/>
                  </a:lnTo>
                  <a:lnTo>
                    <a:pt x="1586484" y="342900"/>
                  </a:lnTo>
                  <a:lnTo>
                    <a:pt x="1586484" y="337870"/>
                  </a:lnTo>
                  <a:lnTo>
                    <a:pt x="1586484" y="4114"/>
                  </a:lnTo>
                  <a:lnTo>
                    <a:pt x="1581912" y="4114"/>
                  </a:lnTo>
                  <a:lnTo>
                    <a:pt x="1581912" y="337820"/>
                  </a:lnTo>
                  <a:lnTo>
                    <a:pt x="4572" y="337820"/>
                  </a:lnTo>
                  <a:lnTo>
                    <a:pt x="4572" y="3810"/>
                  </a:lnTo>
                  <a:lnTo>
                    <a:pt x="1586484" y="3810"/>
                  </a:lnTo>
                  <a:lnTo>
                    <a:pt x="1586484" y="0"/>
                  </a:lnTo>
                  <a:close/>
                </a:path>
              </a:pathLst>
            </a:custGeom>
            <a:solidFill>
              <a:srgbClr val="000000"/>
            </a:solidFill>
          </p:spPr>
          <p:txBody>
            <a:bodyPr wrap="square" lIns="0" tIns="0" rIns="0" bIns="0" rtlCol="0"/>
            <a:lstStyle/>
            <a:p>
              <a:endParaRPr sz="1539"/>
            </a:p>
          </p:txBody>
        </p:sp>
        <p:sp>
          <p:nvSpPr>
            <p:cNvPr id="23" name="object 23"/>
            <p:cNvSpPr/>
            <p:nvPr/>
          </p:nvSpPr>
          <p:spPr>
            <a:xfrm>
              <a:off x="9188195" y="3540251"/>
              <a:ext cx="532130" cy="497205"/>
            </a:xfrm>
            <a:custGeom>
              <a:avLst/>
              <a:gdLst/>
              <a:ahLst/>
              <a:cxnLst/>
              <a:rect l="l" t="t" r="r" b="b"/>
              <a:pathLst>
                <a:path w="532129" h="497204">
                  <a:moveTo>
                    <a:pt x="306324" y="0"/>
                  </a:moveTo>
                  <a:lnTo>
                    <a:pt x="0" y="0"/>
                  </a:lnTo>
                  <a:lnTo>
                    <a:pt x="0" y="57912"/>
                  </a:lnTo>
                  <a:lnTo>
                    <a:pt x="306324" y="57912"/>
                  </a:lnTo>
                  <a:lnTo>
                    <a:pt x="342947" y="65389"/>
                  </a:lnTo>
                  <a:lnTo>
                    <a:pt x="372998" y="85725"/>
                  </a:lnTo>
                  <a:lnTo>
                    <a:pt x="393334" y="115776"/>
                  </a:lnTo>
                  <a:lnTo>
                    <a:pt x="400811" y="152400"/>
                  </a:lnTo>
                  <a:lnTo>
                    <a:pt x="400811" y="248412"/>
                  </a:lnTo>
                  <a:lnTo>
                    <a:pt x="327659" y="248412"/>
                  </a:lnTo>
                  <a:lnTo>
                    <a:pt x="429768" y="496824"/>
                  </a:lnTo>
                  <a:lnTo>
                    <a:pt x="531876" y="248412"/>
                  </a:lnTo>
                  <a:lnTo>
                    <a:pt x="458724" y="248412"/>
                  </a:lnTo>
                  <a:lnTo>
                    <a:pt x="458724" y="152400"/>
                  </a:lnTo>
                  <a:lnTo>
                    <a:pt x="450921" y="104363"/>
                  </a:lnTo>
                  <a:lnTo>
                    <a:pt x="429219" y="62544"/>
                  </a:lnTo>
                  <a:lnTo>
                    <a:pt x="396179" y="29504"/>
                  </a:lnTo>
                  <a:lnTo>
                    <a:pt x="354360" y="7802"/>
                  </a:lnTo>
                  <a:lnTo>
                    <a:pt x="306324" y="0"/>
                  </a:lnTo>
                  <a:close/>
                </a:path>
              </a:pathLst>
            </a:custGeom>
            <a:solidFill>
              <a:srgbClr val="FF0000"/>
            </a:solidFill>
          </p:spPr>
          <p:txBody>
            <a:bodyPr wrap="square" lIns="0" tIns="0" rIns="0" bIns="0" rtlCol="0"/>
            <a:lstStyle/>
            <a:p>
              <a:endParaRPr sz="1539"/>
            </a:p>
          </p:txBody>
        </p:sp>
      </p:grpSp>
      <p:grpSp>
        <p:nvGrpSpPr>
          <p:cNvPr id="24" name="object 24"/>
          <p:cNvGrpSpPr/>
          <p:nvPr/>
        </p:nvGrpSpPr>
        <p:grpSpPr>
          <a:xfrm>
            <a:off x="7955931" y="273669"/>
            <a:ext cx="1138113" cy="363805"/>
            <a:chOff x="9304019" y="91440"/>
            <a:chExt cx="1330960" cy="425450"/>
          </a:xfrm>
        </p:grpSpPr>
        <p:sp>
          <p:nvSpPr>
            <p:cNvPr id="25" name="object 25"/>
            <p:cNvSpPr/>
            <p:nvPr/>
          </p:nvSpPr>
          <p:spPr>
            <a:xfrm>
              <a:off x="9311639" y="97536"/>
              <a:ext cx="1315720" cy="411480"/>
            </a:xfrm>
            <a:custGeom>
              <a:avLst/>
              <a:gdLst/>
              <a:ahLst/>
              <a:cxnLst/>
              <a:rect l="l" t="t" r="r" b="b"/>
              <a:pathLst>
                <a:path w="1315720" h="411480">
                  <a:moveTo>
                    <a:pt x="1315211" y="0"/>
                  </a:moveTo>
                  <a:lnTo>
                    <a:pt x="0" y="0"/>
                  </a:lnTo>
                  <a:lnTo>
                    <a:pt x="0" y="411479"/>
                  </a:lnTo>
                  <a:lnTo>
                    <a:pt x="1315211" y="411479"/>
                  </a:lnTo>
                  <a:lnTo>
                    <a:pt x="1315211" y="0"/>
                  </a:lnTo>
                  <a:close/>
                </a:path>
              </a:pathLst>
            </a:custGeom>
            <a:solidFill>
              <a:srgbClr val="FFFFFF"/>
            </a:solidFill>
          </p:spPr>
          <p:txBody>
            <a:bodyPr wrap="square" lIns="0" tIns="0" rIns="0" bIns="0" rtlCol="0"/>
            <a:lstStyle/>
            <a:p>
              <a:endParaRPr sz="1539"/>
            </a:p>
          </p:txBody>
        </p:sp>
        <p:sp>
          <p:nvSpPr>
            <p:cNvPr id="26" name="object 26"/>
            <p:cNvSpPr/>
            <p:nvPr/>
          </p:nvSpPr>
          <p:spPr>
            <a:xfrm>
              <a:off x="9304019" y="91440"/>
              <a:ext cx="1330960" cy="425450"/>
            </a:xfrm>
            <a:custGeom>
              <a:avLst/>
              <a:gdLst/>
              <a:ahLst/>
              <a:cxnLst/>
              <a:rect l="l" t="t" r="r" b="b"/>
              <a:pathLst>
                <a:path w="1330959" h="425450">
                  <a:moveTo>
                    <a:pt x="1330452" y="0"/>
                  </a:moveTo>
                  <a:lnTo>
                    <a:pt x="0" y="0"/>
                  </a:lnTo>
                  <a:lnTo>
                    <a:pt x="0" y="425196"/>
                  </a:lnTo>
                  <a:lnTo>
                    <a:pt x="1330452" y="425196"/>
                  </a:lnTo>
                  <a:lnTo>
                    <a:pt x="1330452" y="417575"/>
                  </a:lnTo>
                  <a:lnTo>
                    <a:pt x="13715" y="417575"/>
                  </a:lnTo>
                  <a:lnTo>
                    <a:pt x="7620" y="411479"/>
                  </a:lnTo>
                  <a:lnTo>
                    <a:pt x="13715" y="411479"/>
                  </a:lnTo>
                  <a:lnTo>
                    <a:pt x="13715" y="13716"/>
                  </a:lnTo>
                  <a:lnTo>
                    <a:pt x="7620" y="13716"/>
                  </a:lnTo>
                  <a:lnTo>
                    <a:pt x="13715" y="6096"/>
                  </a:lnTo>
                  <a:lnTo>
                    <a:pt x="1330452" y="6096"/>
                  </a:lnTo>
                  <a:lnTo>
                    <a:pt x="1330452" y="0"/>
                  </a:lnTo>
                  <a:close/>
                </a:path>
                <a:path w="1330959" h="425450">
                  <a:moveTo>
                    <a:pt x="13715" y="411479"/>
                  </a:moveTo>
                  <a:lnTo>
                    <a:pt x="7620" y="411479"/>
                  </a:lnTo>
                  <a:lnTo>
                    <a:pt x="13715" y="417575"/>
                  </a:lnTo>
                  <a:lnTo>
                    <a:pt x="13715" y="411479"/>
                  </a:lnTo>
                  <a:close/>
                </a:path>
                <a:path w="1330959" h="425450">
                  <a:moveTo>
                    <a:pt x="1316735" y="411479"/>
                  </a:moveTo>
                  <a:lnTo>
                    <a:pt x="13715" y="411479"/>
                  </a:lnTo>
                  <a:lnTo>
                    <a:pt x="13715" y="417575"/>
                  </a:lnTo>
                  <a:lnTo>
                    <a:pt x="1316735" y="417575"/>
                  </a:lnTo>
                  <a:lnTo>
                    <a:pt x="1316735" y="411479"/>
                  </a:lnTo>
                  <a:close/>
                </a:path>
                <a:path w="1330959" h="425450">
                  <a:moveTo>
                    <a:pt x="1316735" y="6096"/>
                  </a:moveTo>
                  <a:lnTo>
                    <a:pt x="1316735" y="417575"/>
                  </a:lnTo>
                  <a:lnTo>
                    <a:pt x="1322831" y="411479"/>
                  </a:lnTo>
                  <a:lnTo>
                    <a:pt x="1330452" y="411479"/>
                  </a:lnTo>
                  <a:lnTo>
                    <a:pt x="1330452" y="13716"/>
                  </a:lnTo>
                  <a:lnTo>
                    <a:pt x="1322831" y="13716"/>
                  </a:lnTo>
                  <a:lnTo>
                    <a:pt x="1316735" y="6096"/>
                  </a:lnTo>
                  <a:close/>
                </a:path>
                <a:path w="1330959" h="425450">
                  <a:moveTo>
                    <a:pt x="1330452" y="411479"/>
                  </a:moveTo>
                  <a:lnTo>
                    <a:pt x="1322831" y="411479"/>
                  </a:lnTo>
                  <a:lnTo>
                    <a:pt x="1316735" y="417575"/>
                  </a:lnTo>
                  <a:lnTo>
                    <a:pt x="1330452" y="417575"/>
                  </a:lnTo>
                  <a:lnTo>
                    <a:pt x="1330452" y="411479"/>
                  </a:lnTo>
                  <a:close/>
                </a:path>
                <a:path w="1330959" h="425450">
                  <a:moveTo>
                    <a:pt x="13715" y="6096"/>
                  </a:moveTo>
                  <a:lnTo>
                    <a:pt x="7620" y="13716"/>
                  </a:lnTo>
                  <a:lnTo>
                    <a:pt x="13715" y="13716"/>
                  </a:lnTo>
                  <a:lnTo>
                    <a:pt x="13715" y="6096"/>
                  </a:lnTo>
                  <a:close/>
                </a:path>
                <a:path w="1330959" h="425450">
                  <a:moveTo>
                    <a:pt x="1316735" y="6096"/>
                  </a:moveTo>
                  <a:lnTo>
                    <a:pt x="13715" y="6096"/>
                  </a:lnTo>
                  <a:lnTo>
                    <a:pt x="13715" y="13716"/>
                  </a:lnTo>
                  <a:lnTo>
                    <a:pt x="1316735" y="13716"/>
                  </a:lnTo>
                  <a:lnTo>
                    <a:pt x="1316735" y="6096"/>
                  </a:lnTo>
                  <a:close/>
                </a:path>
                <a:path w="1330959" h="425450">
                  <a:moveTo>
                    <a:pt x="1330452" y="6096"/>
                  </a:moveTo>
                  <a:lnTo>
                    <a:pt x="1316735" y="6096"/>
                  </a:lnTo>
                  <a:lnTo>
                    <a:pt x="1322831" y="13716"/>
                  </a:lnTo>
                  <a:lnTo>
                    <a:pt x="1330452" y="13716"/>
                  </a:lnTo>
                  <a:lnTo>
                    <a:pt x="1330452" y="6096"/>
                  </a:lnTo>
                  <a:close/>
                </a:path>
              </a:pathLst>
            </a:custGeom>
            <a:solidFill>
              <a:srgbClr val="3F87C8"/>
            </a:solidFill>
          </p:spPr>
          <p:txBody>
            <a:bodyPr wrap="square" lIns="0" tIns="0" rIns="0" bIns="0" rtlCol="0"/>
            <a:lstStyle/>
            <a:p>
              <a:endParaRPr sz="1539"/>
            </a:p>
          </p:txBody>
        </p:sp>
      </p:grpSp>
      <p:sp>
        <p:nvSpPr>
          <p:cNvPr id="27" name="object 27"/>
          <p:cNvSpPr txBox="1"/>
          <p:nvPr/>
        </p:nvSpPr>
        <p:spPr>
          <a:xfrm>
            <a:off x="7994592" y="327968"/>
            <a:ext cx="1060465" cy="223666"/>
          </a:xfrm>
          <a:prstGeom prst="rect">
            <a:avLst/>
          </a:prstGeom>
        </p:spPr>
        <p:txBody>
          <a:bodyPr vert="horz" wrap="square" lIns="0" tIns="13032" rIns="0" bIns="0" rtlCol="0">
            <a:spAutoFit/>
          </a:bodyPr>
          <a:lstStyle/>
          <a:p>
            <a:pPr marL="10860">
              <a:spcBef>
                <a:spcPts val="103"/>
              </a:spcBef>
            </a:pPr>
            <a:r>
              <a:rPr sz="1368" spc="-9" dirty="0">
                <a:solidFill>
                  <a:srgbClr val="3F87C8"/>
                </a:solidFill>
                <a:latin typeface="ＭＳ Ｐゴシック"/>
                <a:cs typeface="ＭＳ Ｐゴシック"/>
              </a:rPr>
              <a:t>横断的な取組</a:t>
            </a:r>
            <a:endParaRPr sz="1368">
              <a:latin typeface="ＭＳ Ｐゴシック"/>
              <a:cs typeface="ＭＳ Ｐゴシック"/>
            </a:endParaRPr>
          </a:p>
        </p:txBody>
      </p:sp>
      <p:sp>
        <p:nvSpPr>
          <p:cNvPr id="30" name="object 30"/>
          <p:cNvSpPr/>
          <p:nvPr/>
        </p:nvSpPr>
        <p:spPr>
          <a:xfrm>
            <a:off x="238482" y="755846"/>
            <a:ext cx="8654763" cy="1183724"/>
          </a:xfrm>
          <a:custGeom>
            <a:avLst/>
            <a:gdLst/>
            <a:ahLst/>
            <a:cxnLst/>
            <a:rect l="l" t="t" r="r" b="b"/>
            <a:pathLst>
              <a:path w="10121265" h="1384300">
                <a:moveTo>
                  <a:pt x="10120884" y="0"/>
                </a:moveTo>
                <a:lnTo>
                  <a:pt x="0" y="0"/>
                </a:lnTo>
                <a:lnTo>
                  <a:pt x="0" y="1383792"/>
                </a:lnTo>
                <a:lnTo>
                  <a:pt x="10120884" y="1383792"/>
                </a:lnTo>
                <a:lnTo>
                  <a:pt x="10120884" y="1373124"/>
                </a:lnTo>
                <a:lnTo>
                  <a:pt x="21335" y="1373124"/>
                </a:lnTo>
                <a:lnTo>
                  <a:pt x="10667" y="1363980"/>
                </a:lnTo>
                <a:lnTo>
                  <a:pt x="21335" y="1363980"/>
                </a:lnTo>
                <a:lnTo>
                  <a:pt x="21335" y="19812"/>
                </a:lnTo>
                <a:lnTo>
                  <a:pt x="10667" y="19812"/>
                </a:lnTo>
                <a:lnTo>
                  <a:pt x="21335" y="10668"/>
                </a:lnTo>
                <a:lnTo>
                  <a:pt x="10120884" y="10668"/>
                </a:lnTo>
                <a:lnTo>
                  <a:pt x="10120884" y="0"/>
                </a:lnTo>
                <a:close/>
              </a:path>
              <a:path w="10121265" h="1384300">
                <a:moveTo>
                  <a:pt x="21335" y="1363980"/>
                </a:moveTo>
                <a:lnTo>
                  <a:pt x="10667" y="1363980"/>
                </a:lnTo>
                <a:lnTo>
                  <a:pt x="21335" y="1373124"/>
                </a:lnTo>
                <a:lnTo>
                  <a:pt x="21335" y="1363980"/>
                </a:lnTo>
                <a:close/>
              </a:path>
              <a:path w="10121265" h="1384300">
                <a:moveTo>
                  <a:pt x="10101072" y="1363980"/>
                </a:moveTo>
                <a:lnTo>
                  <a:pt x="21335" y="1363980"/>
                </a:lnTo>
                <a:lnTo>
                  <a:pt x="21335" y="1373124"/>
                </a:lnTo>
                <a:lnTo>
                  <a:pt x="10101072" y="1373124"/>
                </a:lnTo>
                <a:lnTo>
                  <a:pt x="10101072" y="1363980"/>
                </a:lnTo>
                <a:close/>
              </a:path>
              <a:path w="10121265" h="1384300">
                <a:moveTo>
                  <a:pt x="10101072" y="10668"/>
                </a:moveTo>
                <a:lnTo>
                  <a:pt x="10101072" y="1373124"/>
                </a:lnTo>
                <a:lnTo>
                  <a:pt x="10111740" y="1363980"/>
                </a:lnTo>
                <a:lnTo>
                  <a:pt x="10120884" y="1363980"/>
                </a:lnTo>
                <a:lnTo>
                  <a:pt x="10120884" y="19812"/>
                </a:lnTo>
                <a:lnTo>
                  <a:pt x="10111740" y="19812"/>
                </a:lnTo>
                <a:lnTo>
                  <a:pt x="10101072" y="10668"/>
                </a:lnTo>
                <a:close/>
              </a:path>
              <a:path w="10121265" h="1384300">
                <a:moveTo>
                  <a:pt x="10120884" y="1363980"/>
                </a:moveTo>
                <a:lnTo>
                  <a:pt x="10111740" y="1363980"/>
                </a:lnTo>
                <a:lnTo>
                  <a:pt x="10101072" y="1373124"/>
                </a:lnTo>
                <a:lnTo>
                  <a:pt x="10120884" y="1373124"/>
                </a:lnTo>
                <a:lnTo>
                  <a:pt x="10120884" y="1363980"/>
                </a:lnTo>
                <a:close/>
              </a:path>
              <a:path w="10121265" h="1384300">
                <a:moveTo>
                  <a:pt x="21335" y="10668"/>
                </a:moveTo>
                <a:lnTo>
                  <a:pt x="10667" y="19812"/>
                </a:lnTo>
                <a:lnTo>
                  <a:pt x="21335" y="19812"/>
                </a:lnTo>
                <a:lnTo>
                  <a:pt x="21335" y="10668"/>
                </a:lnTo>
                <a:close/>
              </a:path>
              <a:path w="10121265" h="1384300">
                <a:moveTo>
                  <a:pt x="10101072" y="10668"/>
                </a:moveTo>
                <a:lnTo>
                  <a:pt x="21335" y="10668"/>
                </a:lnTo>
                <a:lnTo>
                  <a:pt x="21335" y="19812"/>
                </a:lnTo>
                <a:lnTo>
                  <a:pt x="10101072" y="19812"/>
                </a:lnTo>
                <a:lnTo>
                  <a:pt x="10101072" y="10668"/>
                </a:lnTo>
                <a:close/>
              </a:path>
              <a:path w="10121265" h="1384300">
                <a:moveTo>
                  <a:pt x="10120884" y="10668"/>
                </a:moveTo>
                <a:lnTo>
                  <a:pt x="10101072" y="10668"/>
                </a:lnTo>
                <a:lnTo>
                  <a:pt x="10111740" y="19812"/>
                </a:lnTo>
                <a:lnTo>
                  <a:pt x="10120884" y="19812"/>
                </a:lnTo>
                <a:lnTo>
                  <a:pt x="10120884" y="10668"/>
                </a:lnTo>
                <a:close/>
              </a:path>
            </a:pathLst>
          </a:custGeom>
          <a:solidFill>
            <a:srgbClr val="000000"/>
          </a:solidFill>
        </p:spPr>
        <p:txBody>
          <a:bodyPr wrap="square" lIns="0" tIns="0" rIns="0" bIns="0" rtlCol="0"/>
          <a:lstStyle/>
          <a:p>
            <a:endParaRPr sz="1539"/>
          </a:p>
        </p:txBody>
      </p:sp>
      <p:sp>
        <p:nvSpPr>
          <p:cNvPr id="31" name="object 31"/>
          <p:cNvSpPr txBox="1"/>
          <p:nvPr/>
        </p:nvSpPr>
        <p:spPr>
          <a:xfrm>
            <a:off x="244564" y="837512"/>
            <a:ext cx="8456028" cy="2172701"/>
          </a:xfrm>
          <a:prstGeom prst="rect">
            <a:avLst/>
          </a:prstGeom>
        </p:spPr>
        <p:txBody>
          <a:bodyPr vert="horz" wrap="square" lIns="0" tIns="19548" rIns="0" bIns="0" rtlCol="0">
            <a:spAutoFit/>
          </a:bodyPr>
          <a:lstStyle/>
          <a:p>
            <a:pPr marL="376834" marR="35294" indent="-317105">
              <a:lnSpc>
                <a:spcPts val="1992"/>
              </a:lnSpc>
              <a:spcBef>
                <a:spcPts val="154"/>
              </a:spcBef>
              <a:buChar char="○"/>
              <a:tabLst>
                <a:tab pos="376834" algn="l"/>
              </a:tabLst>
            </a:pPr>
            <a:r>
              <a:rPr sz="1667" spc="-30" dirty="0">
                <a:latin typeface="ＭＳ Ｐゴシック"/>
                <a:cs typeface="ＭＳ Ｐゴシック"/>
              </a:rPr>
              <a:t>今後、「予防保全」の考え方に基づくメンテナンスサイクルを構築するためには、相当程度の対策の実施が必要であることが明らかになった。</a:t>
            </a:r>
            <a:endParaRPr sz="1667">
              <a:latin typeface="ＭＳ Ｐゴシック"/>
              <a:cs typeface="ＭＳ Ｐゴシック"/>
            </a:endParaRPr>
          </a:p>
          <a:p>
            <a:pPr marL="376834" marR="4344" indent="-317105">
              <a:lnSpc>
                <a:spcPts val="1992"/>
              </a:lnSpc>
              <a:spcBef>
                <a:spcPts val="4"/>
              </a:spcBef>
              <a:buChar char="○"/>
              <a:tabLst>
                <a:tab pos="376834" algn="l"/>
              </a:tabLst>
            </a:pPr>
            <a:r>
              <a:rPr sz="1667" spc="-30" dirty="0">
                <a:latin typeface="ＭＳ Ｐゴシック"/>
                <a:cs typeface="ＭＳ Ｐゴシック"/>
              </a:rPr>
              <a:t>具体的には、予防保全の考え方で対応できる水準以下に老朽化している施設に対する措置</a:t>
            </a:r>
            <a:r>
              <a:rPr sz="1667" spc="-26" dirty="0">
                <a:latin typeface="ＭＳ Ｐゴシック"/>
                <a:cs typeface="ＭＳ Ｐゴシック"/>
              </a:rPr>
              <a:t>を早期に講じる必要がある。</a:t>
            </a:r>
            <a:endParaRPr sz="1667">
              <a:latin typeface="ＭＳ Ｐゴシック"/>
              <a:cs typeface="ＭＳ Ｐゴシック"/>
            </a:endParaRPr>
          </a:p>
          <a:p>
            <a:pPr>
              <a:spcBef>
                <a:spcPts val="86"/>
              </a:spcBef>
            </a:pPr>
            <a:endParaRPr sz="1667">
              <a:latin typeface="ＭＳ Ｐゴシック"/>
              <a:cs typeface="ＭＳ Ｐゴシック"/>
            </a:endParaRPr>
          </a:p>
          <a:p>
            <a:pPr marL="10860"/>
            <a:r>
              <a:rPr sz="1625" b="1" spc="-17" dirty="0">
                <a:latin typeface="ＭＳ Ｐゴシック"/>
                <a:cs typeface="ＭＳ Ｐゴシック"/>
              </a:rPr>
              <a:t>【事後保全と予防保全のサイクル</a:t>
            </a:r>
            <a:r>
              <a:rPr sz="1625" b="1" spc="-9" dirty="0">
                <a:latin typeface="ＭＳ Ｐゴシック"/>
                <a:cs typeface="ＭＳ Ｐゴシック"/>
              </a:rPr>
              <a:t>（</a:t>
            </a:r>
            <a:r>
              <a:rPr sz="1625" b="1" spc="-13" dirty="0">
                <a:latin typeface="ＭＳ Ｐゴシック"/>
                <a:cs typeface="ＭＳ Ｐゴシック"/>
              </a:rPr>
              <a:t>イメージ</a:t>
            </a:r>
            <a:r>
              <a:rPr sz="1625" b="1" spc="-9" dirty="0">
                <a:latin typeface="ＭＳ Ｐゴシック"/>
                <a:cs typeface="ＭＳ Ｐゴシック"/>
              </a:rPr>
              <a:t>）</a:t>
            </a:r>
            <a:r>
              <a:rPr sz="1625" b="1" spc="-43" dirty="0">
                <a:latin typeface="ＭＳ Ｐゴシック"/>
                <a:cs typeface="ＭＳ Ｐゴシック"/>
              </a:rPr>
              <a:t>】</a:t>
            </a:r>
            <a:endParaRPr sz="1625">
              <a:latin typeface="ＭＳ Ｐゴシック"/>
              <a:cs typeface="ＭＳ Ｐゴシック"/>
            </a:endParaRPr>
          </a:p>
          <a:p>
            <a:pPr>
              <a:spcBef>
                <a:spcPts val="1334"/>
              </a:spcBef>
            </a:pPr>
            <a:endParaRPr sz="1625">
              <a:latin typeface="ＭＳ Ｐゴシック"/>
              <a:cs typeface="ＭＳ Ｐゴシック"/>
            </a:endParaRPr>
          </a:p>
          <a:p>
            <a:pPr marR="396924" algn="r"/>
            <a:r>
              <a:rPr sz="1240" spc="-9" dirty="0">
                <a:latin typeface="ＭＳ Ｐゴシック"/>
                <a:cs typeface="ＭＳ Ｐゴシック"/>
              </a:rPr>
              <a:t>トータルコスト</a:t>
            </a:r>
            <a:endParaRPr sz="1240">
              <a:latin typeface="ＭＳ Ｐゴシック"/>
              <a:cs typeface="ＭＳ Ｐゴシック"/>
            </a:endParaRPr>
          </a:p>
        </p:txBody>
      </p:sp>
      <p:sp>
        <p:nvSpPr>
          <p:cNvPr id="34" name="object 34"/>
          <p:cNvSpPr txBox="1"/>
          <p:nvPr/>
        </p:nvSpPr>
        <p:spPr>
          <a:xfrm>
            <a:off x="8845571" y="6317726"/>
            <a:ext cx="209595" cy="205184"/>
          </a:xfrm>
          <a:prstGeom prst="rect">
            <a:avLst/>
          </a:prstGeom>
        </p:spPr>
        <p:txBody>
          <a:bodyPr vert="horz" wrap="square" lIns="0" tIns="0" rIns="0" bIns="0" rtlCol="0">
            <a:spAutoFit/>
          </a:bodyPr>
          <a:lstStyle/>
          <a:p>
            <a:pPr marL="10860">
              <a:lnSpc>
                <a:spcPts val="1646"/>
              </a:lnSpc>
            </a:pPr>
            <a:r>
              <a:rPr sz="1454" spc="-21" dirty="0">
                <a:latin typeface="ＭＳ Ｐゴシック"/>
                <a:cs typeface="ＭＳ Ｐゴシック"/>
              </a:rPr>
              <a:t>12</a:t>
            </a:r>
            <a:endParaRPr sz="1454">
              <a:latin typeface="ＭＳ Ｐゴシック"/>
              <a:cs typeface="ＭＳ Ｐゴシック"/>
            </a:endParaRPr>
          </a:p>
        </p:txBody>
      </p:sp>
      <p:sp>
        <p:nvSpPr>
          <p:cNvPr id="32" name="object 32"/>
          <p:cNvSpPr txBox="1">
            <a:spLocks noGrp="1"/>
          </p:cNvSpPr>
          <p:nvPr>
            <p:ph type="title"/>
          </p:nvPr>
        </p:nvSpPr>
        <p:spPr>
          <a:xfrm>
            <a:off x="231966" y="262332"/>
            <a:ext cx="7730481" cy="379201"/>
          </a:xfrm>
          <a:prstGeom prst="rect">
            <a:avLst/>
          </a:prstGeom>
        </p:spPr>
        <p:txBody>
          <a:bodyPr vert="horz" wrap="square" lIns="0" tIns="9774" rIns="0" bIns="0" rtlCol="0" anchor="ctr">
            <a:spAutoFit/>
          </a:bodyPr>
          <a:lstStyle/>
          <a:p>
            <a:pPr marL="10860">
              <a:lnSpc>
                <a:spcPct val="100000"/>
              </a:lnSpc>
              <a:spcBef>
                <a:spcPts val="77"/>
              </a:spcBef>
            </a:pPr>
            <a:r>
              <a:rPr sz="2400" spc="-34" dirty="0"/>
              <a:t>早期に措置すべき施設</a:t>
            </a:r>
            <a:r>
              <a:rPr sz="1667" spc="-21" dirty="0"/>
              <a:t>～</a:t>
            </a:r>
            <a:r>
              <a:rPr sz="1667" spc="-30" dirty="0"/>
              <a:t>事後保全と予防保全のサイクル</a:t>
            </a:r>
            <a:r>
              <a:rPr sz="1667" spc="-9" dirty="0"/>
              <a:t>（</a:t>
            </a:r>
            <a:r>
              <a:rPr sz="1667" spc="-26" dirty="0"/>
              <a:t>イメージ</a:t>
            </a:r>
            <a:r>
              <a:rPr sz="1667" spc="-21" dirty="0"/>
              <a:t>）～</a:t>
            </a:r>
            <a:endParaRPr sz="1667" dirty="0"/>
          </a:p>
        </p:txBody>
      </p:sp>
      <p:sp>
        <p:nvSpPr>
          <p:cNvPr id="33" name="object 33"/>
          <p:cNvSpPr txBox="1"/>
          <p:nvPr/>
        </p:nvSpPr>
        <p:spPr>
          <a:xfrm>
            <a:off x="1727586" y="5095011"/>
            <a:ext cx="6888407" cy="1074581"/>
          </a:xfrm>
          <a:prstGeom prst="rect">
            <a:avLst/>
          </a:prstGeom>
        </p:spPr>
        <p:txBody>
          <a:bodyPr vert="horz" wrap="square" lIns="0" tIns="14661" rIns="0" bIns="0" rtlCol="0">
            <a:spAutoFit/>
          </a:bodyPr>
          <a:lstStyle/>
          <a:p>
            <a:pPr marR="4344" algn="r">
              <a:spcBef>
                <a:spcPts val="115"/>
              </a:spcBef>
            </a:pPr>
            <a:r>
              <a:rPr sz="1240" b="1" spc="51" dirty="0">
                <a:solidFill>
                  <a:srgbClr val="4F80BC"/>
                </a:solidFill>
                <a:latin typeface="ＭＳ Ｐゴシック"/>
                <a:cs typeface="ＭＳ Ｐゴシック"/>
              </a:rPr>
              <a:t>事後保全  </a:t>
            </a:r>
            <a:r>
              <a:rPr sz="1240" b="1" spc="-13" dirty="0">
                <a:solidFill>
                  <a:srgbClr val="FF0000"/>
                </a:solidFill>
                <a:latin typeface="ＭＳ Ｐゴシック"/>
                <a:cs typeface="ＭＳ Ｐゴシック"/>
              </a:rPr>
              <a:t>予防保全</a:t>
            </a:r>
            <a:endParaRPr sz="1240">
              <a:latin typeface="ＭＳ Ｐゴシック"/>
              <a:cs typeface="ＭＳ Ｐゴシック"/>
            </a:endParaRPr>
          </a:p>
          <a:p>
            <a:pPr>
              <a:lnSpc>
                <a:spcPct val="100000"/>
              </a:lnSpc>
            </a:pPr>
            <a:endParaRPr sz="1240">
              <a:latin typeface="ＭＳ Ｐゴシック"/>
              <a:cs typeface="ＭＳ Ｐゴシック"/>
            </a:endParaRPr>
          </a:p>
          <a:p>
            <a:pPr>
              <a:spcBef>
                <a:spcPts val="603"/>
              </a:spcBef>
            </a:pPr>
            <a:endParaRPr sz="1240">
              <a:latin typeface="ＭＳ Ｐゴシック"/>
              <a:cs typeface="ＭＳ Ｐゴシック"/>
            </a:endParaRPr>
          </a:p>
          <a:p>
            <a:pPr marL="21177" marR="318734" indent="-10860">
              <a:lnSpc>
                <a:spcPts val="1642"/>
              </a:lnSpc>
            </a:pPr>
            <a:r>
              <a:rPr sz="1454" dirty="0">
                <a:solidFill>
                  <a:srgbClr val="FF0000"/>
                </a:solidFill>
                <a:latin typeface="ＭＳ Ｐゴシック"/>
                <a:cs typeface="ＭＳ Ｐゴシック"/>
              </a:rPr>
              <a:t>予防保全</a:t>
            </a:r>
            <a:r>
              <a:rPr sz="1454" spc="-4" dirty="0">
                <a:latin typeface="ＭＳ Ｐゴシック"/>
                <a:cs typeface="ＭＳ Ｐゴシック"/>
              </a:rPr>
              <a:t>：施設の機能や性能に不具合が発生する前に修繕等の対策を講じること。</a:t>
            </a:r>
            <a:r>
              <a:rPr sz="1454" dirty="0">
                <a:solidFill>
                  <a:srgbClr val="4F80BC"/>
                </a:solidFill>
                <a:latin typeface="ＭＳ Ｐゴシック"/>
                <a:cs typeface="ＭＳ Ｐゴシック"/>
              </a:rPr>
              <a:t>事後保全</a:t>
            </a:r>
            <a:r>
              <a:rPr sz="1454" spc="-4" dirty="0">
                <a:latin typeface="ＭＳ Ｐゴシック"/>
                <a:cs typeface="ＭＳ Ｐゴシック"/>
              </a:rPr>
              <a:t>：施設の機能や性能に不具合が生じてから修繕等の対策を講じること。</a:t>
            </a:r>
            <a:endParaRPr sz="1454">
              <a:latin typeface="ＭＳ Ｐゴシック"/>
              <a:cs typeface="ＭＳ Ｐゴシック"/>
            </a:endParaRPr>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爆発 1 22">
            <a:extLst>
              <a:ext uri="{FF2B5EF4-FFF2-40B4-BE49-F238E27FC236}">
                <a16:creationId xmlns:a16="http://schemas.microsoft.com/office/drawing/2014/main" id="{612760A4-23A1-93A9-82CF-FFA46B25F3DD}"/>
              </a:ext>
            </a:extLst>
          </p:cNvPr>
          <p:cNvSpPr/>
          <p:nvPr/>
        </p:nvSpPr>
        <p:spPr>
          <a:xfrm>
            <a:off x="28575" y="3019425"/>
            <a:ext cx="2219325" cy="2284413"/>
          </a:xfrm>
          <a:prstGeom prst="irregularSeal1">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2000" b="1" dirty="0">
                <a:solidFill>
                  <a:schemeClr val="tx1"/>
                </a:solidFill>
              </a:rPr>
              <a:t>劣化度、危険度は増していく</a:t>
            </a:r>
          </a:p>
        </p:txBody>
      </p:sp>
      <p:sp>
        <p:nvSpPr>
          <p:cNvPr id="3" name="下矢印 2">
            <a:extLst>
              <a:ext uri="{FF2B5EF4-FFF2-40B4-BE49-F238E27FC236}">
                <a16:creationId xmlns:a16="http://schemas.microsoft.com/office/drawing/2014/main" id="{AD4AA876-328B-C89D-777E-71763C54CBAB}"/>
              </a:ext>
            </a:extLst>
          </p:cNvPr>
          <p:cNvSpPr/>
          <p:nvPr/>
        </p:nvSpPr>
        <p:spPr>
          <a:xfrm>
            <a:off x="1763713" y="1131888"/>
            <a:ext cx="484187" cy="436721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4820" name="スライド番号プレースホルダー 1">
            <a:extLst>
              <a:ext uri="{FF2B5EF4-FFF2-40B4-BE49-F238E27FC236}">
                <a16:creationId xmlns:a16="http://schemas.microsoft.com/office/drawing/2014/main" id="{38BF6113-D17A-CDAE-CDC0-D0523807371E}"/>
              </a:ext>
            </a:extLst>
          </p:cNvPr>
          <p:cNvSpPr>
            <a:spLocks noGrp="1"/>
          </p:cNvSpPr>
          <p:nvPr>
            <p:ph type="sldNum" sz="quarter" idx="12"/>
          </p:nvPr>
        </p:nvSpPr>
        <p:spPr bwMode="auto">
          <a:xfrm>
            <a:off x="3124200" y="6356350"/>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200">
                <a:solidFill>
                  <a:schemeClr val="bg1"/>
                </a:solidFill>
                <a:latin typeface="HGPｺﾞｼｯｸE" panose="020B0900000000000000" pitchFamily="50" charset="-128"/>
                <a:ea typeface="HGPｺﾞｼｯｸE" panose="020B0900000000000000" pitchFamily="50" charset="-128"/>
              </a:rPr>
              <a:t>-</a:t>
            </a:r>
            <a:fld id="{91236B14-C456-4F13-ADDE-11604BBD96A9}" type="slidenum">
              <a:rPr lang="en-US" altLang="ja-JP" sz="1200" smtClean="0">
                <a:solidFill>
                  <a:schemeClr val="bg1"/>
                </a:solidFill>
                <a:latin typeface="HGPｺﾞｼｯｸE" panose="020B0900000000000000" pitchFamily="50" charset="-128"/>
                <a:ea typeface="HGPｺﾞｼｯｸE" panose="020B0900000000000000" pitchFamily="50" charset="-128"/>
              </a:rPr>
              <a:pPr algn="ctr">
                <a:spcBef>
                  <a:spcPct val="0"/>
                </a:spcBef>
                <a:buFontTx/>
                <a:buNone/>
              </a:pPr>
              <a:t>58</a:t>
            </a:fld>
            <a:r>
              <a:rPr lang="en-US" altLang="ja-JP" sz="1200">
                <a:solidFill>
                  <a:schemeClr val="bg1"/>
                </a:solidFill>
                <a:latin typeface="HGPｺﾞｼｯｸE" panose="020B0900000000000000" pitchFamily="50" charset="-128"/>
                <a:ea typeface="HGPｺﾞｼｯｸE" panose="020B0900000000000000" pitchFamily="50" charset="-128"/>
              </a:rPr>
              <a:t>-</a:t>
            </a:r>
          </a:p>
        </p:txBody>
      </p:sp>
      <p:pic>
        <p:nvPicPr>
          <p:cNvPr id="34821" name="Picture 2" descr="\\SVFS01.toyama-city.local\リダイレクト\114551\Desktop\yajirushi04_05.png">
            <a:extLst>
              <a:ext uri="{FF2B5EF4-FFF2-40B4-BE49-F238E27FC236}">
                <a16:creationId xmlns:a16="http://schemas.microsoft.com/office/drawing/2014/main" id="{EF9FEB58-A0D7-201C-1C2F-A67FC3EC867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38500" y="1039813"/>
            <a:ext cx="4221163" cy="561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822" name="テキスト ボックス 3">
            <a:extLst>
              <a:ext uri="{FF2B5EF4-FFF2-40B4-BE49-F238E27FC236}">
                <a16:creationId xmlns:a16="http://schemas.microsoft.com/office/drawing/2014/main" id="{405AB577-40AA-19F8-FDC7-831BB50A753F}"/>
              </a:ext>
            </a:extLst>
          </p:cNvPr>
          <p:cNvSpPr txBox="1">
            <a:spLocks noChangeArrowheads="1"/>
          </p:cNvSpPr>
          <p:nvPr/>
        </p:nvSpPr>
        <p:spPr bwMode="auto">
          <a:xfrm>
            <a:off x="315913" y="204788"/>
            <a:ext cx="7059612"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4000">
                <a:latin typeface="Arial" panose="020B0604020202020204" pitchFamily="34" charset="0"/>
              </a:rPr>
              <a:t>実際はマネジメント・スパイラル</a:t>
            </a:r>
            <a:r>
              <a:rPr lang="ja-JP" altLang="en-US" sz="2400">
                <a:latin typeface="Arial" panose="020B0604020202020204" pitchFamily="34" charset="0"/>
              </a:rPr>
              <a:t>　</a:t>
            </a:r>
          </a:p>
        </p:txBody>
      </p:sp>
      <p:sp>
        <p:nvSpPr>
          <p:cNvPr id="34823" name="テキスト ボックス 4">
            <a:extLst>
              <a:ext uri="{FF2B5EF4-FFF2-40B4-BE49-F238E27FC236}">
                <a16:creationId xmlns:a16="http://schemas.microsoft.com/office/drawing/2014/main" id="{D75E72B7-4C4E-981C-8114-78E96D83C071}"/>
              </a:ext>
            </a:extLst>
          </p:cNvPr>
          <p:cNvSpPr txBox="1">
            <a:spLocks noChangeArrowheads="1"/>
          </p:cNvSpPr>
          <p:nvPr/>
        </p:nvSpPr>
        <p:spPr bwMode="auto">
          <a:xfrm>
            <a:off x="5799138" y="669925"/>
            <a:ext cx="110807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新設時</a:t>
            </a:r>
          </a:p>
        </p:txBody>
      </p:sp>
      <p:sp>
        <p:nvSpPr>
          <p:cNvPr id="34824" name="テキスト ボックス 6">
            <a:extLst>
              <a:ext uri="{FF2B5EF4-FFF2-40B4-BE49-F238E27FC236}">
                <a16:creationId xmlns:a16="http://schemas.microsoft.com/office/drawing/2014/main" id="{2BB39E8F-DF11-CA2C-1811-0DC165F7406A}"/>
              </a:ext>
            </a:extLst>
          </p:cNvPr>
          <p:cNvSpPr txBox="1">
            <a:spLocks noChangeArrowheads="1"/>
          </p:cNvSpPr>
          <p:nvPr/>
        </p:nvSpPr>
        <p:spPr bwMode="auto">
          <a:xfrm>
            <a:off x="3259138" y="1014413"/>
            <a:ext cx="8001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25" name="テキスト ボックス 7">
            <a:extLst>
              <a:ext uri="{FF2B5EF4-FFF2-40B4-BE49-F238E27FC236}">
                <a16:creationId xmlns:a16="http://schemas.microsoft.com/office/drawing/2014/main" id="{EB6D95C6-7131-FB64-6096-59327C52F41C}"/>
              </a:ext>
            </a:extLst>
          </p:cNvPr>
          <p:cNvSpPr txBox="1">
            <a:spLocks noChangeArrowheads="1"/>
          </p:cNvSpPr>
          <p:nvPr/>
        </p:nvSpPr>
        <p:spPr bwMode="auto">
          <a:xfrm>
            <a:off x="6907213" y="1882775"/>
            <a:ext cx="8001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補修</a:t>
            </a:r>
          </a:p>
        </p:txBody>
      </p:sp>
      <p:sp>
        <p:nvSpPr>
          <p:cNvPr id="34826" name="テキスト ボックス 8">
            <a:extLst>
              <a:ext uri="{FF2B5EF4-FFF2-40B4-BE49-F238E27FC236}">
                <a16:creationId xmlns:a16="http://schemas.microsoft.com/office/drawing/2014/main" id="{F6DCF3FC-2F12-F9AC-8451-C67C1BB8C6D4}"/>
              </a:ext>
            </a:extLst>
          </p:cNvPr>
          <p:cNvSpPr txBox="1">
            <a:spLocks noChangeArrowheads="1"/>
          </p:cNvSpPr>
          <p:nvPr/>
        </p:nvSpPr>
        <p:spPr bwMode="auto">
          <a:xfrm>
            <a:off x="6924675" y="5853113"/>
            <a:ext cx="1620838"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更新、撤去</a:t>
            </a:r>
          </a:p>
        </p:txBody>
      </p:sp>
      <p:sp>
        <p:nvSpPr>
          <p:cNvPr id="34827" name="テキスト ボックス 9">
            <a:extLst>
              <a:ext uri="{FF2B5EF4-FFF2-40B4-BE49-F238E27FC236}">
                <a16:creationId xmlns:a16="http://schemas.microsoft.com/office/drawing/2014/main" id="{5BBA3061-36B9-CB15-802A-25448608F8F8}"/>
              </a:ext>
            </a:extLst>
          </p:cNvPr>
          <p:cNvSpPr txBox="1">
            <a:spLocks noChangeArrowheads="1"/>
          </p:cNvSpPr>
          <p:nvPr/>
        </p:nvSpPr>
        <p:spPr bwMode="auto">
          <a:xfrm>
            <a:off x="3259138" y="1643063"/>
            <a:ext cx="8001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28" name="テキスト ボックス 10">
            <a:extLst>
              <a:ext uri="{FF2B5EF4-FFF2-40B4-BE49-F238E27FC236}">
                <a16:creationId xmlns:a16="http://schemas.microsoft.com/office/drawing/2014/main" id="{AAF8AAF2-2E78-EAB0-F2E8-67D6DCBE002A}"/>
              </a:ext>
            </a:extLst>
          </p:cNvPr>
          <p:cNvSpPr txBox="1">
            <a:spLocks noChangeArrowheads="1"/>
          </p:cNvSpPr>
          <p:nvPr/>
        </p:nvSpPr>
        <p:spPr bwMode="auto">
          <a:xfrm>
            <a:off x="6507163" y="1246188"/>
            <a:ext cx="8001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補修</a:t>
            </a:r>
          </a:p>
        </p:txBody>
      </p:sp>
      <p:sp>
        <p:nvSpPr>
          <p:cNvPr id="34829" name="テキスト ボックス 11">
            <a:extLst>
              <a:ext uri="{FF2B5EF4-FFF2-40B4-BE49-F238E27FC236}">
                <a16:creationId xmlns:a16="http://schemas.microsoft.com/office/drawing/2014/main" id="{DA908B2B-2938-FB99-F2AB-DACD66AD984A}"/>
              </a:ext>
            </a:extLst>
          </p:cNvPr>
          <p:cNvSpPr txBox="1">
            <a:spLocks noChangeArrowheads="1"/>
          </p:cNvSpPr>
          <p:nvPr/>
        </p:nvSpPr>
        <p:spPr bwMode="auto">
          <a:xfrm>
            <a:off x="7202488" y="2460625"/>
            <a:ext cx="1722437"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大規模補修</a:t>
            </a:r>
          </a:p>
        </p:txBody>
      </p:sp>
      <p:sp>
        <p:nvSpPr>
          <p:cNvPr id="34830" name="テキスト ボックス 12">
            <a:extLst>
              <a:ext uri="{FF2B5EF4-FFF2-40B4-BE49-F238E27FC236}">
                <a16:creationId xmlns:a16="http://schemas.microsoft.com/office/drawing/2014/main" id="{AAF7598D-DCD1-E2AF-3C5B-6D998A3F37C4}"/>
              </a:ext>
            </a:extLst>
          </p:cNvPr>
          <p:cNvSpPr txBox="1">
            <a:spLocks noChangeArrowheads="1"/>
          </p:cNvSpPr>
          <p:nvPr/>
        </p:nvSpPr>
        <p:spPr bwMode="auto">
          <a:xfrm>
            <a:off x="2862263" y="2690813"/>
            <a:ext cx="8001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31" name="テキスト ボックス 13">
            <a:extLst>
              <a:ext uri="{FF2B5EF4-FFF2-40B4-BE49-F238E27FC236}">
                <a16:creationId xmlns:a16="http://schemas.microsoft.com/office/drawing/2014/main" id="{DFACADFA-3726-C8C9-8F72-A40B20E5268D}"/>
              </a:ext>
            </a:extLst>
          </p:cNvPr>
          <p:cNvSpPr txBox="1">
            <a:spLocks noChangeArrowheads="1"/>
          </p:cNvSpPr>
          <p:nvPr/>
        </p:nvSpPr>
        <p:spPr bwMode="auto">
          <a:xfrm>
            <a:off x="2909888" y="2263775"/>
            <a:ext cx="8001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32" name="テキスト ボックス 14">
            <a:extLst>
              <a:ext uri="{FF2B5EF4-FFF2-40B4-BE49-F238E27FC236}">
                <a16:creationId xmlns:a16="http://schemas.microsoft.com/office/drawing/2014/main" id="{8EEA3FFB-EDC7-F0F2-3C31-B662FEA606D3}"/>
              </a:ext>
            </a:extLst>
          </p:cNvPr>
          <p:cNvSpPr txBox="1">
            <a:spLocks noChangeArrowheads="1"/>
          </p:cNvSpPr>
          <p:nvPr/>
        </p:nvSpPr>
        <p:spPr bwMode="auto">
          <a:xfrm>
            <a:off x="2676525" y="3387725"/>
            <a:ext cx="8001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33" name="テキスト ボックス 15">
            <a:extLst>
              <a:ext uri="{FF2B5EF4-FFF2-40B4-BE49-F238E27FC236}">
                <a16:creationId xmlns:a16="http://schemas.microsoft.com/office/drawing/2014/main" id="{E0A799C9-884F-C964-4EA6-4EEA84B11E8F}"/>
              </a:ext>
            </a:extLst>
          </p:cNvPr>
          <p:cNvSpPr txBox="1">
            <a:spLocks noChangeArrowheads="1"/>
          </p:cNvSpPr>
          <p:nvPr/>
        </p:nvSpPr>
        <p:spPr bwMode="auto">
          <a:xfrm>
            <a:off x="2438400" y="4252913"/>
            <a:ext cx="8001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点検</a:t>
            </a:r>
          </a:p>
        </p:txBody>
      </p:sp>
      <p:sp>
        <p:nvSpPr>
          <p:cNvPr id="34834" name="テキスト ボックス 16">
            <a:extLst>
              <a:ext uri="{FF2B5EF4-FFF2-40B4-BE49-F238E27FC236}">
                <a16:creationId xmlns:a16="http://schemas.microsoft.com/office/drawing/2014/main" id="{305B4E12-0AF7-CE06-E341-40D497C08EA7}"/>
              </a:ext>
            </a:extLst>
          </p:cNvPr>
          <p:cNvSpPr txBox="1">
            <a:spLocks noChangeArrowheads="1"/>
          </p:cNvSpPr>
          <p:nvPr/>
        </p:nvSpPr>
        <p:spPr bwMode="auto">
          <a:xfrm>
            <a:off x="7394575" y="3019425"/>
            <a:ext cx="8001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補修</a:t>
            </a:r>
          </a:p>
        </p:txBody>
      </p:sp>
      <p:sp>
        <p:nvSpPr>
          <p:cNvPr id="34835" name="テキスト ボックス 17">
            <a:extLst>
              <a:ext uri="{FF2B5EF4-FFF2-40B4-BE49-F238E27FC236}">
                <a16:creationId xmlns:a16="http://schemas.microsoft.com/office/drawing/2014/main" id="{2435719F-4D2D-1EBD-3CA5-AE04B8D96EC5}"/>
              </a:ext>
            </a:extLst>
          </p:cNvPr>
          <p:cNvSpPr txBox="1">
            <a:spLocks noChangeArrowheads="1"/>
          </p:cNvSpPr>
          <p:nvPr/>
        </p:nvSpPr>
        <p:spPr bwMode="auto">
          <a:xfrm>
            <a:off x="6986588" y="4205288"/>
            <a:ext cx="1724025"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大規模補修</a:t>
            </a:r>
          </a:p>
        </p:txBody>
      </p:sp>
      <p:sp>
        <p:nvSpPr>
          <p:cNvPr id="34836" name="テキスト ボックス 18">
            <a:extLst>
              <a:ext uri="{FF2B5EF4-FFF2-40B4-BE49-F238E27FC236}">
                <a16:creationId xmlns:a16="http://schemas.microsoft.com/office/drawing/2014/main" id="{6F8A19BB-3854-21CE-941E-9B376FFFF6FB}"/>
              </a:ext>
            </a:extLst>
          </p:cNvPr>
          <p:cNvSpPr txBox="1">
            <a:spLocks noChangeArrowheads="1"/>
          </p:cNvSpPr>
          <p:nvPr/>
        </p:nvSpPr>
        <p:spPr bwMode="auto">
          <a:xfrm>
            <a:off x="6924675" y="4708525"/>
            <a:ext cx="8001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補修</a:t>
            </a:r>
          </a:p>
        </p:txBody>
      </p:sp>
      <p:sp>
        <p:nvSpPr>
          <p:cNvPr id="6" name="上カーブ矢印 5">
            <a:extLst>
              <a:ext uri="{FF2B5EF4-FFF2-40B4-BE49-F238E27FC236}">
                <a16:creationId xmlns:a16="http://schemas.microsoft.com/office/drawing/2014/main" id="{C5B0DFF3-9BA7-1348-0095-686096B0E77C}"/>
              </a:ext>
            </a:extLst>
          </p:cNvPr>
          <p:cNvSpPr/>
          <p:nvPr/>
        </p:nvSpPr>
        <p:spPr>
          <a:xfrm rot="16200000">
            <a:off x="5561013" y="2511425"/>
            <a:ext cx="4935538" cy="1728787"/>
          </a:xfrm>
          <a:prstGeom prst="curvedUpArrow">
            <a:avLst>
              <a:gd name="adj1" fmla="val 27049"/>
              <a:gd name="adj2" fmla="val 50000"/>
              <a:gd name="adj3" fmla="val 25000"/>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34838" name="テキスト ボックス 3">
            <a:extLst>
              <a:ext uri="{FF2B5EF4-FFF2-40B4-BE49-F238E27FC236}">
                <a16:creationId xmlns:a16="http://schemas.microsoft.com/office/drawing/2014/main" id="{3A36FAD0-F4BF-7F94-7C52-2C4B79A9C3DA}"/>
              </a:ext>
            </a:extLst>
          </p:cNvPr>
          <p:cNvSpPr txBox="1">
            <a:spLocks noChangeArrowheads="1"/>
          </p:cNvSpPr>
          <p:nvPr/>
        </p:nvSpPr>
        <p:spPr bwMode="auto">
          <a:xfrm>
            <a:off x="1122363" y="1212850"/>
            <a:ext cx="431800" cy="1939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橋梁の寿命</a:t>
            </a:r>
          </a:p>
        </p:txBody>
      </p:sp>
      <p:sp>
        <p:nvSpPr>
          <p:cNvPr id="34839" name="テキスト ボックス 3">
            <a:extLst>
              <a:ext uri="{FF2B5EF4-FFF2-40B4-BE49-F238E27FC236}">
                <a16:creationId xmlns:a16="http://schemas.microsoft.com/office/drawing/2014/main" id="{36C34318-4E45-D8C2-DE23-25B111D80301}"/>
              </a:ext>
            </a:extLst>
          </p:cNvPr>
          <p:cNvSpPr txBox="1">
            <a:spLocks noChangeArrowheads="1"/>
          </p:cNvSpPr>
          <p:nvPr/>
        </p:nvSpPr>
        <p:spPr bwMode="auto">
          <a:xfrm>
            <a:off x="365125" y="5499100"/>
            <a:ext cx="5691188" cy="954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a:latin typeface="Arial" panose="020B0604020202020204" pitchFamily="34" charset="0"/>
              </a:rPr>
              <a:t>マネジメント・サイクルというけれど？</a:t>
            </a:r>
            <a:endParaRPr lang="en-US" altLang="ja-JP" sz="2800">
              <a:latin typeface="Arial" panose="020B0604020202020204" pitchFamily="34" charset="0"/>
            </a:endParaRPr>
          </a:p>
          <a:p>
            <a:pPr eaLnBrk="1" hangingPunct="1">
              <a:spcBef>
                <a:spcPct val="0"/>
              </a:spcBef>
              <a:buFontTx/>
              <a:buNone/>
            </a:pPr>
            <a:r>
              <a:rPr lang="ja-JP" altLang="en-US" sz="2800">
                <a:latin typeface="Arial" panose="020B0604020202020204" pitchFamily="34" charset="0"/>
              </a:rPr>
              <a:t>スパイラル状態ではないか？</a:t>
            </a:r>
            <a:r>
              <a:rPr lang="ja-JP" altLang="en-US" sz="2400">
                <a:latin typeface="Arial" panose="020B0604020202020204" pitchFamily="34" charset="0"/>
              </a:rPr>
              <a:t>　</a:t>
            </a:r>
          </a:p>
        </p:txBody>
      </p:sp>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4">
            <a:extLst>
              <a:ext uri="{FF2B5EF4-FFF2-40B4-BE49-F238E27FC236}">
                <a16:creationId xmlns:a16="http://schemas.microsoft.com/office/drawing/2014/main" id="{352FE59D-C0CC-C73A-2EE4-CA656E2CB19E}"/>
              </a:ext>
            </a:extLst>
          </p:cNvPr>
          <p:cNvSpPr>
            <a:spLocks noGrp="1"/>
          </p:cNvSpPr>
          <p:nvPr>
            <p:ph type="title"/>
          </p:nvPr>
        </p:nvSpPr>
        <p:spPr>
          <a:xfrm>
            <a:off x="-1098550" y="-20638"/>
            <a:ext cx="8229600" cy="800101"/>
          </a:xfrm>
        </p:spPr>
        <p:txBody>
          <a:bodyPr/>
          <a:lstStyle/>
          <a:p>
            <a:pPr eaLnBrk="1" hangingPunct="1"/>
            <a:r>
              <a:rPr lang="ja-JP" altLang="en-US" sz="3200"/>
              <a:t>実際の老朽化対策</a:t>
            </a:r>
            <a:endParaRPr lang="ja-JP" altLang="ja-JP" sz="3200"/>
          </a:p>
        </p:txBody>
      </p:sp>
      <p:cxnSp>
        <p:nvCxnSpPr>
          <p:cNvPr id="37891" name="直線コネクタ 2">
            <a:extLst>
              <a:ext uri="{FF2B5EF4-FFF2-40B4-BE49-F238E27FC236}">
                <a16:creationId xmlns:a16="http://schemas.microsoft.com/office/drawing/2014/main" id="{378A3554-433D-8D18-ABA3-8AB4DAEE8384}"/>
              </a:ext>
            </a:extLst>
          </p:cNvPr>
          <p:cNvCxnSpPr>
            <a:cxnSpLocks noChangeShapeType="1"/>
          </p:cNvCxnSpPr>
          <p:nvPr/>
        </p:nvCxnSpPr>
        <p:spPr bwMode="auto">
          <a:xfrm flipH="1">
            <a:off x="1289050" y="5770563"/>
            <a:ext cx="7077075" cy="0"/>
          </a:xfrm>
          <a:prstGeom prst="line">
            <a:avLst/>
          </a:prstGeom>
          <a:noFill/>
          <a:ln w="25400" algn="ctr">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7892" name="角丸四角形吹き出し 31">
            <a:extLst>
              <a:ext uri="{FF2B5EF4-FFF2-40B4-BE49-F238E27FC236}">
                <a16:creationId xmlns:a16="http://schemas.microsoft.com/office/drawing/2014/main" id="{748D4F10-DB71-76F7-07D9-996956ACCD7F}"/>
              </a:ext>
            </a:extLst>
          </p:cNvPr>
          <p:cNvSpPr>
            <a:spLocks noChangeArrowheads="1"/>
          </p:cNvSpPr>
          <p:nvPr/>
        </p:nvSpPr>
        <p:spPr bwMode="auto">
          <a:xfrm>
            <a:off x="5191125" y="590550"/>
            <a:ext cx="1562100" cy="647700"/>
          </a:xfrm>
          <a:prstGeom prst="wedgeRoundRectCallout">
            <a:avLst>
              <a:gd name="adj1" fmla="val -43125"/>
              <a:gd name="adj2" fmla="val 120769"/>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要求水準は上がっていく</a:t>
            </a:r>
          </a:p>
        </p:txBody>
      </p:sp>
      <p:cxnSp>
        <p:nvCxnSpPr>
          <p:cNvPr id="37893" name="直線コネクタ 32">
            <a:extLst>
              <a:ext uri="{FF2B5EF4-FFF2-40B4-BE49-F238E27FC236}">
                <a16:creationId xmlns:a16="http://schemas.microsoft.com/office/drawing/2014/main" id="{E20890C9-683E-F623-24CB-1538AD2237C9}"/>
              </a:ext>
            </a:extLst>
          </p:cNvPr>
          <p:cNvCxnSpPr>
            <a:cxnSpLocks noChangeShapeType="1"/>
          </p:cNvCxnSpPr>
          <p:nvPr/>
        </p:nvCxnSpPr>
        <p:spPr bwMode="auto">
          <a:xfrm>
            <a:off x="1187450" y="1198563"/>
            <a:ext cx="49213" cy="4570412"/>
          </a:xfrm>
          <a:prstGeom prst="line">
            <a:avLst/>
          </a:prstGeom>
          <a:noFill/>
          <a:ln w="9525" algn="ctr">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9" name="右矢印 38">
            <a:extLst>
              <a:ext uri="{FF2B5EF4-FFF2-40B4-BE49-F238E27FC236}">
                <a16:creationId xmlns:a16="http://schemas.microsoft.com/office/drawing/2014/main" id="{3A3015E8-A2D3-F8B0-7E8C-C295C16F479E}"/>
              </a:ext>
            </a:extLst>
          </p:cNvPr>
          <p:cNvSpPr/>
          <p:nvPr/>
        </p:nvSpPr>
        <p:spPr bwMode="auto">
          <a:xfrm>
            <a:off x="1236663" y="5999163"/>
            <a:ext cx="1525587" cy="671512"/>
          </a:xfrm>
          <a:prstGeom prst="rightArrow">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0800000" scaled="1"/>
            <a:tileRect/>
          </a:gradFill>
          <a:ln w="9525" cap="flat" cmpd="sng" algn="ctr">
            <a:solidFill>
              <a:schemeClr val="tx1"/>
            </a:solidFill>
            <a:prstDash val="solid"/>
            <a:round/>
            <a:headEnd type="none" w="med" len="med"/>
            <a:tailEnd type="none" w="med" len="med"/>
          </a:ln>
          <a:effectLst/>
        </p:spPr>
        <p:txBody>
          <a:bodyPr>
            <a:spAutoFit/>
          </a:bodyPr>
          <a:lstStyle/>
          <a:p>
            <a:pPr>
              <a:defRPr/>
            </a:pPr>
            <a:r>
              <a:rPr lang="ja-JP" altLang="en-US" sz="1600" b="1" dirty="0">
                <a:solidFill>
                  <a:srgbClr val="000000"/>
                </a:solidFill>
              </a:rPr>
              <a:t>時間軸</a:t>
            </a:r>
          </a:p>
        </p:txBody>
      </p:sp>
      <p:cxnSp>
        <p:nvCxnSpPr>
          <p:cNvPr id="7" name="直線矢印コネクタ 6">
            <a:extLst>
              <a:ext uri="{FF2B5EF4-FFF2-40B4-BE49-F238E27FC236}">
                <a16:creationId xmlns:a16="http://schemas.microsoft.com/office/drawing/2014/main" id="{575D8753-C545-F31E-5D81-391349A34157}"/>
              </a:ext>
            </a:extLst>
          </p:cNvPr>
          <p:cNvCxnSpPr/>
          <p:nvPr/>
        </p:nvCxnSpPr>
        <p:spPr>
          <a:xfrm>
            <a:off x="1501775" y="2852738"/>
            <a:ext cx="6846888" cy="0"/>
          </a:xfrm>
          <a:prstGeom prst="straightConnector1">
            <a:avLst/>
          </a:prstGeom>
          <a:ln w="57150">
            <a:tailEnd type="arrow"/>
          </a:ln>
        </p:spPr>
        <p:style>
          <a:lnRef idx="1">
            <a:schemeClr val="dk1"/>
          </a:lnRef>
          <a:fillRef idx="0">
            <a:schemeClr val="dk1"/>
          </a:fillRef>
          <a:effectRef idx="0">
            <a:schemeClr val="dk1"/>
          </a:effectRef>
          <a:fontRef idx="minor">
            <a:schemeClr val="tx1"/>
          </a:fontRef>
        </p:style>
      </p:cxnSp>
      <p:cxnSp>
        <p:nvCxnSpPr>
          <p:cNvPr id="37896" name="直線コネクタ 32">
            <a:extLst>
              <a:ext uri="{FF2B5EF4-FFF2-40B4-BE49-F238E27FC236}">
                <a16:creationId xmlns:a16="http://schemas.microsoft.com/office/drawing/2014/main" id="{CD69DECF-5329-C876-E50F-C59D1B541511}"/>
              </a:ext>
            </a:extLst>
          </p:cNvPr>
          <p:cNvCxnSpPr>
            <a:cxnSpLocks noChangeShapeType="1"/>
          </p:cNvCxnSpPr>
          <p:nvPr/>
        </p:nvCxnSpPr>
        <p:spPr bwMode="auto">
          <a:xfrm>
            <a:off x="1547813" y="1131888"/>
            <a:ext cx="0" cy="4637087"/>
          </a:xfrm>
          <a:prstGeom prst="line">
            <a:avLst/>
          </a:prstGeom>
          <a:noFill/>
          <a:ln w="9525" algn="ctr">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2" name="フリーフォーム 21">
            <a:extLst>
              <a:ext uri="{FF2B5EF4-FFF2-40B4-BE49-F238E27FC236}">
                <a16:creationId xmlns:a16="http://schemas.microsoft.com/office/drawing/2014/main" id="{6C332FD1-2C9B-FC59-2EBB-69F810B7666C}"/>
              </a:ext>
            </a:extLst>
          </p:cNvPr>
          <p:cNvSpPr/>
          <p:nvPr/>
        </p:nvSpPr>
        <p:spPr>
          <a:xfrm>
            <a:off x="1547813" y="2909888"/>
            <a:ext cx="6624637" cy="2736850"/>
          </a:xfrm>
          <a:custGeom>
            <a:avLst/>
            <a:gdLst>
              <a:gd name="connsiteX0" fmla="*/ 0 w 6388100"/>
              <a:gd name="connsiteY0" fmla="*/ 0 h 635000"/>
              <a:gd name="connsiteX1" fmla="*/ 2006600 w 6388100"/>
              <a:gd name="connsiteY1" fmla="*/ 304800 h 635000"/>
              <a:gd name="connsiteX2" fmla="*/ 6388100 w 6388100"/>
              <a:gd name="connsiteY2" fmla="*/ 635000 h 635000"/>
              <a:gd name="connsiteX3" fmla="*/ 6388100 w 6388100"/>
              <a:gd name="connsiteY3" fmla="*/ 635000 h 635000"/>
            </a:gdLst>
            <a:ahLst/>
            <a:cxnLst>
              <a:cxn ang="0">
                <a:pos x="connsiteX0" y="connsiteY0"/>
              </a:cxn>
              <a:cxn ang="0">
                <a:pos x="connsiteX1" y="connsiteY1"/>
              </a:cxn>
              <a:cxn ang="0">
                <a:pos x="connsiteX2" y="connsiteY2"/>
              </a:cxn>
              <a:cxn ang="0">
                <a:pos x="connsiteX3" y="connsiteY3"/>
              </a:cxn>
            </a:cxnLst>
            <a:rect l="l" t="t" r="r" b="b"/>
            <a:pathLst>
              <a:path w="6388100" h="635000">
                <a:moveTo>
                  <a:pt x="0" y="0"/>
                </a:moveTo>
                <a:cubicBezTo>
                  <a:pt x="470958" y="99483"/>
                  <a:pt x="941917" y="198967"/>
                  <a:pt x="2006600" y="304800"/>
                </a:cubicBezTo>
                <a:cubicBezTo>
                  <a:pt x="3071283" y="410633"/>
                  <a:pt x="6388100" y="635000"/>
                  <a:pt x="6388100" y="635000"/>
                </a:cubicBezTo>
                <a:lnTo>
                  <a:pt x="6388100" y="635000"/>
                </a:lnTo>
              </a:path>
            </a:pathLst>
          </a:custGeom>
          <a:ln w="57150">
            <a:prstDash val="dashDot"/>
            <a:headEnd type="none" w="med" len="med"/>
            <a:tailEnd type="triangle" w="med" len="med"/>
          </a:ln>
        </p:spPr>
        <p:style>
          <a:lnRef idx="3">
            <a:schemeClr val="accent2"/>
          </a:lnRef>
          <a:fillRef idx="0">
            <a:schemeClr val="accent2"/>
          </a:fillRef>
          <a:effectRef idx="2">
            <a:schemeClr val="accent2"/>
          </a:effectRef>
          <a:fontRef idx="minor">
            <a:schemeClr val="tx1"/>
          </a:fontRef>
        </p:style>
        <p:txBody>
          <a:bodyPr anchor="ctr"/>
          <a:lstStyle/>
          <a:p>
            <a:pPr>
              <a:defRPr/>
            </a:pPr>
            <a:endParaRPr lang="ja-JP" altLang="en-US"/>
          </a:p>
        </p:txBody>
      </p:sp>
      <p:sp>
        <p:nvSpPr>
          <p:cNvPr id="30" name="爆発 1 29">
            <a:extLst>
              <a:ext uri="{FF2B5EF4-FFF2-40B4-BE49-F238E27FC236}">
                <a16:creationId xmlns:a16="http://schemas.microsoft.com/office/drawing/2014/main" id="{2DFFF871-31D2-74FB-EA31-08453A187CB1}"/>
              </a:ext>
            </a:extLst>
          </p:cNvPr>
          <p:cNvSpPr/>
          <p:nvPr/>
        </p:nvSpPr>
        <p:spPr>
          <a:xfrm>
            <a:off x="7877175" y="4913313"/>
            <a:ext cx="1368425" cy="711200"/>
          </a:xfrm>
          <a:prstGeom prst="irregularSeal1">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a:solidFill>
                  <a:schemeClr val="tx1"/>
                </a:solidFill>
              </a:rPr>
              <a:t>落橋</a:t>
            </a:r>
          </a:p>
        </p:txBody>
      </p:sp>
      <p:sp>
        <p:nvSpPr>
          <p:cNvPr id="37899" name="角丸四角形吹き出し 31">
            <a:extLst>
              <a:ext uri="{FF2B5EF4-FFF2-40B4-BE49-F238E27FC236}">
                <a16:creationId xmlns:a16="http://schemas.microsoft.com/office/drawing/2014/main" id="{67C0C173-4BB5-99EF-5E39-D19FF46F99B9}"/>
              </a:ext>
            </a:extLst>
          </p:cNvPr>
          <p:cNvSpPr>
            <a:spLocks noChangeArrowheads="1"/>
          </p:cNvSpPr>
          <p:nvPr/>
        </p:nvSpPr>
        <p:spPr bwMode="auto">
          <a:xfrm>
            <a:off x="5146675" y="3813175"/>
            <a:ext cx="1568450" cy="646113"/>
          </a:xfrm>
          <a:prstGeom prst="wedgeRoundRectCallout">
            <a:avLst>
              <a:gd name="adj1" fmla="val -48301"/>
              <a:gd name="adj2" fmla="val -137866"/>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橋の管理水準</a:t>
            </a:r>
            <a:endParaRPr lang="en-US" altLang="ja-JP" sz="1600" b="1">
              <a:solidFill>
                <a:srgbClr val="000000"/>
              </a:solidFill>
              <a:latin typeface="Arial" panose="020B0604020202020204" pitchFamily="34" charset="0"/>
            </a:endParaRPr>
          </a:p>
          <a:p>
            <a:pPr algn="ctr" eaLnBrk="1" hangingPunct="1">
              <a:spcBef>
                <a:spcPct val="0"/>
              </a:spcBef>
              <a:buFontTx/>
              <a:buNone/>
            </a:pPr>
            <a:r>
              <a:rPr lang="ja-JP" altLang="en-US" sz="1600" b="1">
                <a:solidFill>
                  <a:srgbClr val="000000"/>
                </a:solidFill>
                <a:latin typeface="Arial" panose="020B0604020202020204" pitchFamily="34" charset="0"/>
              </a:rPr>
              <a:t>（当初）</a:t>
            </a:r>
          </a:p>
        </p:txBody>
      </p:sp>
      <p:sp>
        <p:nvSpPr>
          <p:cNvPr id="37900" name="角丸四角形吹き出し 31">
            <a:extLst>
              <a:ext uri="{FF2B5EF4-FFF2-40B4-BE49-F238E27FC236}">
                <a16:creationId xmlns:a16="http://schemas.microsoft.com/office/drawing/2014/main" id="{F6CAA84A-C585-0B6F-DC24-C5C5A7751DAB}"/>
              </a:ext>
            </a:extLst>
          </p:cNvPr>
          <p:cNvSpPr>
            <a:spLocks noChangeArrowheads="1"/>
          </p:cNvSpPr>
          <p:nvPr/>
        </p:nvSpPr>
        <p:spPr bwMode="auto">
          <a:xfrm>
            <a:off x="1649413" y="1774825"/>
            <a:ext cx="1122362" cy="647700"/>
          </a:xfrm>
          <a:prstGeom prst="wedgeRoundRectCallout">
            <a:avLst>
              <a:gd name="adj1" fmla="val -12093"/>
              <a:gd name="adj2" fmla="val 116880"/>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建設時の</a:t>
            </a:r>
            <a:endParaRPr lang="en-US" altLang="ja-JP" sz="1600" b="1">
              <a:solidFill>
                <a:srgbClr val="000000"/>
              </a:solidFill>
              <a:latin typeface="Arial" panose="020B0604020202020204" pitchFamily="34" charset="0"/>
            </a:endParaRPr>
          </a:p>
          <a:p>
            <a:pPr algn="ctr" eaLnBrk="1" hangingPunct="1">
              <a:spcBef>
                <a:spcPct val="0"/>
              </a:spcBef>
              <a:buFontTx/>
              <a:buNone/>
            </a:pPr>
            <a:r>
              <a:rPr lang="ja-JP" altLang="en-US" sz="1600" b="1">
                <a:solidFill>
                  <a:srgbClr val="000000"/>
                </a:solidFill>
                <a:latin typeface="Arial" panose="020B0604020202020204" pitchFamily="34" charset="0"/>
              </a:rPr>
              <a:t>健全性</a:t>
            </a:r>
          </a:p>
        </p:txBody>
      </p:sp>
      <p:cxnSp>
        <p:nvCxnSpPr>
          <p:cNvPr id="37901" name="直線コネクタ 2">
            <a:extLst>
              <a:ext uri="{FF2B5EF4-FFF2-40B4-BE49-F238E27FC236}">
                <a16:creationId xmlns:a16="http://schemas.microsoft.com/office/drawing/2014/main" id="{92ECD160-2434-612A-9935-2296816FBE2D}"/>
              </a:ext>
            </a:extLst>
          </p:cNvPr>
          <p:cNvCxnSpPr>
            <a:cxnSpLocks noChangeShapeType="1"/>
          </p:cNvCxnSpPr>
          <p:nvPr/>
        </p:nvCxnSpPr>
        <p:spPr bwMode="auto">
          <a:xfrm flipH="1">
            <a:off x="1519238" y="3281363"/>
            <a:ext cx="1757362" cy="0"/>
          </a:xfrm>
          <a:prstGeom prst="line">
            <a:avLst/>
          </a:prstGeom>
          <a:noFill/>
          <a:ln w="57150" algn="ctr">
            <a:solidFill>
              <a:srgbClr val="FF0000"/>
            </a:solidFill>
            <a:prstDash val="lgDash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7902" name="直線コネクタ 2">
            <a:extLst>
              <a:ext uri="{FF2B5EF4-FFF2-40B4-BE49-F238E27FC236}">
                <a16:creationId xmlns:a16="http://schemas.microsoft.com/office/drawing/2014/main" id="{D559CD79-33CF-9A40-6B66-F4B69D1279DC}"/>
              </a:ext>
            </a:extLst>
          </p:cNvPr>
          <p:cNvCxnSpPr>
            <a:cxnSpLocks noChangeShapeType="1"/>
          </p:cNvCxnSpPr>
          <p:nvPr/>
        </p:nvCxnSpPr>
        <p:spPr bwMode="auto">
          <a:xfrm flipH="1">
            <a:off x="1547813" y="3170238"/>
            <a:ext cx="7037387" cy="0"/>
          </a:xfrm>
          <a:prstGeom prst="line">
            <a:avLst/>
          </a:prstGeom>
          <a:noFill/>
          <a:ln w="57150" algn="ctr">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7903" name="角丸四角形吹き出し 31">
            <a:extLst>
              <a:ext uri="{FF2B5EF4-FFF2-40B4-BE49-F238E27FC236}">
                <a16:creationId xmlns:a16="http://schemas.microsoft.com/office/drawing/2014/main" id="{098A0515-4E17-9E7E-0031-562C21EB9B1A}"/>
              </a:ext>
            </a:extLst>
          </p:cNvPr>
          <p:cNvSpPr>
            <a:spLocks noChangeArrowheads="1"/>
          </p:cNvSpPr>
          <p:nvPr/>
        </p:nvSpPr>
        <p:spPr bwMode="auto">
          <a:xfrm>
            <a:off x="1933575" y="3713163"/>
            <a:ext cx="1298575" cy="647700"/>
          </a:xfrm>
          <a:prstGeom prst="wedgeRoundRectCallout">
            <a:avLst>
              <a:gd name="adj1" fmla="val 43593"/>
              <a:gd name="adj2" fmla="val -77338"/>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補修による劣化抑制</a:t>
            </a:r>
          </a:p>
        </p:txBody>
      </p:sp>
      <p:sp>
        <p:nvSpPr>
          <p:cNvPr id="37904" name="テキスト ボックス 50">
            <a:extLst>
              <a:ext uri="{FF2B5EF4-FFF2-40B4-BE49-F238E27FC236}">
                <a16:creationId xmlns:a16="http://schemas.microsoft.com/office/drawing/2014/main" id="{996E8F6D-4E4F-2042-539D-BC36F59405C8}"/>
              </a:ext>
            </a:extLst>
          </p:cNvPr>
          <p:cNvSpPr txBox="1">
            <a:spLocks noChangeArrowheads="1"/>
          </p:cNvSpPr>
          <p:nvPr/>
        </p:nvSpPr>
        <p:spPr bwMode="auto">
          <a:xfrm>
            <a:off x="341313" y="1238250"/>
            <a:ext cx="8001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a:latin typeface="Arial" panose="020B0604020202020204" pitchFamily="34" charset="0"/>
              </a:rPr>
              <a:t>健全</a:t>
            </a:r>
          </a:p>
        </p:txBody>
      </p:sp>
      <p:sp>
        <p:nvSpPr>
          <p:cNvPr id="37905" name="テキスト ボックス 97">
            <a:extLst>
              <a:ext uri="{FF2B5EF4-FFF2-40B4-BE49-F238E27FC236}">
                <a16:creationId xmlns:a16="http://schemas.microsoft.com/office/drawing/2014/main" id="{9FDE4653-56EC-6FE8-E17E-399D96D37F5C}"/>
              </a:ext>
            </a:extLst>
          </p:cNvPr>
          <p:cNvSpPr txBox="1">
            <a:spLocks noChangeArrowheads="1"/>
          </p:cNvSpPr>
          <p:nvPr/>
        </p:nvSpPr>
        <p:spPr bwMode="auto">
          <a:xfrm>
            <a:off x="341313" y="5768975"/>
            <a:ext cx="8001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a:latin typeface="Arial" panose="020B0604020202020204" pitchFamily="34" charset="0"/>
              </a:rPr>
              <a:t>危険</a:t>
            </a:r>
          </a:p>
        </p:txBody>
      </p:sp>
      <p:sp>
        <p:nvSpPr>
          <p:cNvPr id="37" name="フリーフォーム 36">
            <a:extLst>
              <a:ext uri="{FF2B5EF4-FFF2-40B4-BE49-F238E27FC236}">
                <a16:creationId xmlns:a16="http://schemas.microsoft.com/office/drawing/2014/main" id="{8BA53B41-35D6-64E3-AA14-956CCE1AA215}"/>
              </a:ext>
            </a:extLst>
          </p:cNvPr>
          <p:cNvSpPr/>
          <p:nvPr/>
        </p:nvSpPr>
        <p:spPr>
          <a:xfrm>
            <a:off x="3165475" y="3149600"/>
            <a:ext cx="1698625" cy="1209675"/>
          </a:xfrm>
          <a:custGeom>
            <a:avLst/>
            <a:gdLst>
              <a:gd name="connsiteX0" fmla="*/ 0 w 6388100"/>
              <a:gd name="connsiteY0" fmla="*/ 0 h 635000"/>
              <a:gd name="connsiteX1" fmla="*/ 2006600 w 6388100"/>
              <a:gd name="connsiteY1" fmla="*/ 304800 h 635000"/>
              <a:gd name="connsiteX2" fmla="*/ 6388100 w 6388100"/>
              <a:gd name="connsiteY2" fmla="*/ 635000 h 635000"/>
              <a:gd name="connsiteX3" fmla="*/ 6388100 w 6388100"/>
              <a:gd name="connsiteY3" fmla="*/ 635000 h 635000"/>
            </a:gdLst>
            <a:ahLst/>
            <a:cxnLst>
              <a:cxn ang="0">
                <a:pos x="connsiteX0" y="connsiteY0"/>
              </a:cxn>
              <a:cxn ang="0">
                <a:pos x="connsiteX1" y="connsiteY1"/>
              </a:cxn>
              <a:cxn ang="0">
                <a:pos x="connsiteX2" y="connsiteY2"/>
              </a:cxn>
              <a:cxn ang="0">
                <a:pos x="connsiteX3" y="connsiteY3"/>
              </a:cxn>
            </a:cxnLst>
            <a:rect l="l" t="t" r="r" b="b"/>
            <a:pathLst>
              <a:path w="6388100" h="635000">
                <a:moveTo>
                  <a:pt x="0" y="0"/>
                </a:moveTo>
                <a:cubicBezTo>
                  <a:pt x="470958" y="99483"/>
                  <a:pt x="941917" y="198967"/>
                  <a:pt x="2006600" y="304800"/>
                </a:cubicBezTo>
                <a:cubicBezTo>
                  <a:pt x="3071283" y="410633"/>
                  <a:pt x="6388100" y="635000"/>
                  <a:pt x="6388100" y="635000"/>
                </a:cubicBezTo>
                <a:lnTo>
                  <a:pt x="6388100" y="635000"/>
                </a:lnTo>
              </a:path>
            </a:pathLst>
          </a:custGeom>
          <a:ln w="57150">
            <a:headEnd type="none" w="med" len="med"/>
            <a:tailEnd type="triangle" w="med" len="med"/>
          </a:ln>
        </p:spPr>
        <p:style>
          <a:lnRef idx="3">
            <a:schemeClr val="accent2"/>
          </a:lnRef>
          <a:fillRef idx="0">
            <a:schemeClr val="accent2"/>
          </a:fillRef>
          <a:effectRef idx="2">
            <a:schemeClr val="accent2"/>
          </a:effectRef>
          <a:fontRef idx="minor">
            <a:schemeClr val="tx1"/>
          </a:fontRef>
        </p:style>
        <p:txBody>
          <a:bodyPr anchor="ctr"/>
          <a:lstStyle/>
          <a:p>
            <a:pPr>
              <a:defRPr/>
            </a:pPr>
            <a:endParaRPr lang="ja-JP" altLang="en-US" dirty="0"/>
          </a:p>
        </p:txBody>
      </p:sp>
      <p:sp>
        <p:nvSpPr>
          <p:cNvPr id="43" name="フリーフォーム 42">
            <a:extLst>
              <a:ext uri="{FF2B5EF4-FFF2-40B4-BE49-F238E27FC236}">
                <a16:creationId xmlns:a16="http://schemas.microsoft.com/office/drawing/2014/main" id="{18829BB8-09F2-D64E-8452-32580D5840F9}"/>
              </a:ext>
            </a:extLst>
          </p:cNvPr>
          <p:cNvSpPr/>
          <p:nvPr/>
        </p:nvSpPr>
        <p:spPr>
          <a:xfrm>
            <a:off x="4772025" y="3671888"/>
            <a:ext cx="1892300" cy="1320800"/>
          </a:xfrm>
          <a:custGeom>
            <a:avLst/>
            <a:gdLst>
              <a:gd name="connsiteX0" fmla="*/ 0 w 6388100"/>
              <a:gd name="connsiteY0" fmla="*/ 0 h 635000"/>
              <a:gd name="connsiteX1" fmla="*/ 2006600 w 6388100"/>
              <a:gd name="connsiteY1" fmla="*/ 304800 h 635000"/>
              <a:gd name="connsiteX2" fmla="*/ 6388100 w 6388100"/>
              <a:gd name="connsiteY2" fmla="*/ 635000 h 635000"/>
              <a:gd name="connsiteX3" fmla="*/ 6388100 w 6388100"/>
              <a:gd name="connsiteY3" fmla="*/ 635000 h 635000"/>
            </a:gdLst>
            <a:ahLst/>
            <a:cxnLst>
              <a:cxn ang="0">
                <a:pos x="connsiteX0" y="connsiteY0"/>
              </a:cxn>
              <a:cxn ang="0">
                <a:pos x="connsiteX1" y="connsiteY1"/>
              </a:cxn>
              <a:cxn ang="0">
                <a:pos x="connsiteX2" y="connsiteY2"/>
              </a:cxn>
              <a:cxn ang="0">
                <a:pos x="connsiteX3" y="connsiteY3"/>
              </a:cxn>
            </a:cxnLst>
            <a:rect l="l" t="t" r="r" b="b"/>
            <a:pathLst>
              <a:path w="6388100" h="635000">
                <a:moveTo>
                  <a:pt x="0" y="0"/>
                </a:moveTo>
                <a:cubicBezTo>
                  <a:pt x="470958" y="99483"/>
                  <a:pt x="941917" y="198967"/>
                  <a:pt x="2006600" y="304800"/>
                </a:cubicBezTo>
                <a:cubicBezTo>
                  <a:pt x="3071283" y="410633"/>
                  <a:pt x="6388100" y="635000"/>
                  <a:pt x="6388100" y="635000"/>
                </a:cubicBezTo>
                <a:lnTo>
                  <a:pt x="6388100" y="635000"/>
                </a:lnTo>
              </a:path>
            </a:pathLst>
          </a:custGeom>
          <a:ln w="57150">
            <a:headEnd type="none" w="med" len="med"/>
            <a:tailEnd type="triangle" w="med" len="med"/>
          </a:ln>
        </p:spPr>
        <p:style>
          <a:lnRef idx="3">
            <a:schemeClr val="accent2"/>
          </a:lnRef>
          <a:fillRef idx="0">
            <a:schemeClr val="accent2"/>
          </a:fillRef>
          <a:effectRef idx="2">
            <a:schemeClr val="accent2"/>
          </a:effectRef>
          <a:fontRef idx="minor">
            <a:schemeClr val="tx1"/>
          </a:fontRef>
        </p:style>
        <p:txBody>
          <a:bodyPr anchor="ctr"/>
          <a:lstStyle/>
          <a:p>
            <a:pPr>
              <a:defRPr/>
            </a:pPr>
            <a:endParaRPr lang="ja-JP" altLang="en-US"/>
          </a:p>
        </p:txBody>
      </p:sp>
      <p:cxnSp>
        <p:nvCxnSpPr>
          <p:cNvPr id="37908" name="直線コネクタ 32">
            <a:extLst>
              <a:ext uri="{FF2B5EF4-FFF2-40B4-BE49-F238E27FC236}">
                <a16:creationId xmlns:a16="http://schemas.microsoft.com/office/drawing/2014/main" id="{9D53CBEF-2EE5-DF4B-E04A-954C57C6CA09}"/>
              </a:ext>
            </a:extLst>
          </p:cNvPr>
          <p:cNvCxnSpPr>
            <a:cxnSpLocks noChangeShapeType="1"/>
          </p:cNvCxnSpPr>
          <p:nvPr/>
        </p:nvCxnSpPr>
        <p:spPr bwMode="auto">
          <a:xfrm>
            <a:off x="4027488" y="1792288"/>
            <a:ext cx="0" cy="3843337"/>
          </a:xfrm>
          <a:prstGeom prst="line">
            <a:avLst/>
          </a:prstGeom>
          <a:noFill/>
          <a:ln w="38100" algn="ctr">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7909" name="テキスト ボックス 50">
            <a:extLst>
              <a:ext uri="{FF2B5EF4-FFF2-40B4-BE49-F238E27FC236}">
                <a16:creationId xmlns:a16="http://schemas.microsoft.com/office/drawing/2014/main" id="{02C80EAE-C0AE-53C9-749D-8AB3F9C2ADC9}"/>
              </a:ext>
            </a:extLst>
          </p:cNvPr>
          <p:cNvSpPr txBox="1">
            <a:spLocks noChangeArrowheads="1"/>
          </p:cNvSpPr>
          <p:nvPr/>
        </p:nvSpPr>
        <p:spPr bwMode="auto">
          <a:xfrm>
            <a:off x="3679825" y="5772150"/>
            <a:ext cx="874713"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a:latin typeface="Arial" panose="020B0604020202020204" pitchFamily="34" charset="0"/>
              </a:rPr>
              <a:t>５</a:t>
            </a:r>
            <a:r>
              <a:rPr lang="en-US" altLang="ja-JP" sz="2400">
                <a:latin typeface="Arial" panose="020B0604020202020204" pitchFamily="34" charset="0"/>
              </a:rPr>
              <a:t>0</a:t>
            </a:r>
            <a:r>
              <a:rPr lang="ja-JP" altLang="en-US" sz="2400">
                <a:latin typeface="Arial" panose="020B0604020202020204" pitchFamily="34" charset="0"/>
              </a:rPr>
              <a:t>年</a:t>
            </a:r>
          </a:p>
        </p:txBody>
      </p:sp>
      <p:sp>
        <p:nvSpPr>
          <p:cNvPr id="37910" name="テキスト ボックス 50">
            <a:extLst>
              <a:ext uri="{FF2B5EF4-FFF2-40B4-BE49-F238E27FC236}">
                <a16:creationId xmlns:a16="http://schemas.microsoft.com/office/drawing/2014/main" id="{CB9ED9DA-937E-F562-6566-C4EA3341B06E}"/>
              </a:ext>
            </a:extLst>
          </p:cNvPr>
          <p:cNvSpPr txBox="1">
            <a:spLocks noChangeArrowheads="1"/>
          </p:cNvSpPr>
          <p:nvPr/>
        </p:nvSpPr>
        <p:spPr bwMode="auto">
          <a:xfrm>
            <a:off x="7805738" y="5768975"/>
            <a:ext cx="100647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2400">
                <a:latin typeface="Arial" panose="020B0604020202020204" pitchFamily="34" charset="0"/>
              </a:rPr>
              <a:t>100</a:t>
            </a:r>
            <a:r>
              <a:rPr lang="ja-JP" altLang="en-US" sz="2400">
                <a:latin typeface="Arial" panose="020B0604020202020204" pitchFamily="34" charset="0"/>
              </a:rPr>
              <a:t>年</a:t>
            </a:r>
          </a:p>
        </p:txBody>
      </p:sp>
      <p:sp>
        <p:nvSpPr>
          <p:cNvPr id="37911" name="角丸四角形吹き出し 31">
            <a:extLst>
              <a:ext uri="{FF2B5EF4-FFF2-40B4-BE49-F238E27FC236}">
                <a16:creationId xmlns:a16="http://schemas.microsoft.com/office/drawing/2014/main" id="{36F625F1-ACB5-4C58-EE77-D2E5261780A3}"/>
              </a:ext>
            </a:extLst>
          </p:cNvPr>
          <p:cNvSpPr>
            <a:spLocks noChangeArrowheads="1"/>
          </p:cNvSpPr>
          <p:nvPr/>
        </p:nvSpPr>
        <p:spPr bwMode="auto">
          <a:xfrm>
            <a:off x="4965700" y="5372100"/>
            <a:ext cx="1381125" cy="374650"/>
          </a:xfrm>
          <a:prstGeom prst="wedgeRoundRectCallout">
            <a:avLst>
              <a:gd name="adj1" fmla="val -15042"/>
              <a:gd name="adj2" fmla="val -189495"/>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自然劣化</a:t>
            </a:r>
          </a:p>
        </p:txBody>
      </p:sp>
      <p:sp>
        <p:nvSpPr>
          <p:cNvPr id="16" name="上下矢印 15">
            <a:extLst>
              <a:ext uri="{FF2B5EF4-FFF2-40B4-BE49-F238E27FC236}">
                <a16:creationId xmlns:a16="http://schemas.microsoft.com/office/drawing/2014/main" id="{D6171F1C-B385-1CEA-DB6A-6CD5E167FB32}"/>
              </a:ext>
            </a:extLst>
          </p:cNvPr>
          <p:cNvSpPr/>
          <p:nvPr/>
        </p:nvSpPr>
        <p:spPr>
          <a:xfrm>
            <a:off x="242888" y="2046288"/>
            <a:ext cx="781050" cy="1216025"/>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dirty="0">
                <a:solidFill>
                  <a:schemeClr val="tx1"/>
                </a:solidFill>
              </a:rPr>
              <a:t>安全域</a:t>
            </a:r>
          </a:p>
        </p:txBody>
      </p:sp>
      <p:sp>
        <p:nvSpPr>
          <p:cNvPr id="55" name="上下矢印 54">
            <a:extLst>
              <a:ext uri="{FF2B5EF4-FFF2-40B4-BE49-F238E27FC236}">
                <a16:creationId xmlns:a16="http://schemas.microsoft.com/office/drawing/2014/main" id="{943C3312-1301-CC67-4A40-D3D2CFCD88B6}"/>
              </a:ext>
            </a:extLst>
          </p:cNvPr>
          <p:cNvSpPr/>
          <p:nvPr/>
        </p:nvSpPr>
        <p:spPr>
          <a:xfrm>
            <a:off x="293688" y="3611563"/>
            <a:ext cx="781050" cy="1216025"/>
          </a:xfrm>
          <a:prstGeom prst="upDown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dirty="0">
                <a:solidFill>
                  <a:schemeClr val="tx1"/>
                </a:solidFill>
              </a:rPr>
              <a:t>危険域</a:t>
            </a:r>
          </a:p>
        </p:txBody>
      </p:sp>
      <p:sp>
        <p:nvSpPr>
          <p:cNvPr id="56" name="フリーフォーム 55">
            <a:extLst>
              <a:ext uri="{FF2B5EF4-FFF2-40B4-BE49-F238E27FC236}">
                <a16:creationId xmlns:a16="http://schemas.microsoft.com/office/drawing/2014/main" id="{55A00A89-CD06-8AC4-CD06-3535E6ABEF99}"/>
              </a:ext>
            </a:extLst>
          </p:cNvPr>
          <p:cNvSpPr/>
          <p:nvPr/>
        </p:nvSpPr>
        <p:spPr>
          <a:xfrm>
            <a:off x="1625600" y="2990850"/>
            <a:ext cx="1652588" cy="693738"/>
          </a:xfrm>
          <a:custGeom>
            <a:avLst/>
            <a:gdLst>
              <a:gd name="connsiteX0" fmla="*/ 0 w 6388100"/>
              <a:gd name="connsiteY0" fmla="*/ 0 h 635000"/>
              <a:gd name="connsiteX1" fmla="*/ 2006600 w 6388100"/>
              <a:gd name="connsiteY1" fmla="*/ 304800 h 635000"/>
              <a:gd name="connsiteX2" fmla="*/ 6388100 w 6388100"/>
              <a:gd name="connsiteY2" fmla="*/ 635000 h 635000"/>
              <a:gd name="connsiteX3" fmla="*/ 6388100 w 6388100"/>
              <a:gd name="connsiteY3" fmla="*/ 635000 h 635000"/>
            </a:gdLst>
            <a:ahLst/>
            <a:cxnLst>
              <a:cxn ang="0">
                <a:pos x="connsiteX0" y="connsiteY0"/>
              </a:cxn>
              <a:cxn ang="0">
                <a:pos x="connsiteX1" y="connsiteY1"/>
              </a:cxn>
              <a:cxn ang="0">
                <a:pos x="connsiteX2" y="connsiteY2"/>
              </a:cxn>
              <a:cxn ang="0">
                <a:pos x="connsiteX3" y="connsiteY3"/>
              </a:cxn>
            </a:cxnLst>
            <a:rect l="l" t="t" r="r" b="b"/>
            <a:pathLst>
              <a:path w="6388100" h="635000">
                <a:moveTo>
                  <a:pt x="0" y="0"/>
                </a:moveTo>
                <a:cubicBezTo>
                  <a:pt x="470958" y="99483"/>
                  <a:pt x="941917" y="198967"/>
                  <a:pt x="2006600" y="304800"/>
                </a:cubicBezTo>
                <a:cubicBezTo>
                  <a:pt x="3071283" y="410633"/>
                  <a:pt x="6388100" y="635000"/>
                  <a:pt x="6388100" y="635000"/>
                </a:cubicBezTo>
                <a:lnTo>
                  <a:pt x="6388100" y="635000"/>
                </a:lnTo>
              </a:path>
            </a:pathLst>
          </a:custGeom>
          <a:ln w="57150">
            <a:headEnd type="none" w="med" len="med"/>
            <a:tailEnd type="triangle" w="med" len="med"/>
          </a:ln>
        </p:spPr>
        <p:style>
          <a:lnRef idx="3">
            <a:schemeClr val="accent2"/>
          </a:lnRef>
          <a:fillRef idx="0">
            <a:schemeClr val="accent2"/>
          </a:fillRef>
          <a:effectRef idx="2">
            <a:schemeClr val="accent2"/>
          </a:effectRef>
          <a:fontRef idx="minor">
            <a:schemeClr val="tx1"/>
          </a:fontRef>
        </p:style>
        <p:txBody>
          <a:bodyPr anchor="ctr"/>
          <a:lstStyle/>
          <a:p>
            <a:pPr>
              <a:defRPr/>
            </a:pPr>
            <a:endParaRPr lang="ja-JP" altLang="en-US"/>
          </a:p>
        </p:txBody>
      </p:sp>
      <p:cxnSp>
        <p:nvCxnSpPr>
          <p:cNvPr id="37915" name="直線コネクタ 2">
            <a:extLst>
              <a:ext uri="{FF2B5EF4-FFF2-40B4-BE49-F238E27FC236}">
                <a16:creationId xmlns:a16="http://schemas.microsoft.com/office/drawing/2014/main" id="{43F5E9E9-5B2E-FAC6-058C-5EC6E6368548}"/>
              </a:ext>
            </a:extLst>
          </p:cNvPr>
          <p:cNvCxnSpPr>
            <a:cxnSpLocks noChangeShapeType="1"/>
          </p:cNvCxnSpPr>
          <p:nvPr/>
        </p:nvCxnSpPr>
        <p:spPr bwMode="auto">
          <a:xfrm flipH="1">
            <a:off x="3168650" y="2370138"/>
            <a:ext cx="1757363" cy="0"/>
          </a:xfrm>
          <a:prstGeom prst="line">
            <a:avLst/>
          </a:prstGeom>
          <a:noFill/>
          <a:ln w="57150" algn="ctr">
            <a:solidFill>
              <a:srgbClr val="FF0000"/>
            </a:solidFill>
            <a:prstDash val="lgDash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7916" name="直線コネクタ 2">
            <a:extLst>
              <a:ext uri="{FF2B5EF4-FFF2-40B4-BE49-F238E27FC236}">
                <a16:creationId xmlns:a16="http://schemas.microsoft.com/office/drawing/2014/main" id="{8D8EF573-2788-A267-6CAB-6A7B1BFDDAC4}"/>
              </a:ext>
            </a:extLst>
          </p:cNvPr>
          <p:cNvCxnSpPr>
            <a:cxnSpLocks noChangeShapeType="1"/>
          </p:cNvCxnSpPr>
          <p:nvPr/>
        </p:nvCxnSpPr>
        <p:spPr bwMode="auto">
          <a:xfrm flipH="1">
            <a:off x="4995863" y="1630363"/>
            <a:ext cx="1755775" cy="0"/>
          </a:xfrm>
          <a:prstGeom prst="line">
            <a:avLst/>
          </a:prstGeom>
          <a:noFill/>
          <a:ln w="57150" algn="ctr">
            <a:solidFill>
              <a:srgbClr val="FF0000"/>
            </a:solidFill>
            <a:prstDash val="lgDash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 name="下矢印 1">
            <a:extLst>
              <a:ext uri="{FF2B5EF4-FFF2-40B4-BE49-F238E27FC236}">
                <a16:creationId xmlns:a16="http://schemas.microsoft.com/office/drawing/2014/main" id="{803F9A0A-CD16-FA48-5373-4A1BC8E04752}"/>
              </a:ext>
            </a:extLst>
          </p:cNvPr>
          <p:cNvSpPr/>
          <p:nvPr/>
        </p:nvSpPr>
        <p:spPr>
          <a:xfrm rot="10800000">
            <a:off x="3111500" y="3170238"/>
            <a:ext cx="165100" cy="481012"/>
          </a:xfrm>
          <a:prstGeom prst="downArrow">
            <a:avLst/>
          </a:prstGeom>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a:defRPr/>
            </a:pPr>
            <a:endParaRPr lang="ja-JP" altLang="en-US"/>
          </a:p>
        </p:txBody>
      </p:sp>
      <p:sp>
        <p:nvSpPr>
          <p:cNvPr id="34" name="下矢印 33">
            <a:extLst>
              <a:ext uri="{FF2B5EF4-FFF2-40B4-BE49-F238E27FC236}">
                <a16:creationId xmlns:a16="http://schemas.microsoft.com/office/drawing/2014/main" id="{7B84D7BD-B2BA-1124-1ACF-2FE4C4E92F7E}"/>
              </a:ext>
            </a:extLst>
          </p:cNvPr>
          <p:cNvSpPr/>
          <p:nvPr/>
        </p:nvSpPr>
        <p:spPr>
          <a:xfrm rot="10800000">
            <a:off x="4743450" y="2424113"/>
            <a:ext cx="147638" cy="1201737"/>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a:defRPr/>
            </a:pPr>
            <a:endParaRPr lang="ja-JP" altLang="en-US"/>
          </a:p>
        </p:txBody>
      </p:sp>
      <p:sp>
        <p:nvSpPr>
          <p:cNvPr id="35" name="下矢印 34">
            <a:extLst>
              <a:ext uri="{FF2B5EF4-FFF2-40B4-BE49-F238E27FC236}">
                <a16:creationId xmlns:a16="http://schemas.microsoft.com/office/drawing/2014/main" id="{BA202A32-B0B9-C3F2-6C25-ACA1A9B8A382}"/>
              </a:ext>
            </a:extLst>
          </p:cNvPr>
          <p:cNvSpPr/>
          <p:nvPr/>
        </p:nvSpPr>
        <p:spPr>
          <a:xfrm rot="10800000">
            <a:off x="6481763" y="1630363"/>
            <a:ext cx="290512" cy="2736850"/>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a:defRPr/>
            </a:pPr>
            <a:endParaRPr lang="ja-JP" altLang="en-US"/>
          </a:p>
        </p:txBody>
      </p:sp>
      <p:sp>
        <p:nvSpPr>
          <p:cNvPr id="37920" name="テキスト ボックス 2">
            <a:extLst>
              <a:ext uri="{FF2B5EF4-FFF2-40B4-BE49-F238E27FC236}">
                <a16:creationId xmlns:a16="http://schemas.microsoft.com/office/drawing/2014/main" id="{6BE31E5E-8CB7-6AE8-3F1D-B6DEEAEAE4BD}"/>
              </a:ext>
            </a:extLst>
          </p:cNvPr>
          <p:cNvSpPr txBox="1">
            <a:spLocks noChangeArrowheads="1"/>
          </p:cNvSpPr>
          <p:nvPr/>
        </p:nvSpPr>
        <p:spPr bwMode="auto">
          <a:xfrm>
            <a:off x="6946900" y="415925"/>
            <a:ext cx="2011363" cy="1476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a:solidFill>
                  <a:srgbClr val="FF0000"/>
                </a:solidFill>
                <a:latin typeface="Arial" panose="020B0604020202020204" pitchFamily="34" charset="0"/>
              </a:rPr>
              <a:t>示方書改定など</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時代の要求水</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準は上がっていく。</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対応には、膨大な</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費用</a:t>
            </a:r>
          </a:p>
        </p:txBody>
      </p:sp>
      <p:sp>
        <p:nvSpPr>
          <p:cNvPr id="37921" name="角丸四角形吹き出し 31">
            <a:extLst>
              <a:ext uri="{FF2B5EF4-FFF2-40B4-BE49-F238E27FC236}">
                <a16:creationId xmlns:a16="http://schemas.microsoft.com/office/drawing/2014/main" id="{03A5B9CD-FA97-F20D-14B1-DDB429173299}"/>
              </a:ext>
            </a:extLst>
          </p:cNvPr>
          <p:cNvSpPr>
            <a:spLocks noChangeArrowheads="1"/>
          </p:cNvSpPr>
          <p:nvPr/>
        </p:nvSpPr>
        <p:spPr bwMode="auto">
          <a:xfrm>
            <a:off x="3346450" y="4913313"/>
            <a:ext cx="1298575" cy="646112"/>
          </a:xfrm>
          <a:prstGeom prst="wedgeRoundRectCallout">
            <a:avLst>
              <a:gd name="adj1" fmla="val 28319"/>
              <a:gd name="adj2" fmla="val -114801"/>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劣化抑制後</a:t>
            </a:r>
            <a:endParaRPr lang="en-US" altLang="ja-JP" sz="1600" b="1">
              <a:solidFill>
                <a:srgbClr val="000000"/>
              </a:solidFill>
              <a:latin typeface="Arial" panose="020B0604020202020204" pitchFamily="34" charset="0"/>
            </a:endParaRPr>
          </a:p>
          <a:p>
            <a:pPr algn="ctr" eaLnBrk="1" hangingPunct="1">
              <a:spcBef>
                <a:spcPct val="0"/>
              </a:spcBef>
              <a:buFontTx/>
              <a:buNone/>
            </a:pPr>
            <a:r>
              <a:rPr lang="ja-JP" altLang="en-US" sz="1600" b="1">
                <a:solidFill>
                  <a:srgbClr val="000000"/>
                </a:solidFill>
                <a:latin typeface="Arial" panose="020B0604020202020204" pitchFamily="34" charset="0"/>
              </a:rPr>
              <a:t>劣化は進行</a:t>
            </a:r>
          </a:p>
        </p:txBody>
      </p:sp>
      <p:sp>
        <p:nvSpPr>
          <p:cNvPr id="37922" name="角丸四角形吹き出し 31">
            <a:extLst>
              <a:ext uri="{FF2B5EF4-FFF2-40B4-BE49-F238E27FC236}">
                <a16:creationId xmlns:a16="http://schemas.microsoft.com/office/drawing/2014/main" id="{AD829D18-6F2F-CE6A-B6D8-054345D918FC}"/>
              </a:ext>
            </a:extLst>
          </p:cNvPr>
          <p:cNvSpPr>
            <a:spLocks noChangeArrowheads="1"/>
          </p:cNvSpPr>
          <p:nvPr/>
        </p:nvSpPr>
        <p:spPr bwMode="auto">
          <a:xfrm>
            <a:off x="2989263" y="1481138"/>
            <a:ext cx="1298575" cy="647700"/>
          </a:xfrm>
          <a:prstGeom prst="wedgeRoundRectCallout">
            <a:avLst>
              <a:gd name="adj1" fmla="val 85782"/>
              <a:gd name="adj2" fmla="val 122597"/>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補強による機能ｱｯﾌﾟ</a:t>
            </a:r>
          </a:p>
        </p:txBody>
      </p:sp>
      <p:sp>
        <p:nvSpPr>
          <p:cNvPr id="37923" name="角丸四角形吹き出し 31">
            <a:extLst>
              <a:ext uri="{FF2B5EF4-FFF2-40B4-BE49-F238E27FC236}">
                <a16:creationId xmlns:a16="http://schemas.microsoft.com/office/drawing/2014/main" id="{47650C81-F183-D618-EF99-FF5C56E6D015}"/>
              </a:ext>
            </a:extLst>
          </p:cNvPr>
          <p:cNvSpPr>
            <a:spLocks noChangeArrowheads="1"/>
          </p:cNvSpPr>
          <p:nvPr/>
        </p:nvSpPr>
        <p:spPr bwMode="auto">
          <a:xfrm>
            <a:off x="3016250" y="2486025"/>
            <a:ext cx="1568450" cy="647700"/>
          </a:xfrm>
          <a:prstGeom prst="wedgeRoundRectCallout">
            <a:avLst>
              <a:gd name="adj1" fmla="val -15546"/>
              <a:gd name="adj2" fmla="val -60056"/>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橋の管理水準</a:t>
            </a:r>
            <a:endParaRPr lang="en-US" altLang="ja-JP" sz="1600" b="1">
              <a:solidFill>
                <a:srgbClr val="000000"/>
              </a:solidFill>
              <a:latin typeface="Arial" panose="020B0604020202020204" pitchFamily="34" charset="0"/>
            </a:endParaRPr>
          </a:p>
          <a:p>
            <a:pPr algn="ctr" eaLnBrk="1" hangingPunct="1">
              <a:spcBef>
                <a:spcPct val="0"/>
              </a:spcBef>
              <a:buFontTx/>
              <a:buNone/>
            </a:pPr>
            <a:r>
              <a:rPr lang="ja-JP" altLang="en-US" sz="1600" b="1">
                <a:solidFill>
                  <a:srgbClr val="000000"/>
                </a:solidFill>
                <a:latin typeface="Arial" panose="020B0604020202020204" pitchFamily="34" charset="0"/>
              </a:rPr>
              <a:t>（基準改定）</a:t>
            </a:r>
          </a:p>
        </p:txBody>
      </p:sp>
      <p:sp>
        <p:nvSpPr>
          <p:cNvPr id="37924" name="角丸四角形吹き出し 31">
            <a:extLst>
              <a:ext uri="{FF2B5EF4-FFF2-40B4-BE49-F238E27FC236}">
                <a16:creationId xmlns:a16="http://schemas.microsoft.com/office/drawing/2014/main" id="{5B513ED2-7763-34E6-9733-052F1A2818C5}"/>
              </a:ext>
            </a:extLst>
          </p:cNvPr>
          <p:cNvSpPr>
            <a:spLocks noChangeArrowheads="1"/>
          </p:cNvSpPr>
          <p:nvPr/>
        </p:nvSpPr>
        <p:spPr bwMode="auto">
          <a:xfrm>
            <a:off x="5043488" y="1928813"/>
            <a:ext cx="1568450" cy="646112"/>
          </a:xfrm>
          <a:prstGeom prst="wedgeRoundRectCallout">
            <a:avLst>
              <a:gd name="adj1" fmla="val -14236"/>
              <a:gd name="adj2" fmla="val -90227"/>
              <a:gd name="adj3" fmla="val 16667"/>
            </a:avLst>
          </a:prstGeom>
          <a:noFill/>
          <a:ln w="9525" algn="ctr">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solidFill>
                  <a:srgbClr val="000000"/>
                </a:solidFill>
                <a:latin typeface="Arial" panose="020B0604020202020204" pitchFamily="34" charset="0"/>
              </a:rPr>
              <a:t>橋の管理水準</a:t>
            </a:r>
            <a:endParaRPr lang="en-US" altLang="ja-JP" sz="1600" b="1">
              <a:solidFill>
                <a:srgbClr val="000000"/>
              </a:solidFill>
              <a:latin typeface="Arial" panose="020B0604020202020204" pitchFamily="34" charset="0"/>
            </a:endParaRPr>
          </a:p>
          <a:p>
            <a:pPr algn="ctr" eaLnBrk="1" hangingPunct="1">
              <a:spcBef>
                <a:spcPct val="0"/>
              </a:spcBef>
              <a:buFontTx/>
              <a:buNone/>
            </a:pPr>
            <a:r>
              <a:rPr lang="ja-JP" altLang="en-US" sz="1600" b="1">
                <a:solidFill>
                  <a:srgbClr val="000000"/>
                </a:solidFill>
                <a:latin typeface="Arial" panose="020B0604020202020204" pitchFamily="34" charset="0"/>
              </a:rPr>
              <a:t>（基準改定）</a:t>
            </a:r>
          </a:p>
        </p:txBody>
      </p:sp>
      <p:sp>
        <p:nvSpPr>
          <p:cNvPr id="9" name="下矢印 1">
            <a:extLst>
              <a:ext uri="{FF2B5EF4-FFF2-40B4-BE49-F238E27FC236}">
                <a16:creationId xmlns:a16="http://schemas.microsoft.com/office/drawing/2014/main" id="{BBB8D669-E736-EACB-1C68-4AC70FC5AFF7}"/>
              </a:ext>
            </a:extLst>
          </p:cNvPr>
          <p:cNvSpPr/>
          <p:nvPr/>
        </p:nvSpPr>
        <p:spPr>
          <a:xfrm rot="10800000">
            <a:off x="4733925" y="3702050"/>
            <a:ext cx="152400" cy="612775"/>
          </a:xfrm>
          <a:prstGeom prst="downArrow">
            <a:avLst/>
          </a:prstGeom>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a:defRPr/>
            </a:pPr>
            <a:endParaRPr lang="ja-JP" altLang="en-US"/>
          </a:p>
        </p:txBody>
      </p:sp>
      <p:sp>
        <p:nvSpPr>
          <p:cNvPr id="10" name="下矢印 1">
            <a:extLst>
              <a:ext uri="{FF2B5EF4-FFF2-40B4-BE49-F238E27FC236}">
                <a16:creationId xmlns:a16="http://schemas.microsoft.com/office/drawing/2014/main" id="{CBE0BBBE-D86B-0A73-B327-51BBB2079B7F}"/>
              </a:ext>
            </a:extLst>
          </p:cNvPr>
          <p:cNvSpPr/>
          <p:nvPr/>
        </p:nvSpPr>
        <p:spPr>
          <a:xfrm rot="10800000">
            <a:off x="6546850" y="4411663"/>
            <a:ext cx="165100" cy="481012"/>
          </a:xfrm>
          <a:prstGeom prst="downArrow">
            <a:avLst/>
          </a:prstGeom>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a:defRPr/>
            </a:pPr>
            <a:endParaRPr lang="ja-JP" altLang="en-US"/>
          </a:p>
        </p:txBody>
      </p:sp>
      <p:sp>
        <p:nvSpPr>
          <p:cNvPr id="37927" name="テキスト ボックス 5">
            <a:extLst>
              <a:ext uri="{FF2B5EF4-FFF2-40B4-BE49-F238E27FC236}">
                <a16:creationId xmlns:a16="http://schemas.microsoft.com/office/drawing/2014/main" id="{57E5AD3C-202F-AB31-7EED-8731D665611E}"/>
              </a:ext>
            </a:extLst>
          </p:cNvPr>
          <p:cNvSpPr txBox="1">
            <a:spLocks noChangeArrowheads="1"/>
          </p:cNvSpPr>
          <p:nvPr/>
        </p:nvSpPr>
        <p:spPr bwMode="auto">
          <a:xfrm>
            <a:off x="6867525" y="3354388"/>
            <a:ext cx="2168525"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a:solidFill>
                  <a:srgbClr val="FF0000"/>
                </a:solidFill>
                <a:latin typeface="Arial" panose="020B0604020202020204" pitchFamily="34" charset="0"/>
              </a:rPr>
              <a:t>補修（修繕）はあくま</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で、手当！ｲﾆｼｬﾙの</a:t>
            </a:r>
            <a:endParaRPr lang="en-US" altLang="ja-JP" sz="1400">
              <a:solidFill>
                <a:srgbClr val="FF0000"/>
              </a:solidFill>
              <a:latin typeface="Arial" panose="020B0604020202020204" pitchFamily="34" charset="0"/>
            </a:endParaRPr>
          </a:p>
          <a:p>
            <a:pPr>
              <a:spcBef>
                <a:spcPct val="0"/>
              </a:spcBef>
              <a:buFontTx/>
              <a:buNone/>
            </a:pPr>
            <a:r>
              <a:rPr lang="ja-JP" altLang="en-US" sz="1400">
                <a:solidFill>
                  <a:srgbClr val="FF0000"/>
                </a:solidFill>
                <a:latin typeface="Arial" panose="020B0604020202020204" pitchFamily="34" charset="0"/>
              </a:rPr>
              <a:t>状況には戻らない！</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596D11E6-A85C-DD4C-22FF-65A2A3A73160}"/>
              </a:ext>
            </a:extLst>
          </p:cNvPr>
          <p:cNvSpPr>
            <a:spLocks noGrp="1"/>
          </p:cNvSpPr>
          <p:nvPr>
            <p:ph type="sldNum" sz="quarter" idx="12"/>
          </p:nvPr>
        </p:nvSpPr>
        <p:spPr/>
        <p:txBody>
          <a:bodyPr/>
          <a:lstStyle/>
          <a:p>
            <a:fld id="{66545E97-F017-4993-8E0F-1F0B98A93716}" type="slidenum">
              <a:rPr kumimoji="1" lang="ja-JP" altLang="en-US" smtClean="0"/>
              <a:t>6</a:t>
            </a:fld>
            <a:endParaRPr kumimoji="1" lang="ja-JP" altLang="en-US"/>
          </a:p>
        </p:txBody>
      </p:sp>
      <p:pic>
        <p:nvPicPr>
          <p:cNvPr id="4" name="図 3">
            <a:extLst>
              <a:ext uri="{FF2B5EF4-FFF2-40B4-BE49-F238E27FC236}">
                <a16:creationId xmlns:a16="http://schemas.microsoft.com/office/drawing/2014/main" id="{16420675-F372-F56A-2F7C-056DD48FBF0A}"/>
              </a:ext>
            </a:extLst>
          </p:cNvPr>
          <p:cNvPicPr>
            <a:picLocks noChangeAspect="1"/>
          </p:cNvPicPr>
          <p:nvPr/>
        </p:nvPicPr>
        <p:blipFill>
          <a:blip r:embed="rId2"/>
          <a:stretch>
            <a:fillRect/>
          </a:stretch>
        </p:blipFill>
        <p:spPr>
          <a:xfrm>
            <a:off x="366712" y="1328080"/>
            <a:ext cx="8410575" cy="3622292"/>
          </a:xfrm>
          <a:prstGeom prst="rect">
            <a:avLst/>
          </a:prstGeom>
        </p:spPr>
      </p:pic>
    </p:spTree>
    <p:extLst>
      <p:ext uri="{BB962C8B-B14F-4D97-AF65-F5344CB8AC3E}">
        <p14:creationId xmlns:p14="http://schemas.microsoft.com/office/powerpoint/2010/main" val="2512305868"/>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60581524-2E69-4F9B-896A-9F59CB093495}"/>
              </a:ext>
            </a:extLst>
          </p:cNvPr>
          <p:cNvSpPr>
            <a:spLocks noGrp="1"/>
          </p:cNvSpPr>
          <p:nvPr>
            <p:ph type="sldNum" sz="quarter" idx="12"/>
          </p:nvPr>
        </p:nvSpPr>
        <p:spPr/>
        <p:txBody>
          <a:bodyPr/>
          <a:lstStyle/>
          <a:p>
            <a:fld id="{7D5A2C38-BF5A-4117-A3B3-4E986D472ED9}" type="slidenum">
              <a:rPr kumimoji="1" lang="ja-JP" altLang="en-US" smtClean="0"/>
              <a:t>60</a:t>
            </a:fld>
            <a:endParaRPr kumimoji="1" lang="ja-JP" altLang="en-US" dirty="0"/>
          </a:p>
        </p:txBody>
      </p:sp>
      <p:pic>
        <p:nvPicPr>
          <p:cNvPr id="3" name="図 2">
            <a:extLst>
              <a:ext uri="{FF2B5EF4-FFF2-40B4-BE49-F238E27FC236}">
                <a16:creationId xmlns:a16="http://schemas.microsoft.com/office/drawing/2014/main" id="{2FF34695-3F15-4284-89B9-CB6E90AED09F}"/>
              </a:ext>
            </a:extLst>
          </p:cNvPr>
          <p:cNvPicPr>
            <a:picLocks noChangeAspect="1"/>
          </p:cNvPicPr>
          <p:nvPr/>
        </p:nvPicPr>
        <p:blipFill>
          <a:blip r:embed="rId2"/>
          <a:stretch>
            <a:fillRect/>
          </a:stretch>
        </p:blipFill>
        <p:spPr>
          <a:xfrm>
            <a:off x="179511" y="476672"/>
            <a:ext cx="8800825" cy="4954864"/>
          </a:xfrm>
          <a:prstGeom prst="rect">
            <a:avLst/>
          </a:prstGeom>
        </p:spPr>
      </p:pic>
      <p:sp>
        <p:nvSpPr>
          <p:cNvPr id="5" name="テキスト ボックス 4">
            <a:extLst>
              <a:ext uri="{FF2B5EF4-FFF2-40B4-BE49-F238E27FC236}">
                <a16:creationId xmlns:a16="http://schemas.microsoft.com/office/drawing/2014/main" id="{EFEF4B88-D688-413C-8EE7-FA0F1A13B210}"/>
              </a:ext>
            </a:extLst>
          </p:cNvPr>
          <p:cNvSpPr txBox="1"/>
          <p:nvPr/>
        </p:nvSpPr>
        <p:spPr>
          <a:xfrm>
            <a:off x="1519084" y="5584806"/>
            <a:ext cx="5487400" cy="954107"/>
          </a:xfrm>
          <a:prstGeom prst="rect">
            <a:avLst/>
          </a:prstGeom>
          <a:noFill/>
        </p:spPr>
        <p:txBody>
          <a:bodyPr wrap="none" rtlCol="0">
            <a:spAutoFit/>
          </a:bodyPr>
          <a:lstStyle/>
          <a:p>
            <a:r>
              <a:rPr kumimoji="1" lang="ja-JP" altLang="en-US" sz="2800" dirty="0">
                <a:latin typeface="HGP創英角ﾎﾟｯﾌﾟ体" panose="040B0A00000000000000" pitchFamily="50" charset="-128"/>
                <a:ea typeface="HGP創英角ﾎﾟｯﾌﾟ体" panose="040B0A00000000000000" pitchFamily="50" charset="-128"/>
              </a:rPr>
              <a:t>インフラ老朽化による破綻への道　</a:t>
            </a:r>
            <a:endParaRPr kumimoji="1" lang="en-US" altLang="ja-JP" sz="2800" dirty="0">
              <a:solidFill>
                <a:srgbClr val="FF0000"/>
              </a:solidFill>
              <a:latin typeface="HGP創英角ﾎﾟｯﾌﾟ体" panose="040B0A00000000000000" pitchFamily="50" charset="-128"/>
              <a:ea typeface="HGP創英角ﾎﾟｯﾌﾟ体" panose="040B0A00000000000000" pitchFamily="50" charset="-128"/>
            </a:endParaRPr>
          </a:p>
          <a:p>
            <a:r>
              <a:rPr lang="ja-JP" altLang="en-US" sz="2800" dirty="0">
                <a:latin typeface="HGP創英角ﾎﾟｯﾌﾟ体" panose="040B0A00000000000000" pitchFamily="50" charset="-128"/>
                <a:ea typeface="HGP創英角ﾎﾟｯﾌﾟ体" panose="040B0A00000000000000" pitchFamily="50" charset="-128"/>
              </a:rPr>
              <a:t>　</a:t>
            </a:r>
            <a:endParaRPr kumimoji="1" lang="ja-JP" altLang="en-US" sz="2000" dirty="0">
              <a:latin typeface="HGP創英角ﾎﾟｯﾌﾟ体" panose="040B0A00000000000000" pitchFamily="50" charset="-128"/>
              <a:ea typeface="HGP創英角ﾎﾟｯﾌﾟ体" panose="040B0A00000000000000" pitchFamily="50" charset="-128"/>
            </a:endParaRPr>
          </a:p>
        </p:txBody>
      </p:sp>
    </p:spTree>
    <p:extLst>
      <p:ext uri="{BB962C8B-B14F-4D97-AF65-F5344CB8AC3E}">
        <p14:creationId xmlns:p14="http://schemas.microsoft.com/office/powerpoint/2010/main" val="155137974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93127" y="89395"/>
            <a:ext cx="7507852" cy="748533"/>
          </a:xfrm>
          <a:prstGeom prst="rect">
            <a:avLst/>
          </a:prstGeom>
        </p:spPr>
        <p:txBody>
          <a:bodyPr vert="horz" wrap="square" lIns="0" tIns="9774" rIns="0" bIns="0" rtlCol="0" anchor="ctr">
            <a:spAutoFit/>
          </a:bodyPr>
          <a:lstStyle/>
          <a:p>
            <a:pPr marL="10860">
              <a:lnSpc>
                <a:spcPct val="100000"/>
              </a:lnSpc>
              <a:spcBef>
                <a:spcPts val="77"/>
              </a:spcBef>
              <a:tabLst>
                <a:tab pos="4438931" algn="l"/>
              </a:tabLst>
            </a:pPr>
            <a:r>
              <a:rPr sz="2400" spc="-30" dirty="0" err="1"/>
              <a:t>社会資本メ</a:t>
            </a:r>
            <a:r>
              <a:rPr sz="2400" spc="-34" dirty="0" err="1"/>
              <a:t>ン</a:t>
            </a:r>
            <a:r>
              <a:rPr sz="2400" spc="-26" dirty="0" err="1"/>
              <a:t>テナ</a:t>
            </a:r>
            <a:r>
              <a:rPr sz="2400" spc="-34" dirty="0" err="1"/>
              <a:t>ン</a:t>
            </a:r>
            <a:r>
              <a:rPr sz="2400" spc="-30" dirty="0" err="1"/>
              <a:t>ス戦略小委員</a:t>
            </a:r>
            <a:r>
              <a:rPr sz="2400" spc="-43" dirty="0" err="1"/>
              <a:t>会</a:t>
            </a:r>
            <a:r>
              <a:rPr sz="2400" spc="-30" dirty="0" err="1"/>
              <a:t>民間活力活用促進</a:t>
            </a:r>
            <a:r>
              <a:rPr sz="2400" spc="-21" dirty="0" err="1"/>
              <a:t>WG</a:t>
            </a:r>
            <a:endParaRPr sz="2400" spc="-21" dirty="0"/>
          </a:p>
        </p:txBody>
      </p:sp>
      <p:sp>
        <p:nvSpPr>
          <p:cNvPr id="3" name="object 3"/>
          <p:cNvSpPr/>
          <p:nvPr/>
        </p:nvSpPr>
        <p:spPr>
          <a:xfrm>
            <a:off x="483481" y="2228442"/>
            <a:ext cx="8175301" cy="1002365"/>
          </a:xfrm>
          <a:custGeom>
            <a:avLst/>
            <a:gdLst/>
            <a:ahLst/>
            <a:cxnLst/>
            <a:rect l="l" t="t" r="r" b="b"/>
            <a:pathLst>
              <a:path w="9560560" h="1172210">
                <a:moveTo>
                  <a:pt x="9558528" y="0"/>
                </a:moveTo>
                <a:lnTo>
                  <a:pt x="3047" y="0"/>
                </a:lnTo>
                <a:lnTo>
                  <a:pt x="0" y="1524"/>
                </a:lnTo>
                <a:lnTo>
                  <a:pt x="0" y="1170432"/>
                </a:lnTo>
                <a:lnTo>
                  <a:pt x="3047" y="1171956"/>
                </a:lnTo>
                <a:lnTo>
                  <a:pt x="9558528" y="1171956"/>
                </a:lnTo>
                <a:lnTo>
                  <a:pt x="9560052" y="1170432"/>
                </a:lnTo>
                <a:lnTo>
                  <a:pt x="9560052" y="1167384"/>
                </a:lnTo>
                <a:lnTo>
                  <a:pt x="10667" y="1167384"/>
                </a:lnTo>
                <a:lnTo>
                  <a:pt x="6095" y="1162812"/>
                </a:lnTo>
                <a:lnTo>
                  <a:pt x="10667" y="1162812"/>
                </a:lnTo>
                <a:lnTo>
                  <a:pt x="10667" y="10668"/>
                </a:lnTo>
                <a:lnTo>
                  <a:pt x="6095" y="10668"/>
                </a:lnTo>
                <a:lnTo>
                  <a:pt x="10667" y="4572"/>
                </a:lnTo>
                <a:lnTo>
                  <a:pt x="9560052" y="4572"/>
                </a:lnTo>
                <a:lnTo>
                  <a:pt x="9560052" y="1524"/>
                </a:lnTo>
                <a:lnTo>
                  <a:pt x="9558528" y="0"/>
                </a:lnTo>
                <a:close/>
              </a:path>
              <a:path w="9560560" h="1172210">
                <a:moveTo>
                  <a:pt x="10667" y="1162812"/>
                </a:moveTo>
                <a:lnTo>
                  <a:pt x="6095" y="1162812"/>
                </a:lnTo>
                <a:lnTo>
                  <a:pt x="10667" y="1167384"/>
                </a:lnTo>
                <a:lnTo>
                  <a:pt x="10667" y="1162812"/>
                </a:lnTo>
                <a:close/>
              </a:path>
              <a:path w="9560560" h="1172210">
                <a:moveTo>
                  <a:pt x="9550908" y="1162812"/>
                </a:moveTo>
                <a:lnTo>
                  <a:pt x="10667" y="1162812"/>
                </a:lnTo>
                <a:lnTo>
                  <a:pt x="10667" y="1167384"/>
                </a:lnTo>
                <a:lnTo>
                  <a:pt x="9550908" y="1167384"/>
                </a:lnTo>
                <a:lnTo>
                  <a:pt x="9550908" y="1162812"/>
                </a:lnTo>
                <a:close/>
              </a:path>
              <a:path w="9560560" h="1172210">
                <a:moveTo>
                  <a:pt x="9550908" y="4572"/>
                </a:moveTo>
                <a:lnTo>
                  <a:pt x="9550908" y="1167384"/>
                </a:lnTo>
                <a:lnTo>
                  <a:pt x="9555480" y="1162812"/>
                </a:lnTo>
                <a:lnTo>
                  <a:pt x="9560052" y="1162812"/>
                </a:lnTo>
                <a:lnTo>
                  <a:pt x="9560052" y="10668"/>
                </a:lnTo>
                <a:lnTo>
                  <a:pt x="9555480" y="10668"/>
                </a:lnTo>
                <a:lnTo>
                  <a:pt x="9550908" y="4572"/>
                </a:lnTo>
                <a:close/>
              </a:path>
              <a:path w="9560560" h="1172210">
                <a:moveTo>
                  <a:pt x="9560052" y="1162812"/>
                </a:moveTo>
                <a:lnTo>
                  <a:pt x="9555480" y="1162812"/>
                </a:lnTo>
                <a:lnTo>
                  <a:pt x="9550908" y="1167384"/>
                </a:lnTo>
                <a:lnTo>
                  <a:pt x="9560052" y="1167384"/>
                </a:lnTo>
                <a:lnTo>
                  <a:pt x="9560052" y="1162812"/>
                </a:lnTo>
                <a:close/>
              </a:path>
              <a:path w="9560560" h="1172210">
                <a:moveTo>
                  <a:pt x="10667" y="4572"/>
                </a:moveTo>
                <a:lnTo>
                  <a:pt x="6095" y="10668"/>
                </a:lnTo>
                <a:lnTo>
                  <a:pt x="10667" y="10668"/>
                </a:lnTo>
                <a:lnTo>
                  <a:pt x="10667" y="4572"/>
                </a:lnTo>
                <a:close/>
              </a:path>
              <a:path w="9560560" h="1172210">
                <a:moveTo>
                  <a:pt x="9550908" y="4572"/>
                </a:moveTo>
                <a:lnTo>
                  <a:pt x="10667" y="4572"/>
                </a:lnTo>
                <a:lnTo>
                  <a:pt x="10667" y="10668"/>
                </a:lnTo>
                <a:lnTo>
                  <a:pt x="9550908" y="10668"/>
                </a:lnTo>
                <a:lnTo>
                  <a:pt x="9550908" y="4572"/>
                </a:lnTo>
                <a:close/>
              </a:path>
              <a:path w="9560560" h="1172210">
                <a:moveTo>
                  <a:pt x="9560052" y="4572"/>
                </a:moveTo>
                <a:lnTo>
                  <a:pt x="9550908" y="4572"/>
                </a:lnTo>
                <a:lnTo>
                  <a:pt x="9555480" y="10668"/>
                </a:lnTo>
                <a:lnTo>
                  <a:pt x="9560052" y="10668"/>
                </a:lnTo>
                <a:lnTo>
                  <a:pt x="9560052" y="4572"/>
                </a:lnTo>
                <a:close/>
              </a:path>
            </a:pathLst>
          </a:custGeom>
          <a:solidFill>
            <a:srgbClr val="000000"/>
          </a:solidFill>
        </p:spPr>
        <p:txBody>
          <a:bodyPr wrap="square" lIns="0" tIns="0" rIns="0" bIns="0" rtlCol="0"/>
          <a:lstStyle/>
          <a:p>
            <a:endParaRPr sz="1539"/>
          </a:p>
        </p:txBody>
      </p:sp>
      <p:sp>
        <p:nvSpPr>
          <p:cNvPr id="4" name="object 4"/>
          <p:cNvSpPr/>
          <p:nvPr/>
        </p:nvSpPr>
        <p:spPr>
          <a:xfrm>
            <a:off x="475661" y="3695827"/>
            <a:ext cx="8182903" cy="775394"/>
          </a:xfrm>
          <a:custGeom>
            <a:avLst/>
            <a:gdLst/>
            <a:ahLst/>
            <a:cxnLst/>
            <a:rect l="l" t="t" r="r" b="b"/>
            <a:pathLst>
              <a:path w="9569450" h="906779">
                <a:moveTo>
                  <a:pt x="9567672" y="0"/>
                </a:moveTo>
                <a:lnTo>
                  <a:pt x="1524" y="0"/>
                </a:lnTo>
                <a:lnTo>
                  <a:pt x="0" y="1524"/>
                </a:lnTo>
                <a:lnTo>
                  <a:pt x="0" y="903732"/>
                </a:lnTo>
                <a:lnTo>
                  <a:pt x="1524" y="906780"/>
                </a:lnTo>
                <a:lnTo>
                  <a:pt x="9567672" y="906780"/>
                </a:lnTo>
                <a:lnTo>
                  <a:pt x="9569196" y="903732"/>
                </a:lnTo>
                <a:lnTo>
                  <a:pt x="9569196" y="900684"/>
                </a:lnTo>
                <a:lnTo>
                  <a:pt x="9144" y="900684"/>
                </a:lnTo>
                <a:lnTo>
                  <a:pt x="4571" y="896112"/>
                </a:lnTo>
                <a:lnTo>
                  <a:pt x="9144" y="896112"/>
                </a:lnTo>
                <a:lnTo>
                  <a:pt x="9144" y="9144"/>
                </a:lnTo>
                <a:lnTo>
                  <a:pt x="4571" y="9144"/>
                </a:lnTo>
                <a:lnTo>
                  <a:pt x="9144" y="4572"/>
                </a:lnTo>
                <a:lnTo>
                  <a:pt x="9569196" y="4572"/>
                </a:lnTo>
                <a:lnTo>
                  <a:pt x="9569196" y="1524"/>
                </a:lnTo>
                <a:lnTo>
                  <a:pt x="9567672" y="0"/>
                </a:lnTo>
                <a:close/>
              </a:path>
              <a:path w="9569450" h="906779">
                <a:moveTo>
                  <a:pt x="9144" y="896112"/>
                </a:moveTo>
                <a:lnTo>
                  <a:pt x="4571" y="896112"/>
                </a:lnTo>
                <a:lnTo>
                  <a:pt x="9144" y="900684"/>
                </a:lnTo>
                <a:lnTo>
                  <a:pt x="9144" y="896112"/>
                </a:lnTo>
                <a:close/>
              </a:path>
              <a:path w="9569450" h="906779">
                <a:moveTo>
                  <a:pt x="9560052" y="896112"/>
                </a:moveTo>
                <a:lnTo>
                  <a:pt x="9144" y="896112"/>
                </a:lnTo>
                <a:lnTo>
                  <a:pt x="9144" y="900684"/>
                </a:lnTo>
                <a:lnTo>
                  <a:pt x="9560052" y="900684"/>
                </a:lnTo>
                <a:lnTo>
                  <a:pt x="9560052" y="896112"/>
                </a:lnTo>
                <a:close/>
              </a:path>
              <a:path w="9569450" h="906779">
                <a:moveTo>
                  <a:pt x="9560052" y="4572"/>
                </a:moveTo>
                <a:lnTo>
                  <a:pt x="9560052" y="900684"/>
                </a:lnTo>
                <a:lnTo>
                  <a:pt x="9564624" y="896112"/>
                </a:lnTo>
                <a:lnTo>
                  <a:pt x="9569196" y="896112"/>
                </a:lnTo>
                <a:lnTo>
                  <a:pt x="9569196" y="9144"/>
                </a:lnTo>
                <a:lnTo>
                  <a:pt x="9564624" y="9144"/>
                </a:lnTo>
                <a:lnTo>
                  <a:pt x="9560052" y="4572"/>
                </a:lnTo>
                <a:close/>
              </a:path>
              <a:path w="9569450" h="906779">
                <a:moveTo>
                  <a:pt x="9569196" y="896112"/>
                </a:moveTo>
                <a:lnTo>
                  <a:pt x="9564624" y="896112"/>
                </a:lnTo>
                <a:lnTo>
                  <a:pt x="9560052" y="900684"/>
                </a:lnTo>
                <a:lnTo>
                  <a:pt x="9569196" y="900684"/>
                </a:lnTo>
                <a:lnTo>
                  <a:pt x="9569196" y="896112"/>
                </a:lnTo>
                <a:close/>
              </a:path>
              <a:path w="9569450" h="906779">
                <a:moveTo>
                  <a:pt x="9144" y="4572"/>
                </a:moveTo>
                <a:lnTo>
                  <a:pt x="4571" y="9144"/>
                </a:lnTo>
                <a:lnTo>
                  <a:pt x="9144" y="9144"/>
                </a:lnTo>
                <a:lnTo>
                  <a:pt x="9144" y="4572"/>
                </a:lnTo>
                <a:close/>
              </a:path>
              <a:path w="9569450" h="906779">
                <a:moveTo>
                  <a:pt x="9560052" y="4572"/>
                </a:moveTo>
                <a:lnTo>
                  <a:pt x="9144" y="4572"/>
                </a:lnTo>
                <a:lnTo>
                  <a:pt x="9144" y="9144"/>
                </a:lnTo>
                <a:lnTo>
                  <a:pt x="9560052" y="9144"/>
                </a:lnTo>
                <a:lnTo>
                  <a:pt x="9560052" y="4572"/>
                </a:lnTo>
                <a:close/>
              </a:path>
              <a:path w="9569450" h="906779">
                <a:moveTo>
                  <a:pt x="9569196" y="4572"/>
                </a:moveTo>
                <a:lnTo>
                  <a:pt x="9560052" y="4572"/>
                </a:lnTo>
                <a:lnTo>
                  <a:pt x="9564624" y="9144"/>
                </a:lnTo>
                <a:lnTo>
                  <a:pt x="9569196" y="9144"/>
                </a:lnTo>
                <a:lnTo>
                  <a:pt x="9569196" y="4572"/>
                </a:lnTo>
                <a:close/>
              </a:path>
            </a:pathLst>
          </a:custGeom>
          <a:solidFill>
            <a:srgbClr val="000000"/>
          </a:solidFill>
        </p:spPr>
        <p:txBody>
          <a:bodyPr wrap="square" lIns="0" tIns="0" rIns="0" bIns="0" rtlCol="0"/>
          <a:lstStyle/>
          <a:p>
            <a:endParaRPr sz="1539"/>
          </a:p>
        </p:txBody>
      </p:sp>
      <p:sp>
        <p:nvSpPr>
          <p:cNvPr id="5" name="object 5"/>
          <p:cNvSpPr txBox="1"/>
          <p:nvPr/>
        </p:nvSpPr>
        <p:spPr>
          <a:xfrm>
            <a:off x="492168" y="3738397"/>
            <a:ext cx="8001543" cy="1220108"/>
          </a:xfrm>
          <a:prstGeom prst="rect">
            <a:avLst/>
          </a:prstGeom>
        </p:spPr>
        <p:txBody>
          <a:bodyPr vert="horz" wrap="square" lIns="0" tIns="10317" rIns="0" bIns="0" rtlCol="0">
            <a:spAutoFit/>
          </a:bodyPr>
          <a:lstStyle/>
          <a:p>
            <a:pPr marL="71674" marR="4344" algn="just">
              <a:lnSpc>
                <a:spcPct val="101499"/>
              </a:lnSpc>
              <a:spcBef>
                <a:spcPts val="81"/>
              </a:spcBef>
            </a:pPr>
            <a:r>
              <a:rPr sz="1454" spc="4" dirty="0">
                <a:latin typeface="ＭＳ Ｐゴシック"/>
                <a:cs typeface="ＭＳ Ｐゴシック"/>
              </a:rPr>
              <a:t>本ワーキンググループでは、今までできていない民間活力の活用方策を新たに創出し、その効果を検証し、これら検討の過程を広く周知すること等により、メンテナンス分野における民間活力の全国への</a:t>
            </a:r>
            <a:r>
              <a:rPr sz="1454" spc="9" dirty="0">
                <a:latin typeface="ＭＳ Ｐゴシック"/>
                <a:cs typeface="ＭＳ Ｐゴシック"/>
              </a:rPr>
              <a:t>普及を図る。</a:t>
            </a:r>
            <a:endParaRPr sz="1454">
              <a:latin typeface="ＭＳ Ｐゴシック"/>
              <a:cs typeface="ＭＳ Ｐゴシック"/>
            </a:endParaRPr>
          </a:p>
          <a:p>
            <a:pPr>
              <a:spcBef>
                <a:spcPts val="381"/>
              </a:spcBef>
            </a:pPr>
            <a:endParaRPr sz="1454">
              <a:latin typeface="ＭＳ Ｐゴシック"/>
              <a:cs typeface="ＭＳ Ｐゴシック"/>
            </a:endParaRPr>
          </a:p>
          <a:p>
            <a:pPr marL="10860"/>
            <a:r>
              <a:rPr sz="1667" u="sng" spc="-30" dirty="0">
                <a:uFill>
                  <a:solidFill>
                    <a:srgbClr val="000000"/>
                  </a:solidFill>
                </a:uFill>
                <a:latin typeface="ＭＳ Ｐゴシック"/>
                <a:cs typeface="ＭＳ Ｐゴシック"/>
              </a:rPr>
              <a:t>②メンバー</a:t>
            </a:r>
            <a:endParaRPr sz="1667">
              <a:latin typeface="ＭＳ Ｐゴシック"/>
              <a:cs typeface="ＭＳ Ｐゴシック"/>
            </a:endParaRPr>
          </a:p>
        </p:txBody>
      </p:sp>
      <p:sp>
        <p:nvSpPr>
          <p:cNvPr id="6" name="object 6"/>
          <p:cNvSpPr/>
          <p:nvPr/>
        </p:nvSpPr>
        <p:spPr>
          <a:xfrm>
            <a:off x="4107632" y="3304872"/>
            <a:ext cx="926889" cy="344257"/>
          </a:xfrm>
          <a:custGeom>
            <a:avLst/>
            <a:gdLst/>
            <a:ahLst/>
            <a:cxnLst/>
            <a:rect l="l" t="t" r="r" b="b"/>
            <a:pathLst>
              <a:path w="1083945" h="402589">
                <a:moveTo>
                  <a:pt x="39624" y="195072"/>
                </a:moveTo>
                <a:lnTo>
                  <a:pt x="0" y="195072"/>
                </a:lnTo>
                <a:lnTo>
                  <a:pt x="542543" y="402336"/>
                </a:lnTo>
                <a:lnTo>
                  <a:pt x="578346" y="388620"/>
                </a:lnTo>
                <a:lnTo>
                  <a:pt x="539496" y="388620"/>
                </a:lnTo>
                <a:lnTo>
                  <a:pt x="541785" y="387744"/>
                </a:lnTo>
                <a:lnTo>
                  <a:pt x="75371" y="208787"/>
                </a:lnTo>
                <a:lnTo>
                  <a:pt x="36575" y="208787"/>
                </a:lnTo>
                <a:lnTo>
                  <a:pt x="39624" y="195072"/>
                </a:lnTo>
                <a:close/>
              </a:path>
              <a:path w="1083945" h="402589">
                <a:moveTo>
                  <a:pt x="541785" y="387744"/>
                </a:moveTo>
                <a:lnTo>
                  <a:pt x="539496" y="388620"/>
                </a:lnTo>
                <a:lnTo>
                  <a:pt x="544067" y="388620"/>
                </a:lnTo>
                <a:lnTo>
                  <a:pt x="541785" y="387744"/>
                </a:lnTo>
                <a:close/>
              </a:path>
              <a:path w="1083945" h="402589">
                <a:moveTo>
                  <a:pt x="1045463" y="195072"/>
                </a:moveTo>
                <a:lnTo>
                  <a:pt x="541785" y="387744"/>
                </a:lnTo>
                <a:lnTo>
                  <a:pt x="544067" y="388620"/>
                </a:lnTo>
                <a:lnTo>
                  <a:pt x="578346" y="388620"/>
                </a:lnTo>
                <a:lnTo>
                  <a:pt x="1047761" y="208787"/>
                </a:lnTo>
                <a:lnTo>
                  <a:pt x="1046988" y="208787"/>
                </a:lnTo>
                <a:lnTo>
                  <a:pt x="1045463" y="195072"/>
                </a:lnTo>
                <a:close/>
              </a:path>
              <a:path w="1083945" h="402589">
                <a:moveTo>
                  <a:pt x="39624" y="195072"/>
                </a:moveTo>
                <a:lnTo>
                  <a:pt x="36575" y="208787"/>
                </a:lnTo>
                <a:lnTo>
                  <a:pt x="75371" y="208787"/>
                </a:lnTo>
                <a:lnTo>
                  <a:pt x="39624" y="195072"/>
                </a:lnTo>
                <a:close/>
              </a:path>
              <a:path w="1083945" h="402589">
                <a:moveTo>
                  <a:pt x="283463" y="195072"/>
                </a:moveTo>
                <a:lnTo>
                  <a:pt x="39624" y="195072"/>
                </a:lnTo>
                <a:lnTo>
                  <a:pt x="75371" y="208787"/>
                </a:lnTo>
                <a:lnTo>
                  <a:pt x="297179" y="208787"/>
                </a:lnTo>
                <a:lnTo>
                  <a:pt x="297179" y="201168"/>
                </a:lnTo>
                <a:lnTo>
                  <a:pt x="283463" y="201168"/>
                </a:lnTo>
                <a:lnTo>
                  <a:pt x="283463" y="195072"/>
                </a:lnTo>
                <a:close/>
              </a:path>
              <a:path w="1083945" h="402589">
                <a:moveTo>
                  <a:pt x="787907" y="7620"/>
                </a:moveTo>
                <a:lnTo>
                  <a:pt x="787907" y="208787"/>
                </a:lnTo>
                <a:lnTo>
                  <a:pt x="1009608" y="208787"/>
                </a:lnTo>
                <a:lnTo>
                  <a:pt x="1029527" y="201168"/>
                </a:lnTo>
                <a:lnTo>
                  <a:pt x="801624" y="201168"/>
                </a:lnTo>
                <a:lnTo>
                  <a:pt x="794003" y="195072"/>
                </a:lnTo>
                <a:lnTo>
                  <a:pt x="801624" y="195072"/>
                </a:lnTo>
                <a:lnTo>
                  <a:pt x="801624" y="13716"/>
                </a:lnTo>
                <a:lnTo>
                  <a:pt x="794003" y="13716"/>
                </a:lnTo>
                <a:lnTo>
                  <a:pt x="787907" y="7620"/>
                </a:lnTo>
                <a:close/>
              </a:path>
              <a:path w="1083945" h="402589">
                <a:moveTo>
                  <a:pt x="1083564" y="195072"/>
                </a:moveTo>
                <a:lnTo>
                  <a:pt x="1045463" y="195072"/>
                </a:lnTo>
                <a:lnTo>
                  <a:pt x="1046988" y="208787"/>
                </a:lnTo>
                <a:lnTo>
                  <a:pt x="1047761" y="208787"/>
                </a:lnTo>
                <a:lnTo>
                  <a:pt x="1083564" y="195072"/>
                </a:lnTo>
                <a:close/>
              </a:path>
              <a:path w="1083945" h="402589">
                <a:moveTo>
                  <a:pt x="801624" y="0"/>
                </a:moveTo>
                <a:lnTo>
                  <a:pt x="283463" y="0"/>
                </a:lnTo>
                <a:lnTo>
                  <a:pt x="283463" y="201168"/>
                </a:lnTo>
                <a:lnTo>
                  <a:pt x="289560" y="195072"/>
                </a:lnTo>
                <a:lnTo>
                  <a:pt x="297179" y="195072"/>
                </a:lnTo>
                <a:lnTo>
                  <a:pt x="297179" y="13716"/>
                </a:lnTo>
                <a:lnTo>
                  <a:pt x="289560" y="13716"/>
                </a:lnTo>
                <a:lnTo>
                  <a:pt x="297179" y="7620"/>
                </a:lnTo>
                <a:lnTo>
                  <a:pt x="801624" y="7620"/>
                </a:lnTo>
                <a:lnTo>
                  <a:pt x="801624" y="0"/>
                </a:lnTo>
                <a:close/>
              </a:path>
              <a:path w="1083945" h="402589">
                <a:moveTo>
                  <a:pt x="297179" y="195072"/>
                </a:moveTo>
                <a:lnTo>
                  <a:pt x="289560" y="195072"/>
                </a:lnTo>
                <a:lnTo>
                  <a:pt x="283463" y="201168"/>
                </a:lnTo>
                <a:lnTo>
                  <a:pt x="297179" y="201168"/>
                </a:lnTo>
                <a:lnTo>
                  <a:pt x="297179" y="195072"/>
                </a:lnTo>
                <a:close/>
              </a:path>
              <a:path w="1083945" h="402589">
                <a:moveTo>
                  <a:pt x="801624" y="195072"/>
                </a:moveTo>
                <a:lnTo>
                  <a:pt x="794003" y="195072"/>
                </a:lnTo>
                <a:lnTo>
                  <a:pt x="801624" y="201168"/>
                </a:lnTo>
                <a:lnTo>
                  <a:pt x="801624" y="195072"/>
                </a:lnTo>
                <a:close/>
              </a:path>
              <a:path w="1083945" h="402589">
                <a:moveTo>
                  <a:pt x="1045463" y="195072"/>
                </a:moveTo>
                <a:lnTo>
                  <a:pt x="801624" y="195072"/>
                </a:lnTo>
                <a:lnTo>
                  <a:pt x="801624" y="201168"/>
                </a:lnTo>
                <a:lnTo>
                  <a:pt x="1029527" y="201168"/>
                </a:lnTo>
                <a:lnTo>
                  <a:pt x="1045463" y="195072"/>
                </a:lnTo>
                <a:close/>
              </a:path>
              <a:path w="1083945" h="402589">
                <a:moveTo>
                  <a:pt x="297179" y="7620"/>
                </a:moveTo>
                <a:lnTo>
                  <a:pt x="289560" y="13716"/>
                </a:lnTo>
                <a:lnTo>
                  <a:pt x="297179" y="13716"/>
                </a:lnTo>
                <a:lnTo>
                  <a:pt x="297179" y="7620"/>
                </a:lnTo>
                <a:close/>
              </a:path>
              <a:path w="1083945" h="402589">
                <a:moveTo>
                  <a:pt x="787907" y="7620"/>
                </a:moveTo>
                <a:lnTo>
                  <a:pt x="297179" y="7620"/>
                </a:lnTo>
                <a:lnTo>
                  <a:pt x="297179" y="13716"/>
                </a:lnTo>
                <a:lnTo>
                  <a:pt x="787907" y="13716"/>
                </a:lnTo>
                <a:lnTo>
                  <a:pt x="787907" y="7620"/>
                </a:lnTo>
                <a:close/>
              </a:path>
              <a:path w="1083945" h="402589">
                <a:moveTo>
                  <a:pt x="801624" y="7620"/>
                </a:moveTo>
                <a:lnTo>
                  <a:pt x="787907" y="7620"/>
                </a:lnTo>
                <a:lnTo>
                  <a:pt x="794003" y="13716"/>
                </a:lnTo>
                <a:lnTo>
                  <a:pt x="801624" y="13716"/>
                </a:lnTo>
                <a:lnTo>
                  <a:pt x="801624" y="7620"/>
                </a:lnTo>
                <a:close/>
              </a:path>
            </a:pathLst>
          </a:custGeom>
          <a:solidFill>
            <a:srgbClr val="000000"/>
          </a:solidFill>
        </p:spPr>
        <p:txBody>
          <a:bodyPr wrap="square" lIns="0" tIns="0" rIns="0" bIns="0" rtlCol="0"/>
          <a:lstStyle/>
          <a:p>
            <a:endParaRPr sz="1539"/>
          </a:p>
        </p:txBody>
      </p:sp>
      <p:graphicFrame>
        <p:nvGraphicFramePr>
          <p:cNvPr id="7" name="object 7"/>
          <p:cNvGraphicFramePr>
            <a:graphicFrameLocks noGrp="1"/>
          </p:cNvGraphicFramePr>
          <p:nvPr/>
        </p:nvGraphicFramePr>
        <p:xfrm>
          <a:off x="600985" y="4991517"/>
          <a:ext cx="7877740" cy="1360740"/>
        </p:xfrm>
        <a:graphic>
          <a:graphicData uri="http://schemas.openxmlformats.org/drawingml/2006/table">
            <a:tbl>
              <a:tblPr firstRow="1" bandRow="1">
                <a:tableStyleId>{2D5ABB26-0587-4C30-8999-92F81FD0307C}</a:tableStyleId>
              </a:tblPr>
              <a:tblGrid>
                <a:gridCol w="1207616">
                  <a:extLst>
                    <a:ext uri="{9D8B030D-6E8A-4147-A177-3AD203B41FA5}">
                      <a16:colId xmlns:a16="http://schemas.microsoft.com/office/drawing/2014/main" val="20000"/>
                    </a:ext>
                  </a:extLst>
                </a:gridCol>
                <a:gridCol w="1003451">
                  <a:extLst>
                    <a:ext uri="{9D8B030D-6E8A-4147-A177-3AD203B41FA5}">
                      <a16:colId xmlns:a16="http://schemas.microsoft.com/office/drawing/2014/main" val="20001"/>
                    </a:ext>
                  </a:extLst>
                </a:gridCol>
                <a:gridCol w="5666673">
                  <a:extLst>
                    <a:ext uri="{9D8B030D-6E8A-4147-A177-3AD203B41FA5}">
                      <a16:colId xmlns:a16="http://schemas.microsoft.com/office/drawing/2014/main" val="20002"/>
                    </a:ext>
                  </a:extLst>
                </a:gridCol>
              </a:tblGrid>
              <a:tr h="206337">
                <a:tc>
                  <a:txBody>
                    <a:bodyPr/>
                    <a:lstStyle/>
                    <a:p>
                      <a:pPr marL="31750">
                        <a:lnSpc>
                          <a:spcPts val="1800"/>
                        </a:lnSpc>
                      </a:pPr>
                      <a:r>
                        <a:rPr sz="1500" spc="-25" dirty="0">
                          <a:latin typeface="ＭＳ Ｐゴシック"/>
                          <a:cs typeface="ＭＳ Ｐゴシック"/>
                        </a:rPr>
                        <a:t>座長</a:t>
                      </a:r>
                      <a:endParaRPr sz="1500">
                        <a:latin typeface="ＭＳ Ｐゴシック"/>
                        <a:cs typeface="ＭＳ Ｐゴシック"/>
                      </a:endParaRPr>
                    </a:p>
                  </a:txBody>
                  <a:tcPr marL="0" marR="0" marT="0" marB="0"/>
                </a:tc>
                <a:tc>
                  <a:txBody>
                    <a:bodyPr/>
                    <a:lstStyle/>
                    <a:p>
                      <a:pPr marL="15875" algn="ctr">
                        <a:lnSpc>
                          <a:spcPts val="1800"/>
                        </a:lnSpc>
                      </a:pPr>
                      <a:r>
                        <a:rPr sz="1500" spc="-5" dirty="0">
                          <a:latin typeface="ＭＳ Ｐゴシック"/>
                          <a:cs typeface="ＭＳ Ｐゴシック"/>
                        </a:rPr>
                        <a:t>小澤 一雅</a:t>
                      </a:r>
                      <a:endParaRPr sz="1500">
                        <a:latin typeface="ＭＳ Ｐゴシック"/>
                        <a:cs typeface="ＭＳ Ｐゴシック"/>
                      </a:endParaRPr>
                    </a:p>
                  </a:txBody>
                  <a:tcPr marL="0" marR="0" marT="0" marB="0"/>
                </a:tc>
                <a:tc>
                  <a:txBody>
                    <a:bodyPr/>
                    <a:lstStyle/>
                    <a:p>
                      <a:pPr marL="105410">
                        <a:lnSpc>
                          <a:spcPts val="1800"/>
                        </a:lnSpc>
                      </a:pPr>
                      <a:r>
                        <a:rPr sz="1500" spc="-5" dirty="0">
                          <a:latin typeface="ＭＳ Ｐゴシック"/>
                          <a:cs typeface="ＭＳ Ｐゴシック"/>
                        </a:rPr>
                        <a:t>東京大学大学院 工学系研究科 教授</a:t>
                      </a:r>
                      <a:endParaRPr sz="1500">
                        <a:latin typeface="ＭＳ Ｐゴシック"/>
                        <a:cs typeface="ＭＳ Ｐゴシック"/>
                      </a:endParaRPr>
                    </a:p>
                  </a:txBody>
                  <a:tcPr marL="0" marR="0" marT="0" marB="0"/>
                </a:tc>
                <a:extLst>
                  <a:ext uri="{0D108BD9-81ED-4DB2-BD59-A6C34878D82A}">
                    <a16:rowId xmlns:a16="http://schemas.microsoft.com/office/drawing/2014/main" val="10000"/>
                  </a:ext>
                </a:extLst>
              </a:tr>
              <a:tr h="225342">
                <a:tc>
                  <a:txBody>
                    <a:bodyPr/>
                    <a:lstStyle/>
                    <a:p>
                      <a:pPr marL="31750">
                        <a:lnSpc>
                          <a:spcPts val="1975"/>
                        </a:lnSpc>
                      </a:pPr>
                      <a:r>
                        <a:rPr sz="1500" spc="-25" dirty="0">
                          <a:latin typeface="ＭＳ Ｐゴシック"/>
                          <a:cs typeface="ＭＳ Ｐゴシック"/>
                        </a:rPr>
                        <a:t>委員</a:t>
                      </a:r>
                      <a:endParaRPr sz="1500">
                        <a:latin typeface="ＭＳ Ｐゴシック"/>
                        <a:cs typeface="ＭＳ Ｐゴシック"/>
                      </a:endParaRPr>
                    </a:p>
                  </a:txBody>
                  <a:tcPr marL="0" marR="0" marT="0" marB="0"/>
                </a:tc>
                <a:tc>
                  <a:txBody>
                    <a:bodyPr/>
                    <a:lstStyle/>
                    <a:p>
                      <a:pPr marL="15875" algn="ctr">
                        <a:lnSpc>
                          <a:spcPts val="1975"/>
                        </a:lnSpc>
                      </a:pPr>
                      <a:r>
                        <a:rPr sz="1500" spc="-5" dirty="0">
                          <a:latin typeface="ＭＳ Ｐゴシック"/>
                          <a:cs typeface="ＭＳ Ｐゴシック"/>
                        </a:rPr>
                        <a:t>堀田 昌英</a:t>
                      </a:r>
                      <a:endParaRPr sz="1500">
                        <a:latin typeface="ＭＳ Ｐゴシック"/>
                        <a:cs typeface="ＭＳ Ｐゴシック"/>
                      </a:endParaRPr>
                    </a:p>
                  </a:txBody>
                  <a:tcPr marL="0" marR="0" marT="0" marB="0"/>
                </a:tc>
                <a:tc>
                  <a:txBody>
                    <a:bodyPr/>
                    <a:lstStyle/>
                    <a:p>
                      <a:pPr marL="105410">
                        <a:lnSpc>
                          <a:spcPts val="1975"/>
                        </a:lnSpc>
                      </a:pPr>
                      <a:r>
                        <a:rPr sz="1500" spc="-5" dirty="0">
                          <a:latin typeface="ＭＳ Ｐゴシック"/>
                          <a:cs typeface="ＭＳ Ｐゴシック"/>
                        </a:rPr>
                        <a:t>東京大学大学院 新領域創成科学研究科 教授</a:t>
                      </a:r>
                      <a:endParaRPr sz="1500">
                        <a:latin typeface="ＭＳ Ｐゴシック"/>
                        <a:cs typeface="ＭＳ Ｐゴシック"/>
                      </a:endParaRPr>
                    </a:p>
                  </a:txBody>
                  <a:tcPr marL="0" marR="0" marT="0" marB="0"/>
                </a:tc>
                <a:extLst>
                  <a:ext uri="{0D108BD9-81ED-4DB2-BD59-A6C34878D82A}">
                    <a16:rowId xmlns:a16="http://schemas.microsoft.com/office/drawing/2014/main" val="10001"/>
                  </a:ext>
                </a:extLst>
              </a:tr>
              <a:tr h="224799">
                <a:tc>
                  <a:txBody>
                    <a:bodyPr/>
                    <a:lstStyle/>
                    <a:p>
                      <a:pPr>
                        <a:lnSpc>
                          <a:spcPct val="100000"/>
                        </a:lnSpc>
                      </a:pPr>
                      <a:endParaRPr sz="1400">
                        <a:latin typeface="Times New Roman"/>
                        <a:cs typeface="Times New Roman"/>
                      </a:endParaRPr>
                    </a:p>
                  </a:txBody>
                  <a:tcPr marL="0" marR="0" marT="0" marB="0"/>
                </a:tc>
                <a:tc>
                  <a:txBody>
                    <a:bodyPr/>
                    <a:lstStyle/>
                    <a:p>
                      <a:pPr marL="15875" algn="ctr">
                        <a:lnSpc>
                          <a:spcPts val="1970"/>
                        </a:lnSpc>
                      </a:pPr>
                      <a:r>
                        <a:rPr sz="1500" spc="-5" dirty="0">
                          <a:latin typeface="ＭＳ Ｐゴシック"/>
                          <a:cs typeface="ＭＳ Ｐゴシック"/>
                        </a:rPr>
                        <a:t>水野 高志</a:t>
                      </a:r>
                      <a:endParaRPr sz="1500">
                        <a:latin typeface="ＭＳ Ｐゴシック"/>
                        <a:cs typeface="ＭＳ Ｐゴシック"/>
                      </a:endParaRPr>
                    </a:p>
                  </a:txBody>
                  <a:tcPr marL="0" marR="0" marT="0" marB="0"/>
                </a:tc>
                <a:tc>
                  <a:txBody>
                    <a:bodyPr/>
                    <a:lstStyle/>
                    <a:p>
                      <a:pPr marL="105410">
                        <a:lnSpc>
                          <a:spcPts val="1970"/>
                        </a:lnSpc>
                      </a:pPr>
                      <a:r>
                        <a:rPr sz="1500" spc="-5" dirty="0">
                          <a:latin typeface="ＭＳ Ｐゴシック"/>
                          <a:cs typeface="ＭＳ Ｐゴシック"/>
                        </a:rPr>
                        <a:t>八千代エンジニヤリング株式会社 取締役 専務執行役員</a:t>
                      </a:r>
                      <a:endParaRPr sz="1500">
                        <a:latin typeface="ＭＳ Ｐゴシック"/>
                        <a:cs typeface="ＭＳ Ｐゴシック"/>
                      </a:endParaRPr>
                    </a:p>
                  </a:txBody>
                  <a:tcPr marL="0" marR="0" marT="0" marB="0"/>
                </a:tc>
                <a:extLst>
                  <a:ext uri="{0D108BD9-81ED-4DB2-BD59-A6C34878D82A}">
                    <a16:rowId xmlns:a16="http://schemas.microsoft.com/office/drawing/2014/main" val="10002"/>
                  </a:ext>
                </a:extLst>
              </a:tr>
              <a:tr h="224799">
                <a:tc>
                  <a:txBody>
                    <a:bodyPr/>
                    <a:lstStyle/>
                    <a:p>
                      <a:pPr marL="31750">
                        <a:lnSpc>
                          <a:spcPts val="1970"/>
                        </a:lnSpc>
                      </a:pPr>
                      <a:r>
                        <a:rPr sz="1500" spc="-10" dirty="0">
                          <a:latin typeface="ＭＳ Ｐゴシック"/>
                          <a:cs typeface="ＭＳ Ｐゴシック"/>
                        </a:rPr>
                        <a:t>オブザーバー</a:t>
                      </a:r>
                      <a:endParaRPr sz="1500">
                        <a:latin typeface="ＭＳ Ｐゴシック"/>
                        <a:cs typeface="ＭＳ Ｐゴシック"/>
                      </a:endParaRPr>
                    </a:p>
                  </a:txBody>
                  <a:tcPr marL="0" marR="0" marT="0" marB="0"/>
                </a:tc>
                <a:tc>
                  <a:txBody>
                    <a:bodyPr/>
                    <a:lstStyle/>
                    <a:p>
                      <a:pPr marL="15875" algn="ctr">
                        <a:lnSpc>
                          <a:spcPts val="1970"/>
                        </a:lnSpc>
                      </a:pPr>
                      <a:r>
                        <a:rPr sz="1500" spc="-5" dirty="0">
                          <a:latin typeface="ＭＳ Ｐゴシック"/>
                          <a:cs typeface="ＭＳ Ｐゴシック"/>
                        </a:rPr>
                        <a:t>植野 芳彦</a:t>
                      </a:r>
                      <a:endParaRPr sz="1500">
                        <a:latin typeface="ＭＳ Ｐゴシック"/>
                        <a:cs typeface="ＭＳ Ｐゴシック"/>
                      </a:endParaRPr>
                    </a:p>
                  </a:txBody>
                  <a:tcPr marL="0" marR="0" marT="0" marB="0"/>
                </a:tc>
                <a:tc>
                  <a:txBody>
                    <a:bodyPr/>
                    <a:lstStyle/>
                    <a:p>
                      <a:pPr marL="105410">
                        <a:lnSpc>
                          <a:spcPts val="1970"/>
                        </a:lnSpc>
                      </a:pPr>
                      <a:r>
                        <a:rPr sz="1500" dirty="0">
                          <a:latin typeface="ＭＳ Ｐゴシック"/>
                          <a:cs typeface="ＭＳ Ｐゴシック"/>
                        </a:rPr>
                        <a:t>富山市 政策参与</a:t>
                      </a:r>
                      <a:endParaRPr sz="1500">
                        <a:latin typeface="ＭＳ Ｐゴシック"/>
                        <a:cs typeface="ＭＳ Ｐゴシック"/>
                      </a:endParaRPr>
                    </a:p>
                  </a:txBody>
                  <a:tcPr marL="0" marR="0" marT="0" marB="0"/>
                </a:tc>
                <a:extLst>
                  <a:ext uri="{0D108BD9-81ED-4DB2-BD59-A6C34878D82A}">
                    <a16:rowId xmlns:a16="http://schemas.microsoft.com/office/drawing/2014/main" val="10003"/>
                  </a:ext>
                </a:extLst>
              </a:tr>
              <a:tr h="206337">
                <a:tc>
                  <a:txBody>
                    <a:bodyPr/>
                    <a:lstStyle/>
                    <a:p>
                      <a:pPr>
                        <a:lnSpc>
                          <a:spcPct val="100000"/>
                        </a:lnSpc>
                      </a:pPr>
                      <a:endParaRPr sz="1200">
                        <a:latin typeface="Times New Roman"/>
                        <a:cs typeface="Times New Roman"/>
                      </a:endParaRPr>
                    </a:p>
                  </a:txBody>
                  <a:tcPr marL="0" marR="0" marT="0" marB="0"/>
                </a:tc>
                <a:tc>
                  <a:txBody>
                    <a:bodyPr/>
                    <a:lstStyle/>
                    <a:p>
                      <a:pPr marL="15875" algn="ctr">
                        <a:lnSpc>
                          <a:spcPts val="1800"/>
                        </a:lnSpc>
                      </a:pPr>
                      <a:r>
                        <a:rPr sz="1500" spc="-5" dirty="0">
                          <a:latin typeface="ＭＳ Ｐゴシック"/>
                          <a:cs typeface="ＭＳ Ｐゴシック"/>
                        </a:rPr>
                        <a:t>中洲 啓太</a:t>
                      </a:r>
                      <a:endParaRPr sz="1500">
                        <a:latin typeface="ＭＳ Ｐゴシック"/>
                        <a:cs typeface="ＭＳ Ｐゴシック"/>
                      </a:endParaRPr>
                    </a:p>
                  </a:txBody>
                  <a:tcPr marL="0" marR="0" marT="0" marB="0"/>
                </a:tc>
                <a:tc>
                  <a:txBody>
                    <a:bodyPr/>
                    <a:lstStyle/>
                    <a:p>
                      <a:pPr marL="105410">
                        <a:lnSpc>
                          <a:spcPts val="1800"/>
                        </a:lnSpc>
                      </a:pPr>
                      <a:r>
                        <a:rPr sz="1500" spc="-5" dirty="0">
                          <a:latin typeface="ＭＳ Ｐゴシック"/>
                          <a:cs typeface="ＭＳ Ｐゴシック"/>
                        </a:rPr>
                        <a:t>国土交通省 国土技術政策総合研究所 社会資本マネジメント研究室長</a:t>
                      </a:r>
                      <a:endParaRPr sz="1500">
                        <a:latin typeface="ＭＳ Ｐゴシック"/>
                        <a:cs typeface="ＭＳ Ｐゴシック"/>
                      </a:endParaRPr>
                    </a:p>
                  </a:txBody>
                  <a:tcPr marL="0" marR="0" marT="0" marB="0"/>
                </a:tc>
                <a:extLst>
                  <a:ext uri="{0D108BD9-81ED-4DB2-BD59-A6C34878D82A}">
                    <a16:rowId xmlns:a16="http://schemas.microsoft.com/office/drawing/2014/main" val="10004"/>
                  </a:ext>
                </a:extLst>
              </a:tr>
            </a:tbl>
          </a:graphicData>
        </a:graphic>
      </p:graphicFrame>
      <p:grpSp>
        <p:nvGrpSpPr>
          <p:cNvPr id="8" name="object 8"/>
          <p:cNvGrpSpPr/>
          <p:nvPr/>
        </p:nvGrpSpPr>
        <p:grpSpPr>
          <a:xfrm>
            <a:off x="7968963" y="293216"/>
            <a:ext cx="1136484" cy="363805"/>
            <a:chOff x="9319259" y="114300"/>
            <a:chExt cx="1329055" cy="425450"/>
          </a:xfrm>
        </p:grpSpPr>
        <p:sp>
          <p:nvSpPr>
            <p:cNvPr id="9" name="object 9"/>
            <p:cNvSpPr/>
            <p:nvPr/>
          </p:nvSpPr>
          <p:spPr>
            <a:xfrm>
              <a:off x="9325355" y="120396"/>
              <a:ext cx="1316990" cy="411480"/>
            </a:xfrm>
            <a:custGeom>
              <a:avLst/>
              <a:gdLst/>
              <a:ahLst/>
              <a:cxnLst/>
              <a:rect l="l" t="t" r="r" b="b"/>
              <a:pathLst>
                <a:path w="1316990" h="411480">
                  <a:moveTo>
                    <a:pt x="1316736" y="0"/>
                  </a:moveTo>
                  <a:lnTo>
                    <a:pt x="0" y="0"/>
                  </a:lnTo>
                  <a:lnTo>
                    <a:pt x="0" y="411479"/>
                  </a:lnTo>
                  <a:lnTo>
                    <a:pt x="1316736" y="411479"/>
                  </a:lnTo>
                  <a:lnTo>
                    <a:pt x="1316736" y="0"/>
                  </a:lnTo>
                  <a:close/>
                </a:path>
              </a:pathLst>
            </a:custGeom>
            <a:solidFill>
              <a:srgbClr val="FFFFFF"/>
            </a:solidFill>
          </p:spPr>
          <p:txBody>
            <a:bodyPr wrap="square" lIns="0" tIns="0" rIns="0" bIns="0" rtlCol="0"/>
            <a:lstStyle/>
            <a:p>
              <a:endParaRPr sz="1539"/>
            </a:p>
          </p:txBody>
        </p:sp>
        <p:sp>
          <p:nvSpPr>
            <p:cNvPr id="10" name="object 10"/>
            <p:cNvSpPr/>
            <p:nvPr/>
          </p:nvSpPr>
          <p:spPr>
            <a:xfrm>
              <a:off x="9319259" y="114300"/>
              <a:ext cx="1329055" cy="425450"/>
            </a:xfrm>
            <a:custGeom>
              <a:avLst/>
              <a:gdLst/>
              <a:ahLst/>
              <a:cxnLst/>
              <a:rect l="l" t="t" r="r" b="b"/>
              <a:pathLst>
                <a:path w="1329054" h="425450">
                  <a:moveTo>
                    <a:pt x="1328928" y="0"/>
                  </a:moveTo>
                  <a:lnTo>
                    <a:pt x="0" y="0"/>
                  </a:lnTo>
                  <a:lnTo>
                    <a:pt x="0" y="425195"/>
                  </a:lnTo>
                  <a:lnTo>
                    <a:pt x="1328928" y="425195"/>
                  </a:lnTo>
                  <a:lnTo>
                    <a:pt x="1328928" y="417575"/>
                  </a:lnTo>
                  <a:lnTo>
                    <a:pt x="13716" y="417575"/>
                  </a:lnTo>
                  <a:lnTo>
                    <a:pt x="6096" y="411479"/>
                  </a:lnTo>
                  <a:lnTo>
                    <a:pt x="13716" y="411479"/>
                  </a:lnTo>
                  <a:lnTo>
                    <a:pt x="13716" y="13715"/>
                  </a:lnTo>
                  <a:lnTo>
                    <a:pt x="6096" y="13715"/>
                  </a:lnTo>
                  <a:lnTo>
                    <a:pt x="13716" y="6095"/>
                  </a:lnTo>
                  <a:lnTo>
                    <a:pt x="1328928" y="6095"/>
                  </a:lnTo>
                  <a:lnTo>
                    <a:pt x="1328928" y="0"/>
                  </a:lnTo>
                  <a:close/>
                </a:path>
                <a:path w="1329054" h="425450">
                  <a:moveTo>
                    <a:pt x="13716" y="411479"/>
                  </a:moveTo>
                  <a:lnTo>
                    <a:pt x="6096" y="411479"/>
                  </a:lnTo>
                  <a:lnTo>
                    <a:pt x="13716" y="417575"/>
                  </a:lnTo>
                  <a:lnTo>
                    <a:pt x="13716" y="411479"/>
                  </a:lnTo>
                  <a:close/>
                </a:path>
                <a:path w="1329054" h="425450">
                  <a:moveTo>
                    <a:pt x="1315212" y="411479"/>
                  </a:moveTo>
                  <a:lnTo>
                    <a:pt x="13716" y="411479"/>
                  </a:lnTo>
                  <a:lnTo>
                    <a:pt x="13716" y="417575"/>
                  </a:lnTo>
                  <a:lnTo>
                    <a:pt x="1315212" y="417575"/>
                  </a:lnTo>
                  <a:lnTo>
                    <a:pt x="1315212" y="411479"/>
                  </a:lnTo>
                  <a:close/>
                </a:path>
                <a:path w="1329054" h="425450">
                  <a:moveTo>
                    <a:pt x="1315212" y="6095"/>
                  </a:moveTo>
                  <a:lnTo>
                    <a:pt x="1315212" y="417575"/>
                  </a:lnTo>
                  <a:lnTo>
                    <a:pt x="1322832" y="411479"/>
                  </a:lnTo>
                  <a:lnTo>
                    <a:pt x="1328928" y="411479"/>
                  </a:lnTo>
                  <a:lnTo>
                    <a:pt x="1328928" y="13715"/>
                  </a:lnTo>
                  <a:lnTo>
                    <a:pt x="1322832" y="13715"/>
                  </a:lnTo>
                  <a:lnTo>
                    <a:pt x="1315212" y="6095"/>
                  </a:lnTo>
                  <a:close/>
                </a:path>
                <a:path w="1329054" h="425450">
                  <a:moveTo>
                    <a:pt x="1328928" y="411479"/>
                  </a:moveTo>
                  <a:lnTo>
                    <a:pt x="1322832" y="411479"/>
                  </a:lnTo>
                  <a:lnTo>
                    <a:pt x="1315212" y="417575"/>
                  </a:lnTo>
                  <a:lnTo>
                    <a:pt x="1328928" y="417575"/>
                  </a:lnTo>
                  <a:lnTo>
                    <a:pt x="1328928" y="411479"/>
                  </a:lnTo>
                  <a:close/>
                </a:path>
                <a:path w="1329054" h="425450">
                  <a:moveTo>
                    <a:pt x="13716" y="6095"/>
                  </a:moveTo>
                  <a:lnTo>
                    <a:pt x="6096" y="13715"/>
                  </a:lnTo>
                  <a:lnTo>
                    <a:pt x="13716" y="13715"/>
                  </a:lnTo>
                  <a:lnTo>
                    <a:pt x="13716" y="6095"/>
                  </a:lnTo>
                  <a:close/>
                </a:path>
                <a:path w="1329054" h="425450">
                  <a:moveTo>
                    <a:pt x="1315212" y="6095"/>
                  </a:moveTo>
                  <a:lnTo>
                    <a:pt x="13716" y="6095"/>
                  </a:lnTo>
                  <a:lnTo>
                    <a:pt x="13716" y="13715"/>
                  </a:lnTo>
                  <a:lnTo>
                    <a:pt x="1315212" y="13715"/>
                  </a:lnTo>
                  <a:lnTo>
                    <a:pt x="1315212" y="6095"/>
                  </a:lnTo>
                  <a:close/>
                </a:path>
                <a:path w="1329054" h="425450">
                  <a:moveTo>
                    <a:pt x="1328928" y="6095"/>
                  </a:moveTo>
                  <a:lnTo>
                    <a:pt x="1315212" y="6095"/>
                  </a:lnTo>
                  <a:lnTo>
                    <a:pt x="1322832" y="13715"/>
                  </a:lnTo>
                  <a:lnTo>
                    <a:pt x="1328928" y="13715"/>
                  </a:lnTo>
                  <a:lnTo>
                    <a:pt x="1328928" y="6095"/>
                  </a:lnTo>
                  <a:close/>
                </a:path>
              </a:pathLst>
            </a:custGeom>
            <a:solidFill>
              <a:srgbClr val="3F87C8"/>
            </a:solidFill>
          </p:spPr>
          <p:txBody>
            <a:bodyPr wrap="square" lIns="0" tIns="0" rIns="0" bIns="0" rtlCol="0"/>
            <a:lstStyle/>
            <a:p>
              <a:endParaRPr sz="1539"/>
            </a:p>
          </p:txBody>
        </p:sp>
      </p:grpSp>
      <p:sp>
        <p:nvSpPr>
          <p:cNvPr id="11" name="object 11"/>
          <p:cNvSpPr txBox="1"/>
          <p:nvPr/>
        </p:nvSpPr>
        <p:spPr>
          <a:xfrm>
            <a:off x="8007624" y="347516"/>
            <a:ext cx="1060465" cy="223666"/>
          </a:xfrm>
          <a:prstGeom prst="rect">
            <a:avLst/>
          </a:prstGeom>
        </p:spPr>
        <p:txBody>
          <a:bodyPr vert="horz" wrap="square" lIns="0" tIns="13032" rIns="0" bIns="0" rtlCol="0">
            <a:spAutoFit/>
          </a:bodyPr>
          <a:lstStyle/>
          <a:p>
            <a:pPr marL="10860">
              <a:spcBef>
                <a:spcPts val="103"/>
              </a:spcBef>
            </a:pPr>
            <a:r>
              <a:rPr sz="1368" spc="-9" dirty="0">
                <a:solidFill>
                  <a:srgbClr val="3F87C8"/>
                </a:solidFill>
                <a:latin typeface="ＭＳ Ｐゴシック"/>
                <a:cs typeface="ＭＳ Ｐゴシック"/>
              </a:rPr>
              <a:t>横断的な取組</a:t>
            </a:r>
            <a:endParaRPr sz="1368">
              <a:latin typeface="ＭＳ Ｐゴシック"/>
              <a:cs typeface="ＭＳ Ｐゴシック"/>
            </a:endParaRPr>
          </a:p>
        </p:txBody>
      </p:sp>
      <p:sp>
        <p:nvSpPr>
          <p:cNvPr id="12" name="object 12"/>
          <p:cNvSpPr/>
          <p:nvPr/>
        </p:nvSpPr>
        <p:spPr>
          <a:xfrm>
            <a:off x="238482" y="755847"/>
            <a:ext cx="8654763" cy="954038"/>
          </a:xfrm>
          <a:custGeom>
            <a:avLst/>
            <a:gdLst/>
            <a:ahLst/>
            <a:cxnLst/>
            <a:rect l="l" t="t" r="r" b="b"/>
            <a:pathLst>
              <a:path w="10121265" h="1115695">
                <a:moveTo>
                  <a:pt x="10120884" y="0"/>
                </a:moveTo>
                <a:lnTo>
                  <a:pt x="0" y="0"/>
                </a:lnTo>
                <a:lnTo>
                  <a:pt x="0" y="1115568"/>
                </a:lnTo>
                <a:lnTo>
                  <a:pt x="10120884" y="1115568"/>
                </a:lnTo>
                <a:lnTo>
                  <a:pt x="10120884" y="1104900"/>
                </a:lnTo>
                <a:lnTo>
                  <a:pt x="21335" y="1104900"/>
                </a:lnTo>
                <a:lnTo>
                  <a:pt x="10667" y="1094232"/>
                </a:lnTo>
                <a:lnTo>
                  <a:pt x="21335" y="1094232"/>
                </a:lnTo>
                <a:lnTo>
                  <a:pt x="21335" y="19812"/>
                </a:lnTo>
                <a:lnTo>
                  <a:pt x="10667" y="19812"/>
                </a:lnTo>
                <a:lnTo>
                  <a:pt x="21335" y="10668"/>
                </a:lnTo>
                <a:lnTo>
                  <a:pt x="10120884" y="10668"/>
                </a:lnTo>
                <a:lnTo>
                  <a:pt x="10120884" y="0"/>
                </a:lnTo>
                <a:close/>
              </a:path>
              <a:path w="10121265" h="1115695">
                <a:moveTo>
                  <a:pt x="21335" y="1094232"/>
                </a:moveTo>
                <a:lnTo>
                  <a:pt x="10667" y="1094232"/>
                </a:lnTo>
                <a:lnTo>
                  <a:pt x="21335" y="1104900"/>
                </a:lnTo>
                <a:lnTo>
                  <a:pt x="21335" y="1094232"/>
                </a:lnTo>
                <a:close/>
              </a:path>
              <a:path w="10121265" h="1115695">
                <a:moveTo>
                  <a:pt x="10101072" y="1094232"/>
                </a:moveTo>
                <a:lnTo>
                  <a:pt x="21335" y="1094232"/>
                </a:lnTo>
                <a:lnTo>
                  <a:pt x="21335" y="1104900"/>
                </a:lnTo>
                <a:lnTo>
                  <a:pt x="10101072" y="1104900"/>
                </a:lnTo>
                <a:lnTo>
                  <a:pt x="10101072" y="1094232"/>
                </a:lnTo>
                <a:close/>
              </a:path>
              <a:path w="10121265" h="1115695">
                <a:moveTo>
                  <a:pt x="10101072" y="10668"/>
                </a:moveTo>
                <a:lnTo>
                  <a:pt x="10101072" y="1104900"/>
                </a:lnTo>
                <a:lnTo>
                  <a:pt x="10111740" y="1094232"/>
                </a:lnTo>
                <a:lnTo>
                  <a:pt x="10120884" y="1094232"/>
                </a:lnTo>
                <a:lnTo>
                  <a:pt x="10120884" y="19812"/>
                </a:lnTo>
                <a:lnTo>
                  <a:pt x="10111740" y="19812"/>
                </a:lnTo>
                <a:lnTo>
                  <a:pt x="10101072" y="10668"/>
                </a:lnTo>
                <a:close/>
              </a:path>
              <a:path w="10121265" h="1115695">
                <a:moveTo>
                  <a:pt x="10120884" y="1094232"/>
                </a:moveTo>
                <a:lnTo>
                  <a:pt x="10111740" y="1094232"/>
                </a:lnTo>
                <a:lnTo>
                  <a:pt x="10101072" y="1104900"/>
                </a:lnTo>
                <a:lnTo>
                  <a:pt x="10120884" y="1104900"/>
                </a:lnTo>
                <a:lnTo>
                  <a:pt x="10120884" y="1094232"/>
                </a:lnTo>
                <a:close/>
              </a:path>
              <a:path w="10121265" h="1115695">
                <a:moveTo>
                  <a:pt x="21335" y="10668"/>
                </a:moveTo>
                <a:lnTo>
                  <a:pt x="10667" y="19812"/>
                </a:lnTo>
                <a:lnTo>
                  <a:pt x="21335" y="19812"/>
                </a:lnTo>
                <a:lnTo>
                  <a:pt x="21335" y="10668"/>
                </a:lnTo>
                <a:close/>
              </a:path>
              <a:path w="10121265" h="1115695">
                <a:moveTo>
                  <a:pt x="10101072" y="10668"/>
                </a:moveTo>
                <a:lnTo>
                  <a:pt x="21335" y="10668"/>
                </a:lnTo>
                <a:lnTo>
                  <a:pt x="21335" y="19812"/>
                </a:lnTo>
                <a:lnTo>
                  <a:pt x="10101072" y="19812"/>
                </a:lnTo>
                <a:lnTo>
                  <a:pt x="10101072" y="10668"/>
                </a:lnTo>
                <a:close/>
              </a:path>
              <a:path w="10121265" h="1115695">
                <a:moveTo>
                  <a:pt x="10120884" y="10668"/>
                </a:moveTo>
                <a:lnTo>
                  <a:pt x="10101072" y="10668"/>
                </a:lnTo>
                <a:lnTo>
                  <a:pt x="10111740" y="19812"/>
                </a:lnTo>
                <a:lnTo>
                  <a:pt x="10120884" y="19812"/>
                </a:lnTo>
                <a:lnTo>
                  <a:pt x="10120884" y="10668"/>
                </a:lnTo>
                <a:close/>
              </a:path>
            </a:pathLst>
          </a:custGeom>
          <a:solidFill>
            <a:srgbClr val="000000"/>
          </a:solidFill>
        </p:spPr>
        <p:txBody>
          <a:bodyPr wrap="square" lIns="0" tIns="0" rIns="0" bIns="0" rtlCol="0"/>
          <a:lstStyle/>
          <a:p>
            <a:endParaRPr sz="1539"/>
          </a:p>
        </p:txBody>
      </p:sp>
      <p:sp>
        <p:nvSpPr>
          <p:cNvPr id="13" name="object 13"/>
          <p:cNvSpPr txBox="1"/>
          <p:nvPr/>
        </p:nvSpPr>
        <p:spPr>
          <a:xfrm>
            <a:off x="294084" y="849241"/>
            <a:ext cx="8545079" cy="2305173"/>
          </a:xfrm>
          <a:prstGeom prst="rect">
            <a:avLst/>
          </a:prstGeom>
        </p:spPr>
        <p:txBody>
          <a:bodyPr vert="horz" wrap="square" lIns="0" tIns="19548" rIns="0" bIns="0" rtlCol="0">
            <a:spAutoFit/>
          </a:bodyPr>
          <a:lstStyle/>
          <a:p>
            <a:pPr marL="327422" marR="4344" indent="-317105">
              <a:lnSpc>
                <a:spcPts val="1992"/>
              </a:lnSpc>
              <a:spcBef>
                <a:spcPts val="154"/>
              </a:spcBef>
              <a:buChar char="○"/>
              <a:tabLst>
                <a:tab pos="327422" algn="l"/>
              </a:tabLst>
            </a:pPr>
            <a:r>
              <a:rPr sz="1667" spc="-21" dirty="0">
                <a:latin typeface="ＭＳ Ｐゴシック"/>
                <a:cs typeface="ＭＳ Ｐゴシック"/>
              </a:rPr>
              <a:t>民間活力活用促進WG</a:t>
            </a:r>
            <a:r>
              <a:rPr sz="1667" spc="-30" dirty="0">
                <a:latin typeface="ＭＳ Ｐゴシック"/>
                <a:cs typeface="ＭＳ Ｐゴシック"/>
              </a:rPr>
              <a:t>では、自治体における民間活力の活用方策の事例をグッドプラクティス集にとりまとめることを念頭に、鈴鹿市における包括的民間委託の導入検討等を実施。</a:t>
            </a:r>
            <a:endParaRPr sz="1667">
              <a:latin typeface="ＭＳ Ｐゴシック"/>
              <a:cs typeface="ＭＳ Ｐゴシック"/>
            </a:endParaRPr>
          </a:p>
          <a:p>
            <a:pPr marL="327965" indent="-317105">
              <a:lnSpc>
                <a:spcPts val="1933"/>
              </a:lnSpc>
              <a:buChar char="○"/>
              <a:tabLst>
                <a:tab pos="327965" algn="l"/>
              </a:tabLst>
            </a:pPr>
            <a:r>
              <a:rPr sz="1667" spc="-26" dirty="0">
                <a:latin typeface="ＭＳ Ｐゴシック"/>
                <a:cs typeface="ＭＳ Ｐゴシック"/>
              </a:rPr>
              <a:t>第１回を令和２年２月４日、第２回を令和２年５月</a:t>
            </a:r>
            <a:r>
              <a:rPr sz="1667" spc="-9" dirty="0">
                <a:latin typeface="ＭＳ Ｐゴシック"/>
                <a:cs typeface="ＭＳ Ｐゴシック"/>
              </a:rPr>
              <a:t>28</a:t>
            </a:r>
            <a:r>
              <a:rPr sz="1667" spc="-26" dirty="0">
                <a:latin typeface="ＭＳ Ｐゴシック"/>
                <a:cs typeface="ＭＳ Ｐゴシック"/>
              </a:rPr>
              <a:t>日に開催。</a:t>
            </a:r>
            <a:endParaRPr sz="1667">
              <a:latin typeface="ＭＳ Ｐゴシック"/>
              <a:cs typeface="ＭＳ Ｐゴシック"/>
            </a:endParaRPr>
          </a:p>
          <a:p>
            <a:pPr>
              <a:spcBef>
                <a:spcPts val="38"/>
              </a:spcBef>
            </a:pPr>
            <a:endParaRPr sz="1667">
              <a:latin typeface="ＭＳ Ｐゴシック"/>
              <a:cs typeface="ＭＳ Ｐゴシック"/>
            </a:endParaRPr>
          </a:p>
          <a:p>
            <a:pPr marL="208508"/>
            <a:r>
              <a:rPr sz="1667" u="sng" spc="-30" dirty="0">
                <a:uFill>
                  <a:solidFill>
                    <a:srgbClr val="000000"/>
                  </a:solidFill>
                </a:uFill>
                <a:latin typeface="ＭＳ Ｐゴシック"/>
                <a:cs typeface="ＭＳ Ｐゴシック"/>
              </a:rPr>
              <a:t>①目的</a:t>
            </a:r>
            <a:endParaRPr sz="1667">
              <a:latin typeface="ＭＳ Ｐゴシック"/>
              <a:cs typeface="ＭＳ Ｐゴシック"/>
            </a:endParaRPr>
          </a:p>
          <a:p>
            <a:pPr marL="279096" marR="310589">
              <a:lnSpc>
                <a:spcPct val="101600"/>
              </a:lnSpc>
              <a:spcBef>
                <a:spcPts val="996"/>
              </a:spcBef>
            </a:pPr>
            <a:r>
              <a:rPr sz="1454" spc="4" dirty="0">
                <a:latin typeface="ＭＳ Ｐゴシック"/>
                <a:cs typeface="ＭＳ Ｐゴシック"/>
              </a:rPr>
              <a:t>社会資本のメンテナンス分野において、民間活力の活用は、業務の効率化や創意工夫によるコスト縮減などの効果が期待できることから、人材や財源等に課題を持つ自治体にとって有効な手段の一つであるが、これまでいくつかの活用事例が蓄積されてきているものの、全国の市町村にとって選択肢の一つとしてあがってきていないのが実情。</a:t>
            </a:r>
            <a:endParaRPr sz="1454">
              <a:latin typeface="ＭＳ Ｐゴシック"/>
              <a:cs typeface="ＭＳ Ｐゴシック"/>
            </a:endParaRPr>
          </a:p>
        </p:txBody>
      </p:sp>
      <p:sp>
        <p:nvSpPr>
          <p:cNvPr id="14" name="object 14"/>
          <p:cNvSpPr/>
          <p:nvPr/>
        </p:nvSpPr>
        <p:spPr>
          <a:xfrm>
            <a:off x="13032" y="299733"/>
            <a:ext cx="311678" cy="211224"/>
          </a:xfrm>
          <a:custGeom>
            <a:avLst/>
            <a:gdLst/>
            <a:ahLst/>
            <a:cxnLst/>
            <a:rect l="l" t="t" r="r" b="b"/>
            <a:pathLst>
              <a:path w="364490" h="247015">
                <a:moveTo>
                  <a:pt x="364236" y="0"/>
                </a:moveTo>
                <a:lnTo>
                  <a:pt x="0" y="0"/>
                </a:lnTo>
                <a:lnTo>
                  <a:pt x="0" y="246888"/>
                </a:lnTo>
                <a:lnTo>
                  <a:pt x="364236" y="246888"/>
                </a:lnTo>
                <a:lnTo>
                  <a:pt x="364236" y="239268"/>
                </a:lnTo>
                <a:lnTo>
                  <a:pt x="13716" y="239268"/>
                </a:lnTo>
                <a:lnTo>
                  <a:pt x="7620" y="233172"/>
                </a:lnTo>
                <a:lnTo>
                  <a:pt x="13716" y="233172"/>
                </a:lnTo>
                <a:lnTo>
                  <a:pt x="13716" y="13716"/>
                </a:lnTo>
                <a:lnTo>
                  <a:pt x="7620" y="13716"/>
                </a:lnTo>
                <a:lnTo>
                  <a:pt x="13716" y="6096"/>
                </a:lnTo>
                <a:lnTo>
                  <a:pt x="364236" y="6096"/>
                </a:lnTo>
                <a:lnTo>
                  <a:pt x="364236" y="0"/>
                </a:lnTo>
                <a:close/>
              </a:path>
              <a:path w="364490" h="247015">
                <a:moveTo>
                  <a:pt x="13716" y="233172"/>
                </a:moveTo>
                <a:lnTo>
                  <a:pt x="7620" y="233172"/>
                </a:lnTo>
                <a:lnTo>
                  <a:pt x="13716" y="239268"/>
                </a:lnTo>
                <a:lnTo>
                  <a:pt x="13716" y="233172"/>
                </a:lnTo>
                <a:close/>
              </a:path>
              <a:path w="364490" h="247015">
                <a:moveTo>
                  <a:pt x="350520" y="233172"/>
                </a:moveTo>
                <a:lnTo>
                  <a:pt x="13716" y="233172"/>
                </a:lnTo>
                <a:lnTo>
                  <a:pt x="13716" y="239268"/>
                </a:lnTo>
                <a:lnTo>
                  <a:pt x="350520" y="239268"/>
                </a:lnTo>
                <a:lnTo>
                  <a:pt x="350520" y="233172"/>
                </a:lnTo>
                <a:close/>
              </a:path>
              <a:path w="364490" h="247015">
                <a:moveTo>
                  <a:pt x="350520" y="6096"/>
                </a:moveTo>
                <a:lnTo>
                  <a:pt x="350520" y="239268"/>
                </a:lnTo>
                <a:lnTo>
                  <a:pt x="356616" y="233172"/>
                </a:lnTo>
                <a:lnTo>
                  <a:pt x="364236" y="233172"/>
                </a:lnTo>
                <a:lnTo>
                  <a:pt x="364236" y="13716"/>
                </a:lnTo>
                <a:lnTo>
                  <a:pt x="356616" y="13716"/>
                </a:lnTo>
                <a:lnTo>
                  <a:pt x="350520" y="6096"/>
                </a:lnTo>
                <a:close/>
              </a:path>
              <a:path w="364490" h="247015">
                <a:moveTo>
                  <a:pt x="364236" y="233172"/>
                </a:moveTo>
                <a:lnTo>
                  <a:pt x="356616" y="233172"/>
                </a:lnTo>
                <a:lnTo>
                  <a:pt x="350520" y="239268"/>
                </a:lnTo>
                <a:lnTo>
                  <a:pt x="364236" y="239268"/>
                </a:lnTo>
                <a:lnTo>
                  <a:pt x="364236" y="233172"/>
                </a:lnTo>
                <a:close/>
              </a:path>
              <a:path w="364490" h="247015">
                <a:moveTo>
                  <a:pt x="13716" y="6096"/>
                </a:moveTo>
                <a:lnTo>
                  <a:pt x="7620" y="13716"/>
                </a:lnTo>
                <a:lnTo>
                  <a:pt x="13716" y="13716"/>
                </a:lnTo>
                <a:lnTo>
                  <a:pt x="13716" y="6096"/>
                </a:lnTo>
                <a:close/>
              </a:path>
              <a:path w="364490" h="247015">
                <a:moveTo>
                  <a:pt x="350520" y="6096"/>
                </a:moveTo>
                <a:lnTo>
                  <a:pt x="13716" y="6096"/>
                </a:lnTo>
                <a:lnTo>
                  <a:pt x="13716" y="13716"/>
                </a:lnTo>
                <a:lnTo>
                  <a:pt x="350520" y="13716"/>
                </a:lnTo>
                <a:lnTo>
                  <a:pt x="350520" y="6096"/>
                </a:lnTo>
                <a:close/>
              </a:path>
              <a:path w="364490" h="247015">
                <a:moveTo>
                  <a:pt x="364236" y="6096"/>
                </a:moveTo>
                <a:lnTo>
                  <a:pt x="350520" y="6096"/>
                </a:lnTo>
                <a:lnTo>
                  <a:pt x="356616" y="13716"/>
                </a:lnTo>
                <a:lnTo>
                  <a:pt x="364236" y="13716"/>
                </a:lnTo>
                <a:lnTo>
                  <a:pt x="364236" y="6096"/>
                </a:lnTo>
                <a:close/>
              </a:path>
            </a:pathLst>
          </a:custGeom>
          <a:solidFill>
            <a:srgbClr val="3F87C8"/>
          </a:solidFill>
        </p:spPr>
        <p:txBody>
          <a:bodyPr wrap="square" lIns="0" tIns="0" rIns="0" bIns="0" rtlCol="0"/>
          <a:lstStyle/>
          <a:p>
            <a:endParaRPr sz="1539"/>
          </a:p>
        </p:txBody>
      </p:sp>
      <p:sp>
        <p:nvSpPr>
          <p:cNvPr id="15" name="object 15"/>
          <p:cNvSpPr txBox="1"/>
          <p:nvPr/>
        </p:nvSpPr>
        <p:spPr>
          <a:xfrm>
            <a:off x="82968" y="311027"/>
            <a:ext cx="173758" cy="152435"/>
          </a:xfrm>
          <a:prstGeom prst="rect">
            <a:avLst/>
          </a:prstGeom>
        </p:spPr>
        <p:txBody>
          <a:bodyPr vert="horz" wrap="square" lIns="0" tIns="14118" rIns="0" bIns="0" rtlCol="0">
            <a:spAutoFit/>
          </a:bodyPr>
          <a:lstStyle/>
          <a:p>
            <a:pPr marL="10860">
              <a:spcBef>
                <a:spcPts val="111"/>
              </a:spcBef>
            </a:pPr>
            <a:r>
              <a:rPr sz="898" spc="-21" dirty="0">
                <a:solidFill>
                  <a:srgbClr val="3F87C8"/>
                </a:solidFill>
                <a:latin typeface="ＭＳ Ｐゴシック"/>
                <a:cs typeface="ＭＳ Ｐゴシック"/>
              </a:rPr>
              <a:t>(３)</a:t>
            </a:r>
            <a:endParaRPr sz="898">
              <a:latin typeface="ＭＳ Ｐゴシック"/>
              <a:cs typeface="ＭＳ Ｐゴシック"/>
            </a:endParaRPr>
          </a:p>
        </p:txBody>
      </p:sp>
      <p:sp>
        <p:nvSpPr>
          <p:cNvPr id="16" name="object 16"/>
          <p:cNvSpPr txBox="1"/>
          <p:nvPr/>
        </p:nvSpPr>
        <p:spPr>
          <a:xfrm>
            <a:off x="6804786" y="6187408"/>
            <a:ext cx="1648526" cy="205184"/>
          </a:xfrm>
          <a:prstGeom prst="rect">
            <a:avLst/>
          </a:prstGeom>
        </p:spPr>
        <p:txBody>
          <a:bodyPr vert="horz" wrap="square" lIns="0" tIns="0" rIns="0" bIns="0" rtlCol="0">
            <a:spAutoFit/>
          </a:bodyPr>
          <a:lstStyle/>
          <a:p>
            <a:pPr marL="10860">
              <a:lnSpc>
                <a:spcPts val="1646"/>
              </a:lnSpc>
            </a:pPr>
            <a:r>
              <a:rPr sz="1454" dirty="0">
                <a:latin typeface="ＭＳ Ｐゴシック"/>
                <a:cs typeface="ＭＳ Ｐゴシック"/>
              </a:rPr>
              <a:t>（五十音順、敬称略</a:t>
            </a:r>
            <a:r>
              <a:rPr sz="1454" spc="-43" dirty="0">
                <a:latin typeface="ＭＳ Ｐゴシック"/>
                <a:cs typeface="ＭＳ Ｐゴシック"/>
              </a:rPr>
              <a:t>）</a:t>
            </a:r>
            <a:endParaRPr sz="1454">
              <a:latin typeface="ＭＳ Ｐゴシック"/>
              <a:cs typeface="ＭＳ Ｐゴシック"/>
            </a:endParaRPr>
          </a:p>
        </p:txBody>
      </p:sp>
      <p:sp>
        <p:nvSpPr>
          <p:cNvPr id="17" name="object 17"/>
          <p:cNvSpPr txBox="1"/>
          <p:nvPr/>
        </p:nvSpPr>
        <p:spPr>
          <a:xfrm>
            <a:off x="8848178" y="6306955"/>
            <a:ext cx="198735" cy="192360"/>
          </a:xfrm>
          <a:prstGeom prst="rect">
            <a:avLst/>
          </a:prstGeom>
        </p:spPr>
        <p:txBody>
          <a:bodyPr vert="horz" wrap="square" lIns="0" tIns="0" rIns="0" bIns="0" rtlCol="0">
            <a:spAutoFit/>
          </a:bodyPr>
          <a:lstStyle/>
          <a:p>
            <a:pPr marL="10860">
              <a:lnSpc>
                <a:spcPts val="1548"/>
              </a:lnSpc>
            </a:pPr>
            <a:r>
              <a:rPr sz="1368" spc="-21" dirty="0">
                <a:latin typeface="ＭＳ Ｐゴシック"/>
                <a:cs typeface="ＭＳ Ｐゴシック"/>
              </a:rPr>
              <a:t>20</a:t>
            </a:r>
            <a:endParaRPr sz="1368">
              <a:latin typeface="ＭＳ Ｐゴシック"/>
              <a:cs typeface="ＭＳ Ｐゴシック"/>
            </a:endParaRPr>
          </a:p>
        </p:txBody>
      </p:sp>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8848178" y="6282215"/>
            <a:ext cx="198735" cy="223666"/>
          </a:xfrm>
          <a:prstGeom prst="rect">
            <a:avLst/>
          </a:prstGeom>
        </p:spPr>
        <p:txBody>
          <a:bodyPr vert="horz" wrap="square" lIns="0" tIns="13032" rIns="0" bIns="0" rtlCol="0">
            <a:spAutoFit/>
          </a:bodyPr>
          <a:lstStyle/>
          <a:p>
            <a:pPr marL="10860">
              <a:spcBef>
                <a:spcPts val="103"/>
              </a:spcBef>
            </a:pPr>
            <a:r>
              <a:rPr sz="1368" spc="-21" dirty="0">
                <a:latin typeface="ＭＳ Ｐゴシック"/>
                <a:cs typeface="ＭＳ Ｐゴシック"/>
              </a:rPr>
              <a:t>24</a:t>
            </a:r>
            <a:endParaRPr sz="1368">
              <a:latin typeface="ＭＳ Ｐゴシック"/>
              <a:cs typeface="ＭＳ Ｐゴシック"/>
            </a:endParaRPr>
          </a:p>
        </p:txBody>
      </p:sp>
      <p:sp>
        <p:nvSpPr>
          <p:cNvPr id="3" name="object 3"/>
          <p:cNvSpPr/>
          <p:nvPr/>
        </p:nvSpPr>
        <p:spPr>
          <a:xfrm>
            <a:off x="483481" y="2429134"/>
            <a:ext cx="8175301" cy="1116936"/>
          </a:xfrm>
          <a:custGeom>
            <a:avLst/>
            <a:gdLst/>
            <a:ahLst/>
            <a:cxnLst/>
            <a:rect l="l" t="t" r="r" b="b"/>
            <a:pathLst>
              <a:path w="9560560" h="1306195">
                <a:moveTo>
                  <a:pt x="9558528" y="0"/>
                </a:moveTo>
                <a:lnTo>
                  <a:pt x="3047" y="0"/>
                </a:lnTo>
                <a:lnTo>
                  <a:pt x="0" y="1524"/>
                </a:lnTo>
                <a:lnTo>
                  <a:pt x="0" y="1303020"/>
                </a:lnTo>
                <a:lnTo>
                  <a:pt x="3047" y="1306068"/>
                </a:lnTo>
                <a:lnTo>
                  <a:pt x="9558528" y="1306068"/>
                </a:lnTo>
                <a:lnTo>
                  <a:pt x="9560052" y="1303020"/>
                </a:lnTo>
                <a:lnTo>
                  <a:pt x="9560052" y="1299972"/>
                </a:lnTo>
                <a:lnTo>
                  <a:pt x="10667" y="1299972"/>
                </a:lnTo>
                <a:lnTo>
                  <a:pt x="6095" y="1295400"/>
                </a:lnTo>
                <a:lnTo>
                  <a:pt x="10667" y="1295400"/>
                </a:lnTo>
                <a:lnTo>
                  <a:pt x="10667" y="10668"/>
                </a:lnTo>
                <a:lnTo>
                  <a:pt x="6095" y="10668"/>
                </a:lnTo>
                <a:lnTo>
                  <a:pt x="10667" y="4572"/>
                </a:lnTo>
                <a:lnTo>
                  <a:pt x="9560052" y="4572"/>
                </a:lnTo>
                <a:lnTo>
                  <a:pt x="9560052" y="1524"/>
                </a:lnTo>
                <a:lnTo>
                  <a:pt x="9558528" y="0"/>
                </a:lnTo>
                <a:close/>
              </a:path>
              <a:path w="9560560" h="1306195">
                <a:moveTo>
                  <a:pt x="10667" y="1295400"/>
                </a:moveTo>
                <a:lnTo>
                  <a:pt x="6095" y="1295400"/>
                </a:lnTo>
                <a:lnTo>
                  <a:pt x="10667" y="1299972"/>
                </a:lnTo>
                <a:lnTo>
                  <a:pt x="10667" y="1295400"/>
                </a:lnTo>
                <a:close/>
              </a:path>
              <a:path w="9560560" h="1306195">
                <a:moveTo>
                  <a:pt x="9550908" y="1295400"/>
                </a:moveTo>
                <a:lnTo>
                  <a:pt x="10667" y="1295400"/>
                </a:lnTo>
                <a:lnTo>
                  <a:pt x="10667" y="1299972"/>
                </a:lnTo>
                <a:lnTo>
                  <a:pt x="9550908" y="1299972"/>
                </a:lnTo>
                <a:lnTo>
                  <a:pt x="9550908" y="1295400"/>
                </a:lnTo>
                <a:close/>
              </a:path>
              <a:path w="9560560" h="1306195">
                <a:moveTo>
                  <a:pt x="9550908" y="4572"/>
                </a:moveTo>
                <a:lnTo>
                  <a:pt x="9550908" y="1299972"/>
                </a:lnTo>
                <a:lnTo>
                  <a:pt x="9555480" y="1295400"/>
                </a:lnTo>
                <a:lnTo>
                  <a:pt x="9560052" y="1295400"/>
                </a:lnTo>
                <a:lnTo>
                  <a:pt x="9560052" y="10668"/>
                </a:lnTo>
                <a:lnTo>
                  <a:pt x="9555480" y="10668"/>
                </a:lnTo>
                <a:lnTo>
                  <a:pt x="9550908" y="4572"/>
                </a:lnTo>
                <a:close/>
              </a:path>
              <a:path w="9560560" h="1306195">
                <a:moveTo>
                  <a:pt x="9560052" y="1295400"/>
                </a:moveTo>
                <a:lnTo>
                  <a:pt x="9555480" y="1295400"/>
                </a:lnTo>
                <a:lnTo>
                  <a:pt x="9550908" y="1299972"/>
                </a:lnTo>
                <a:lnTo>
                  <a:pt x="9560052" y="1299972"/>
                </a:lnTo>
                <a:lnTo>
                  <a:pt x="9560052" y="1295400"/>
                </a:lnTo>
                <a:close/>
              </a:path>
              <a:path w="9560560" h="1306195">
                <a:moveTo>
                  <a:pt x="10667" y="4572"/>
                </a:moveTo>
                <a:lnTo>
                  <a:pt x="6095" y="10668"/>
                </a:lnTo>
                <a:lnTo>
                  <a:pt x="10667" y="10668"/>
                </a:lnTo>
                <a:lnTo>
                  <a:pt x="10667" y="4572"/>
                </a:lnTo>
                <a:close/>
              </a:path>
              <a:path w="9560560" h="1306195">
                <a:moveTo>
                  <a:pt x="9550908" y="4572"/>
                </a:moveTo>
                <a:lnTo>
                  <a:pt x="10667" y="4572"/>
                </a:lnTo>
                <a:lnTo>
                  <a:pt x="10667" y="10668"/>
                </a:lnTo>
                <a:lnTo>
                  <a:pt x="9550908" y="10668"/>
                </a:lnTo>
                <a:lnTo>
                  <a:pt x="9550908" y="4572"/>
                </a:lnTo>
                <a:close/>
              </a:path>
              <a:path w="9560560" h="1306195">
                <a:moveTo>
                  <a:pt x="9560052" y="4572"/>
                </a:moveTo>
                <a:lnTo>
                  <a:pt x="9550908" y="4572"/>
                </a:lnTo>
                <a:lnTo>
                  <a:pt x="9555480" y="10668"/>
                </a:lnTo>
                <a:lnTo>
                  <a:pt x="9560052" y="10668"/>
                </a:lnTo>
                <a:lnTo>
                  <a:pt x="9560052" y="4572"/>
                </a:lnTo>
                <a:close/>
              </a:path>
            </a:pathLst>
          </a:custGeom>
          <a:solidFill>
            <a:srgbClr val="000000"/>
          </a:solidFill>
        </p:spPr>
        <p:txBody>
          <a:bodyPr wrap="square" lIns="0" tIns="0" rIns="0" bIns="0" rtlCol="0"/>
          <a:lstStyle/>
          <a:p>
            <a:endParaRPr sz="1539"/>
          </a:p>
        </p:txBody>
      </p:sp>
      <p:sp>
        <p:nvSpPr>
          <p:cNvPr id="4" name="object 4"/>
          <p:cNvSpPr/>
          <p:nvPr/>
        </p:nvSpPr>
        <p:spPr>
          <a:xfrm>
            <a:off x="475661" y="3947341"/>
            <a:ext cx="8182903" cy="548966"/>
          </a:xfrm>
          <a:custGeom>
            <a:avLst/>
            <a:gdLst/>
            <a:ahLst/>
            <a:cxnLst/>
            <a:rect l="l" t="t" r="r" b="b"/>
            <a:pathLst>
              <a:path w="9569450" h="641985">
                <a:moveTo>
                  <a:pt x="9567672" y="0"/>
                </a:moveTo>
                <a:lnTo>
                  <a:pt x="1524" y="0"/>
                </a:lnTo>
                <a:lnTo>
                  <a:pt x="0" y="3047"/>
                </a:lnTo>
                <a:lnTo>
                  <a:pt x="0" y="640080"/>
                </a:lnTo>
                <a:lnTo>
                  <a:pt x="1524" y="641603"/>
                </a:lnTo>
                <a:lnTo>
                  <a:pt x="9567672" y="641603"/>
                </a:lnTo>
                <a:lnTo>
                  <a:pt x="9569196" y="640080"/>
                </a:lnTo>
                <a:lnTo>
                  <a:pt x="9569196" y="637032"/>
                </a:lnTo>
                <a:lnTo>
                  <a:pt x="9144" y="637032"/>
                </a:lnTo>
                <a:lnTo>
                  <a:pt x="4571" y="630935"/>
                </a:lnTo>
                <a:lnTo>
                  <a:pt x="9144" y="630935"/>
                </a:lnTo>
                <a:lnTo>
                  <a:pt x="9144" y="10668"/>
                </a:lnTo>
                <a:lnTo>
                  <a:pt x="4571" y="10668"/>
                </a:lnTo>
                <a:lnTo>
                  <a:pt x="9144" y="6095"/>
                </a:lnTo>
                <a:lnTo>
                  <a:pt x="9569196" y="6095"/>
                </a:lnTo>
                <a:lnTo>
                  <a:pt x="9569196" y="3047"/>
                </a:lnTo>
                <a:lnTo>
                  <a:pt x="9567672" y="0"/>
                </a:lnTo>
                <a:close/>
              </a:path>
              <a:path w="9569450" h="641985">
                <a:moveTo>
                  <a:pt x="9144" y="630935"/>
                </a:moveTo>
                <a:lnTo>
                  <a:pt x="4571" y="630935"/>
                </a:lnTo>
                <a:lnTo>
                  <a:pt x="9144" y="637032"/>
                </a:lnTo>
                <a:lnTo>
                  <a:pt x="9144" y="630935"/>
                </a:lnTo>
                <a:close/>
              </a:path>
              <a:path w="9569450" h="641985">
                <a:moveTo>
                  <a:pt x="9560052" y="630935"/>
                </a:moveTo>
                <a:lnTo>
                  <a:pt x="9144" y="630935"/>
                </a:lnTo>
                <a:lnTo>
                  <a:pt x="9144" y="637032"/>
                </a:lnTo>
                <a:lnTo>
                  <a:pt x="9560052" y="637032"/>
                </a:lnTo>
                <a:lnTo>
                  <a:pt x="9560052" y="630935"/>
                </a:lnTo>
                <a:close/>
              </a:path>
              <a:path w="9569450" h="641985">
                <a:moveTo>
                  <a:pt x="9560052" y="6095"/>
                </a:moveTo>
                <a:lnTo>
                  <a:pt x="9560052" y="637032"/>
                </a:lnTo>
                <a:lnTo>
                  <a:pt x="9564624" y="630935"/>
                </a:lnTo>
                <a:lnTo>
                  <a:pt x="9569196" y="630935"/>
                </a:lnTo>
                <a:lnTo>
                  <a:pt x="9569196" y="10668"/>
                </a:lnTo>
                <a:lnTo>
                  <a:pt x="9564624" y="10668"/>
                </a:lnTo>
                <a:lnTo>
                  <a:pt x="9560052" y="6095"/>
                </a:lnTo>
                <a:close/>
              </a:path>
              <a:path w="9569450" h="641985">
                <a:moveTo>
                  <a:pt x="9569196" y="630935"/>
                </a:moveTo>
                <a:lnTo>
                  <a:pt x="9564624" y="630935"/>
                </a:lnTo>
                <a:lnTo>
                  <a:pt x="9560052" y="637032"/>
                </a:lnTo>
                <a:lnTo>
                  <a:pt x="9569196" y="637032"/>
                </a:lnTo>
                <a:lnTo>
                  <a:pt x="9569196" y="630935"/>
                </a:lnTo>
                <a:close/>
              </a:path>
              <a:path w="9569450" h="641985">
                <a:moveTo>
                  <a:pt x="9144" y="6095"/>
                </a:moveTo>
                <a:lnTo>
                  <a:pt x="4571" y="10668"/>
                </a:lnTo>
                <a:lnTo>
                  <a:pt x="9144" y="10668"/>
                </a:lnTo>
                <a:lnTo>
                  <a:pt x="9144" y="6095"/>
                </a:lnTo>
                <a:close/>
              </a:path>
              <a:path w="9569450" h="641985">
                <a:moveTo>
                  <a:pt x="9560052" y="6095"/>
                </a:moveTo>
                <a:lnTo>
                  <a:pt x="9144" y="6095"/>
                </a:lnTo>
                <a:lnTo>
                  <a:pt x="9144" y="10668"/>
                </a:lnTo>
                <a:lnTo>
                  <a:pt x="9560052" y="10668"/>
                </a:lnTo>
                <a:lnTo>
                  <a:pt x="9560052" y="6095"/>
                </a:lnTo>
                <a:close/>
              </a:path>
              <a:path w="9569450" h="641985">
                <a:moveTo>
                  <a:pt x="9569196" y="6095"/>
                </a:moveTo>
                <a:lnTo>
                  <a:pt x="9560052" y="6095"/>
                </a:lnTo>
                <a:lnTo>
                  <a:pt x="9564624" y="10668"/>
                </a:lnTo>
                <a:lnTo>
                  <a:pt x="9569196" y="10668"/>
                </a:lnTo>
                <a:lnTo>
                  <a:pt x="9569196" y="6095"/>
                </a:lnTo>
                <a:close/>
              </a:path>
            </a:pathLst>
          </a:custGeom>
          <a:solidFill>
            <a:srgbClr val="000000"/>
          </a:solidFill>
        </p:spPr>
        <p:txBody>
          <a:bodyPr wrap="square" lIns="0" tIns="0" rIns="0" bIns="0" rtlCol="0"/>
          <a:lstStyle/>
          <a:p>
            <a:endParaRPr sz="1539"/>
          </a:p>
        </p:txBody>
      </p:sp>
      <p:sp>
        <p:nvSpPr>
          <p:cNvPr id="5" name="object 5"/>
          <p:cNvSpPr/>
          <p:nvPr/>
        </p:nvSpPr>
        <p:spPr>
          <a:xfrm>
            <a:off x="4107632" y="3604604"/>
            <a:ext cx="775394" cy="285614"/>
          </a:xfrm>
          <a:custGeom>
            <a:avLst/>
            <a:gdLst/>
            <a:ahLst/>
            <a:cxnLst/>
            <a:rect l="l" t="t" r="r" b="b"/>
            <a:pathLst>
              <a:path w="906779" h="334010">
                <a:moveTo>
                  <a:pt x="39624" y="160020"/>
                </a:moveTo>
                <a:lnTo>
                  <a:pt x="0" y="160020"/>
                </a:lnTo>
                <a:lnTo>
                  <a:pt x="454151" y="333756"/>
                </a:lnTo>
                <a:lnTo>
                  <a:pt x="489885" y="320039"/>
                </a:lnTo>
                <a:lnTo>
                  <a:pt x="451103" y="320039"/>
                </a:lnTo>
                <a:lnTo>
                  <a:pt x="453389" y="319160"/>
                </a:lnTo>
                <a:lnTo>
                  <a:pt x="75285" y="173736"/>
                </a:lnTo>
                <a:lnTo>
                  <a:pt x="36575" y="173736"/>
                </a:lnTo>
                <a:lnTo>
                  <a:pt x="39624" y="160020"/>
                </a:lnTo>
                <a:close/>
              </a:path>
              <a:path w="906779" h="334010">
                <a:moveTo>
                  <a:pt x="453389" y="319160"/>
                </a:moveTo>
                <a:lnTo>
                  <a:pt x="451103" y="320039"/>
                </a:lnTo>
                <a:lnTo>
                  <a:pt x="455675" y="320039"/>
                </a:lnTo>
                <a:lnTo>
                  <a:pt x="453389" y="319160"/>
                </a:lnTo>
                <a:close/>
              </a:path>
              <a:path w="906779" h="334010">
                <a:moveTo>
                  <a:pt x="867155" y="160020"/>
                </a:moveTo>
                <a:lnTo>
                  <a:pt x="453389" y="319160"/>
                </a:lnTo>
                <a:lnTo>
                  <a:pt x="455675" y="320039"/>
                </a:lnTo>
                <a:lnTo>
                  <a:pt x="489885" y="320039"/>
                </a:lnTo>
                <a:lnTo>
                  <a:pt x="871046" y="173736"/>
                </a:lnTo>
                <a:lnTo>
                  <a:pt x="870203" y="173736"/>
                </a:lnTo>
                <a:lnTo>
                  <a:pt x="867155" y="160020"/>
                </a:lnTo>
                <a:close/>
              </a:path>
              <a:path w="906779" h="334010">
                <a:moveTo>
                  <a:pt x="39624" y="160020"/>
                </a:moveTo>
                <a:lnTo>
                  <a:pt x="36575" y="173736"/>
                </a:lnTo>
                <a:lnTo>
                  <a:pt x="75285" y="173736"/>
                </a:lnTo>
                <a:lnTo>
                  <a:pt x="39624" y="160020"/>
                </a:lnTo>
                <a:close/>
              </a:path>
              <a:path w="906779" h="334010">
                <a:moveTo>
                  <a:pt x="237743" y="160020"/>
                </a:moveTo>
                <a:lnTo>
                  <a:pt x="39624" y="160020"/>
                </a:lnTo>
                <a:lnTo>
                  <a:pt x="75285" y="173736"/>
                </a:lnTo>
                <a:lnTo>
                  <a:pt x="251460" y="173736"/>
                </a:lnTo>
                <a:lnTo>
                  <a:pt x="251460" y="166115"/>
                </a:lnTo>
                <a:lnTo>
                  <a:pt x="237743" y="166115"/>
                </a:lnTo>
                <a:lnTo>
                  <a:pt x="237743" y="160020"/>
                </a:lnTo>
                <a:close/>
              </a:path>
              <a:path w="906779" h="334010">
                <a:moveTo>
                  <a:pt x="655319" y="6096"/>
                </a:moveTo>
                <a:lnTo>
                  <a:pt x="655319" y="173736"/>
                </a:lnTo>
                <a:lnTo>
                  <a:pt x="831494" y="173736"/>
                </a:lnTo>
                <a:lnTo>
                  <a:pt x="851306" y="166115"/>
                </a:lnTo>
                <a:lnTo>
                  <a:pt x="669036" y="166115"/>
                </a:lnTo>
                <a:lnTo>
                  <a:pt x="661415" y="160020"/>
                </a:lnTo>
                <a:lnTo>
                  <a:pt x="669036" y="160020"/>
                </a:lnTo>
                <a:lnTo>
                  <a:pt x="669036" y="13715"/>
                </a:lnTo>
                <a:lnTo>
                  <a:pt x="661415" y="13715"/>
                </a:lnTo>
                <a:lnTo>
                  <a:pt x="655319" y="6096"/>
                </a:lnTo>
                <a:close/>
              </a:path>
              <a:path w="906779" h="334010">
                <a:moveTo>
                  <a:pt x="906779" y="160020"/>
                </a:moveTo>
                <a:lnTo>
                  <a:pt x="867155" y="160020"/>
                </a:lnTo>
                <a:lnTo>
                  <a:pt x="870203" y="173736"/>
                </a:lnTo>
                <a:lnTo>
                  <a:pt x="871046" y="173736"/>
                </a:lnTo>
                <a:lnTo>
                  <a:pt x="906779" y="160020"/>
                </a:lnTo>
                <a:close/>
              </a:path>
              <a:path w="906779" h="334010">
                <a:moveTo>
                  <a:pt x="669036" y="0"/>
                </a:moveTo>
                <a:lnTo>
                  <a:pt x="237743" y="0"/>
                </a:lnTo>
                <a:lnTo>
                  <a:pt x="237743" y="166115"/>
                </a:lnTo>
                <a:lnTo>
                  <a:pt x="245363" y="160020"/>
                </a:lnTo>
                <a:lnTo>
                  <a:pt x="251460" y="160020"/>
                </a:lnTo>
                <a:lnTo>
                  <a:pt x="251460" y="13715"/>
                </a:lnTo>
                <a:lnTo>
                  <a:pt x="245363" y="13715"/>
                </a:lnTo>
                <a:lnTo>
                  <a:pt x="251460" y="6096"/>
                </a:lnTo>
                <a:lnTo>
                  <a:pt x="669036" y="6096"/>
                </a:lnTo>
                <a:lnTo>
                  <a:pt x="669036" y="0"/>
                </a:lnTo>
                <a:close/>
              </a:path>
              <a:path w="906779" h="334010">
                <a:moveTo>
                  <a:pt x="251460" y="160020"/>
                </a:moveTo>
                <a:lnTo>
                  <a:pt x="245363" y="160020"/>
                </a:lnTo>
                <a:lnTo>
                  <a:pt x="237743" y="166115"/>
                </a:lnTo>
                <a:lnTo>
                  <a:pt x="251460" y="166115"/>
                </a:lnTo>
                <a:lnTo>
                  <a:pt x="251460" y="160020"/>
                </a:lnTo>
                <a:close/>
              </a:path>
              <a:path w="906779" h="334010">
                <a:moveTo>
                  <a:pt x="669036" y="160020"/>
                </a:moveTo>
                <a:lnTo>
                  <a:pt x="661415" y="160020"/>
                </a:lnTo>
                <a:lnTo>
                  <a:pt x="669036" y="166115"/>
                </a:lnTo>
                <a:lnTo>
                  <a:pt x="669036" y="160020"/>
                </a:lnTo>
                <a:close/>
              </a:path>
              <a:path w="906779" h="334010">
                <a:moveTo>
                  <a:pt x="867155" y="160020"/>
                </a:moveTo>
                <a:lnTo>
                  <a:pt x="669036" y="160020"/>
                </a:lnTo>
                <a:lnTo>
                  <a:pt x="669036" y="166115"/>
                </a:lnTo>
                <a:lnTo>
                  <a:pt x="851306" y="166115"/>
                </a:lnTo>
                <a:lnTo>
                  <a:pt x="867155" y="160020"/>
                </a:lnTo>
                <a:close/>
              </a:path>
              <a:path w="906779" h="334010">
                <a:moveTo>
                  <a:pt x="251460" y="6096"/>
                </a:moveTo>
                <a:lnTo>
                  <a:pt x="245363" y="13715"/>
                </a:lnTo>
                <a:lnTo>
                  <a:pt x="251460" y="13715"/>
                </a:lnTo>
                <a:lnTo>
                  <a:pt x="251460" y="6096"/>
                </a:lnTo>
                <a:close/>
              </a:path>
              <a:path w="906779" h="334010">
                <a:moveTo>
                  <a:pt x="655319" y="6096"/>
                </a:moveTo>
                <a:lnTo>
                  <a:pt x="251460" y="6096"/>
                </a:lnTo>
                <a:lnTo>
                  <a:pt x="251460" y="13715"/>
                </a:lnTo>
                <a:lnTo>
                  <a:pt x="655319" y="13715"/>
                </a:lnTo>
                <a:lnTo>
                  <a:pt x="655319" y="6096"/>
                </a:lnTo>
                <a:close/>
              </a:path>
              <a:path w="906779" h="334010">
                <a:moveTo>
                  <a:pt x="669036" y="6096"/>
                </a:moveTo>
                <a:lnTo>
                  <a:pt x="655319" y="6096"/>
                </a:lnTo>
                <a:lnTo>
                  <a:pt x="661415" y="13715"/>
                </a:lnTo>
                <a:lnTo>
                  <a:pt x="669036" y="13715"/>
                </a:lnTo>
                <a:lnTo>
                  <a:pt x="669036" y="6096"/>
                </a:lnTo>
                <a:close/>
              </a:path>
            </a:pathLst>
          </a:custGeom>
          <a:solidFill>
            <a:srgbClr val="000000"/>
          </a:solidFill>
        </p:spPr>
        <p:txBody>
          <a:bodyPr wrap="square" lIns="0" tIns="0" rIns="0" bIns="0" rtlCol="0"/>
          <a:lstStyle/>
          <a:p>
            <a:endParaRPr sz="1539"/>
          </a:p>
        </p:txBody>
      </p:sp>
      <p:graphicFrame>
        <p:nvGraphicFramePr>
          <p:cNvPr id="6" name="object 6"/>
          <p:cNvGraphicFramePr>
            <a:graphicFrameLocks noGrp="1"/>
          </p:cNvGraphicFramePr>
          <p:nvPr/>
        </p:nvGraphicFramePr>
        <p:xfrm>
          <a:off x="600985" y="4975878"/>
          <a:ext cx="6837366" cy="1608771"/>
        </p:xfrm>
        <a:graphic>
          <a:graphicData uri="http://schemas.openxmlformats.org/drawingml/2006/table">
            <a:tbl>
              <a:tblPr firstRow="1" bandRow="1">
                <a:tableStyleId>{2D5ABB26-0587-4C30-8999-92F81FD0307C}</a:tableStyleId>
              </a:tblPr>
              <a:tblGrid>
                <a:gridCol w="1207616">
                  <a:extLst>
                    <a:ext uri="{9D8B030D-6E8A-4147-A177-3AD203B41FA5}">
                      <a16:colId xmlns:a16="http://schemas.microsoft.com/office/drawing/2014/main" val="20000"/>
                    </a:ext>
                  </a:extLst>
                </a:gridCol>
                <a:gridCol w="975215">
                  <a:extLst>
                    <a:ext uri="{9D8B030D-6E8A-4147-A177-3AD203B41FA5}">
                      <a16:colId xmlns:a16="http://schemas.microsoft.com/office/drawing/2014/main" val="20001"/>
                    </a:ext>
                  </a:extLst>
                </a:gridCol>
                <a:gridCol w="4654535">
                  <a:extLst>
                    <a:ext uri="{9D8B030D-6E8A-4147-A177-3AD203B41FA5}">
                      <a16:colId xmlns:a16="http://schemas.microsoft.com/office/drawing/2014/main" val="20002"/>
                    </a:ext>
                  </a:extLst>
                </a:gridCol>
              </a:tblGrid>
              <a:tr h="206337">
                <a:tc>
                  <a:txBody>
                    <a:bodyPr/>
                    <a:lstStyle/>
                    <a:p>
                      <a:pPr marL="31750">
                        <a:lnSpc>
                          <a:spcPts val="1800"/>
                        </a:lnSpc>
                      </a:pPr>
                      <a:r>
                        <a:rPr sz="1500" spc="-25" dirty="0">
                          <a:latin typeface="ＭＳ Ｐゴシック"/>
                          <a:cs typeface="ＭＳ Ｐゴシック"/>
                        </a:rPr>
                        <a:t>座長</a:t>
                      </a:r>
                      <a:endParaRPr sz="1500">
                        <a:latin typeface="ＭＳ Ｐゴシック"/>
                        <a:cs typeface="ＭＳ Ｐゴシック"/>
                      </a:endParaRPr>
                    </a:p>
                  </a:txBody>
                  <a:tcPr marL="0" marR="0" marT="0" marB="0"/>
                </a:tc>
                <a:tc>
                  <a:txBody>
                    <a:bodyPr/>
                    <a:lstStyle/>
                    <a:p>
                      <a:pPr marL="48895" algn="ctr">
                        <a:lnSpc>
                          <a:spcPts val="1800"/>
                        </a:lnSpc>
                      </a:pPr>
                      <a:r>
                        <a:rPr sz="1500" spc="-5" dirty="0">
                          <a:latin typeface="ＭＳ Ｐゴシック"/>
                          <a:cs typeface="ＭＳ Ｐゴシック"/>
                        </a:rPr>
                        <a:t>梶浦 敏範</a:t>
                      </a:r>
                      <a:endParaRPr sz="1500">
                        <a:latin typeface="ＭＳ Ｐゴシック"/>
                        <a:cs typeface="ＭＳ Ｐゴシック"/>
                      </a:endParaRPr>
                    </a:p>
                  </a:txBody>
                  <a:tcPr marL="0" marR="0" marT="0" marB="0"/>
                </a:tc>
                <a:tc>
                  <a:txBody>
                    <a:bodyPr/>
                    <a:lstStyle/>
                    <a:p>
                      <a:pPr marL="73025">
                        <a:lnSpc>
                          <a:spcPts val="1800"/>
                        </a:lnSpc>
                      </a:pPr>
                      <a:r>
                        <a:rPr sz="1500" dirty="0">
                          <a:latin typeface="ＭＳ Ｐゴシック"/>
                          <a:cs typeface="ＭＳ Ｐゴシック"/>
                        </a:rPr>
                        <a:t>（一社）</a:t>
                      </a:r>
                      <a:r>
                        <a:rPr sz="1500" spc="-10" dirty="0">
                          <a:latin typeface="ＭＳ Ｐゴシック"/>
                          <a:cs typeface="ＭＳ Ｐゴシック"/>
                        </a:rPr>
                        <a:t>日本経済団体連合会</a:t>
                      </a:r>
                      <a:endParaRPr sz="1500">
                        <a:latin typeface="ＭＳ Ｐゴシック"/>
                        <a:cs typeface="ＭＳ Ｐゴシック"/>
                      </a:endParaRPr>
                    </a:p>
                  </a:txBody>
                  <a:tcPr marL="0" marR="0" marT="0" marB="0"/>
                </a:tc>
                <a:extLst>
                  <a:ext uri="{0D108BD9-81ED-4DB2-BD59-A6C34878D82A}">
                    <a16:rowId xmlns:a16="http://schemas.microsoft.com/office/drawing/2014/main" val="10000"/>
                  </a:ext>
                </a:extLst>
              </a:tr>
              <a:tr h="225342">
                <a:tc>
                  <a:txBody>
                    <a:bodyPr/>
                    <a:lstStyle/>
                    <a:p>
                      <a:pPr>
                        <a:lnSpc>
                          <a:spcPct val="100000"/>
                        </a:lnSpc>
                      </a:pPr>
                      <a:endParaRPr sz="1400">
                        <a:latin typeface="Times New Roman"/>
                        <a:cs typeface="Times New Roman"/>
                      </a:endParaRPr>
                    </a:p>
                  </a:txBody>
                  <a:tcPr marL="0" marR="0" marT="0" marB="0"/>
                </a:tc>
                <a:tc>
                  <a:txBody>
                    <a:bodyPr/>
                    <a:lstStyle/>
                    <a:p>
                      <a:pPr>
                        <a:lnSpc>
                          <a:spcPct val="100000"/>
                        </a:lnSpc>
                      </a:pPr>
                      <a:endParaRPr sz="1400">
                        <a:latin typeface="Times New Roman"/>
                        <a:cs typeface="Times New Roman"/>
                      </a:endParaRPr>
                    </a:p>
                  </a:txBody>
                  <a:tcPr marL="0" marR="0" marT="0" marB="0"/>
                </a:tc>
                <a:tc>
                  <a:txBody>
                    <a:bodyPr/>
                    <a:lstStyle/>
                    <a:p>
                      <a:pPr marL="141605">
                        <a:lnSpc>
                          <a:spcPts val="1975"/>
                        </a:lnSpc>
                      </a:pPr>
                      <a:r>
                        <a:rPr sz="1500" spc="-5" dirty="0">
                          <a:latin typeface="ＭＳ Ｐゴシック"/>
                          <a:cs typeface="ＭＳ Ｐゴシック"/>
                        </a:rPr>
                        <a:t>デジタルエコノミー推進委員会 企画部会長代行</a:t>
                      </a:r>
                      <a:endParaRPr sz="1500">
                        <a:latin typeface="ＭＳ Ｐゴシック"/>
                        <a:cs typeface="ＭＳ Ｐゴシック"/>
                      </a:endParaRPr>
                    </a:p>
                  </a:txBody>
                  <a:tcPr marL="0" marR="0" marT="0" marB="0"/>
                </a:tc>
                <a:extLst>
                  <a:ext uri="{0D108BD9-81ED-4DB2-BD59-A6C34878D82A}">
                    <a16:rowId xmlns:a16="http://schemas.microsoft.com/office/drawing/2014/main" val="10001"/>
                  </a:ext>
                </a:extLst>
              </a:tr>
              <a:tr h="224799">
                <a:tc>
                  <a:txBody>
                    <a:bodyPr/>
                    <a:lstStyle/>
                    <a:p>
                      <a:pPr marL="31750">
                        <a:lnSpc>
                          <a:spcPts val="1970"/>
                        </a:lnSpc>
                      </a:pPr>
                      <a:r>
                        <a:rPr sz="1500" spc="-25" dirty="0">
                          <a:latin typeface="ＭＳ Ｐゴシック"/>
                          <a:cs typeface="ＭＳ Ｐゴシック"/>
                        </a:rPr>
                        <a:t>委員</a:t>
                      </a:r>
                      <a:endParaRPr sz="1500">
                        <a:latin typeface="ＭＳ Ｐゴシック"/>
                        <a:cs typeface="ＭＳ Ｐゴシック"/>
                      </a:endParaRPr>
                    </a:p>
                  </a:txBody>
                  <a:tcPr marL="0" marR="0" marT="0" marB="0"/>
                </a:tc>
                <a:tc>
                  <a:txBody>
                    <a:bodyPr/>
                    <a:lstStyle/>
                    <a:p>
                      <a:pPr marL="48895" algn="ctr">
                        <a:lnSpc>
                          <a:spcPts val="1970"/>
                        </a:lnSpc>
                      </a:pPr>
                      <a:r>
                        <a:rPr sz="1500" spc="-5" dirty="0">
                          <a:latin typeface="ＭＳ Ｐゴシック"/>
                          <a:cs typeface="ＭＳ Ｐゴシック"/>
                        </a:rPr>
                        <a:t>伊勢 勝巳</a:t>
                      </a:r>
                      <a:endParaRPr sz="1500">
                        <a:latin typeface="ＭＳ Ｐゴシック"/>
                        <a:cs typeface="ＭＳ Ｐゴシック"/>
                      </a:endParaRPr>
                    </a:p>
                  </a:txBody>
                  <a:tcPr marL="0" marR="0" marT="0" marB="0"/>
                </a:tc>
                <a:tc>
                  <a:txBody>
                    <a:bodyPr/>
                    <a:lstStyle/>
                    <a:p>
                      <a:pPr marL="138430">
                        <a:lnSpc>
                          <a:spcPts val="1970"/>
                        </a:lnSpc>
                      </a:pPr>
                      <a:r>
                        <a:rPr sz="1500" spc="-5" dirty="0">
                          <a:latin typeface="ＭＳ Ｐゴシック"/>
                          <a:cs typeface="ＭＳ Ｐゴシック"/>
                        </a:rPr>
                        <a:t>東日本旅客鉄道株式会社 常務執行役員</a:t>
                      </a:r>
                      <a:endParaRPr sz="1500">
                        <a:latin typeface="ＭＳ Ｐゴシック"/>
                        <a:cs typeface="ＭＳ Ｐゴシック"/>
                      </a:endParaRPr>
                    </a:p>
                  </a:txBody>
                  <a:tcPr marL="0" marR="0" marT="0" marB="0"/>
                </a:tc>
                <a:extLst>
                  <a:ext uri="{0D108BD9-81ED-4DB2-BD59-A6C34878D82A}">
                    <a16:rowId xmlns:a16="http://schemas.microsoft.com/office/drawing/2014/main" val="10002"/>
                  </a:ext>
                </a:extLst>
              </a:tr>
              <a:tr h="224799">
                <a:tc>
                  <a:txBody>
                    <a:bodyPr/>
                    <a:lstStyle/>
                    <a:p>
                      <a:pPr>
                        <a:lnSpc>
                          <a:spcPct val="100000"/>
                        </a:lnSpc>
                      </a:pPr>
                      <a:endParaRPr sz="1400">
                        <a:latin typeface="Times New Roman"/>
                        <a:cs typeface="Times New Roman"/>
                      </a:endParaRPr>
                    </a:p>
                  </a:txBody>
                  <a:tcPr marL="0" marR="0" marT="0" marB="0"/>
                </a:tc>
                <a:tc>
                  <a:txBody>
                    <a:bodyPr/>
                    <a:lstStyle/>
                    <a:p>
                      <a:pPr marL="48895" algn="ctr">
                        <a:lnSpc>
                          <a:spcPts val="1970"/>
                        </a:lnSpc>
                      </a:pPr>
                      <a:r>
                        <a:rPr sz="1500" spc="-5" dirty="0">
                          <a:latin typeface="ＭＳ Ｐゴシック"/>
                          <a:cs typeface="ＭＳ Ｐゴシック"/>
                        </a:rPr>
                        <a:t>岩佐 宏一</a:t>
                      </a:r>
                      <a:endParaRPr sz="1500">
                        <a:latin typeface="ＭＳ Ｐゴシック"/>
                        <a:cs typeface="ＭＳ Ｐゴシック"/>
                      </a:endParaRPr>
                    </a:p>
                  </a:txBody>
                  <a:tcPr marL="0" marR="0" marT="0" marB="0"/>
                </a:tc>
                <a:tc>
                  <a:txBody>
                    <a:bodyPr/>
                    <a:lstStyle/>
                    <a:p>
                      <a:pPr marL="138430">
                        <a:lnSpc>
                          <a:spcPts val="1970"/>
                        </a:lnSpc>
                      </a:pPr>
                      <a:r>
                        <a:rPr sz="1500" spc="-5" dirty="0">
                          <a:latin typeface="ＭＳ Ｐゴシック"/>
                          <a:cs typeface="ＭＳ Ｐゴシック"/>
                        </a:rPr>
                        <a:t>公益社団法人日本ファシリティマネジメント協会</a:t>
                      </a:r>
                      <a:endParaRPr sz="1500">
                        <a:latin typeface="ＭＳ Ｐゴシック"/>
                        <a:cs typeface="ＭＳ Ｐゴシック"/>
                      </a:endParaRPr>
                    </a:p>
                  </a:txBody>
                  <a:tcPr marL="0" marR="0" marT="0" marB="0"/>
                </a:tc>
                <a:extLst>
                  <a:ext uri="{0D108BD9-81ED-4DB2-BD59-A6C34878D82A}">
                    <a16:rowId xmlns:a16="http://schemas.microsoft.com/office/drawing/2014/main" val="10003"/>
                  </a:ext>
                </a:extLst>
              </a:tr>
              <a:tr h="225342">
                <a:tc>
                  <a:txBody>
                    <a:bodyPr/>
                    <a:lstStyle/>
                    <a:p>
                      <a:pPr>
                        <a:lnSpc>
                          <a:spcPct val="100000"/>
                        </a:lnSpc>
                      </a:pPr>
                      <a:endParaRPr sz="1400">
                        <a:latin typeface="Times New Roman"/>
                        <a:cs typeface="Times New Roman"/>
                      </a:endParaRPr>
                    </a:p>
                  </a:txBody>
                  <a:tcPr marL="0" marR="0" marT="0" marB="0"/>
                </a:tc>
                <a:tc>
                  <a:txBody>
                    <a:bodyPr/>
                    <a:lstStyle/>
                    <a:p>
                      <a:pPr>
                        <a:lnSpc>
                          <a:spcPct val="100000"/>
                        </a:lnSpc>
                      </a:pPr>
                      <a:endParaRPr sz="1400">
                        <a:latin typeface="Times New Roman"/>
                        <a:cs typeface="Times New Roman"/>
                      </a:endParaRPr>
                    </a:p>
                  </a:txBody>
                  <a:tcPr marL="0" marR="0" marT="0" marB="0"/>
                </a:tc>
                <a:tc>
                  <a:txBody>
                    <a:bodyPr/>
                    <a:lstStyle/>
                    <a:p>
                      <a:pPr marL="168910">
                        <a:lnSpc>
                          <a:spcPts val="1975"/>
                        </a:lnSpc>
                      </a:pPr>
                      <a:r>
                        <a:rPr sz="1500" spc="-5" dirty="0">
                          <a:latin typeface="ＭＳ Ｐゴシック"/>
                          <a:cs typeface="ＭＳ Ｐゴシック"/>
                        </a:rPr>
                        <a:t>調査研究委員会 インフラマネジメント研究部会 副部会長</a:t>
                      </a:r>
                      <a:endParaRPr sz="1500">
                        <a:latin typeface="ＭＳ Ｐゴシック"/>
                        <a:cs typeface="ＭＳ Ｐゴシック"/>
                      </a:endParaRPr>
                    </a:p>
                  </a:txBody>
                  <a:tcPr marL="0" marR="0" marT="0" marB="0"/>
                </a:tc>
                <a:extLst>
                  <a:ext uri="{0D108BD9-81ED-4DB2-BD59-A6C34878D82A}">
                    <a16:rowId xmlns:a16="http://schemas.microsoft.com/office/drawing/2014/main" val="10004"/>
                  </a:ext>
                </a:extLst>
              </a:tr>
              <a:tr h="206337">
                <a:tc>
                  <a:txBody>
                    <a:bodyPr/>
                    <a:lstStyle/>
                    <a:p>
                      <a:pPr marL="31750">
                        <a:lnSpc>
                          <a:spcPts val="1800"/>
                        </a:lnSpc>
                      </a:pPr>
                      <a:r>
                        <a:rPr sz="1500" spc="-10" dirty="0">
                          <a:latin typeface="ＭＳ Ｐゴシック"/>
                          <a:cs typeface="ＭＳ Ｐゴシック"/>
                        </a:rPr>
                        <a:t>オブザーバー</a:t>
                      </a:r>
                      <a:endParaRPr sz="1500">
                        <a:latin typeface="ＭＳ Ｐゴシック"/>
                        <a:cs typeface="ＭＳ Ｐゴシック"/>
                      </a:endParaRPr>
                    </a:p>
                  </a:txBody>
                  <a:tcPr marL="0" marR="0" marT="0" marB="0"/>
                </a:tc>
                <a:tc>
                  <a:txBody>
                    <a:bodyPr/>
                    <a:lstStyle/>
                    <a:p>
                      <a:pPr marL="48895" algn="ctr">
                        <a:lnSpc>
                          <a:spcPts val="1800"/>
                        </a:lnSpc>
                      </a:pPr>
                      <a:r>
                        <a:rPr sz="1500" spc="-5" dirty="0">
                          <a:latin typeface="ＭＳ Ｐゴシック"/>
                          <a:cs typeface="ＭＳ Ｐゴシック"/>
                        </a:rPr>
                        <a:t>植野 芳彦</a:t>
                      </a:r>
                      <a:endParaRPr sz="1500">
                        <a:latin typeface="ＭＳ Ｐゴシック"/>
                        <a:cs typeface="ＭＳ Ｐゴシック"/>
                      </a:endParaRPr>
                    </a:p>
                  </a:txBody>
                  <a:tcPr marL="0" marR="0" marT="0" marB="0"/>
                </a:tc>
                <a:tc>
                  <a:txBody>
                    <a:bodyPr/>
                    <a:lstStyle/>
                    <a:p>
                      <a:pPr marL="138430">
                        <a:lnSpc>
                          <a:spcPts val="1800"/>
                        </a:lnSpc>
                      </a:pPr>
                      <a:r>
                        <a:rPr sz="1500" dirty="0">
                          <a:latin typeface="ＭＳ Ｐゴシック"/>
                          <a:cs typeface="ＭＳ Ｐゴシック"/>
                        </a:rPr>
                        <a:t>富山市 政策参与</a:t>
                      </a:r>
                      <a:endParaRPr sz="1500">
                        <a:latin typeface="ＭＳ Ｐゴシック"/>
                        <a:cs typeface="ＭＳ Ｐゴシック"/>
                      </a:endParaRPr>
                    </a:p>
                  </a:txBody>
                  <a:tcPr marL="0" marR="0" marT="0" marB="0"/>
                </a:tc>
                <a:extLst>
                  <a:ext uri="{0D108BD9-81ED-4DB2-BD59-A6C34878D82A}">
                    <a16:rowId xmlns:a16="http://schemas.microsoft.com/office/drawing/2014/main" val="10005"/>
                  </a:ext>
                </a:extLst>
              </a:tr>
            </a:tbl>
          </a:graphicData>
        </a:graphic>
      </p:graphicFrame>
      <p:sp>
        <p:nvSpPr>
          <p:cNvPr id="7" name="object 7"/>
          <p:cNvSpPr txBox="1"/>
          <p:nvPr/>
        </p:nvSpPr>
        <p:spPr>
          <a:xfrm>
            <a:off x="6884280" y="6249636"/>
            <a:ext cx="1648526" cy="237487"/>
          </a:xfrm>
          <a:prstGeom prst="rect">
            <a:avLst/>
          </a:prstGeom>
        </p:spPr>
        <p:txBody>
          <a:bodyPr vert="horz" wrap="square" lIns="0" tIns="13575" rIns="0" bIns="0" rtlCol="0">
            <a:spAutoFit/>
          </a:bodyPr>
          <a:lstStyle/>
          <a:p>
            <a:pPr marL="10860">
              <a:spcBef>
                <a:spcPts val="107"/>
              </a:spcBef>
            </a:pPr>
            <a:r>
              <a:rPr sz="1454" dirty="0">
                <a:latin typeface="ＭＳ Ｐゴシック"/>
                <a:cs typeface="ＭＳ Ｐゴシック"/>
              </a:rPr>
              <a:t>（五十音順、敬称略</a:t>
            </a:r>
            <a:r>
              <a:rPr sz="1454" spc="-43" dirty="0">
                <a:latin typeface="ＭＳ Ｐゴシック"/>
                <a:cs typeface="ＭＳ Ｐゴシック"/>
              </a:rPr>
              <a:t>）</a:t>
            </a:r>
            <a:endParaRPr sz="1454">
              <a:latin typeface="ＭＳ Ｐゴシック"/>
              <a:cs typeface="ＭＳ Ｐゴシック"/>
            </a:endParaRPr>
          </a:p>
        </p:txBody>
      </p:sp>
      <p:sp>
        <p:nvSpPr>
          <p:cNvPr id="8" name="object 8"/>
          <p:cNvSpPr txBox="1">
            <a:spLocks noGrp="1"/>
          </p:cNvSpPr>
          <p:nvPr>
            <p:ph type="title"/>
          </p:nvPr>
        </p:nvSpPr>
        <p:spPr>
          <a:xfrm>
            <a:off x="405073" y="274061"/>
            <a:ext cx="7463219" cy="379201"/>
          </a:xfrm>
          <a:prstGeom prst="rect">
            <a:avLst/>
          </a:prstGeom>
        </p:spPr>
        <p:txBody>
          <a:bodyPr vert="horz" wrap="square" lIns="0" tIns="9774" rIns="0" bIns="0" rtlCol="0" anchor="ctr">
            <a:spAutoFit/>
          </a:bodyPr>
          <a:lstStyle/>
          <a:p>
            <a:pPr marL="10860">
              <a:lnSpc>
                <a:spcPct val="100000"/>
              </a:lnSpc>
              <a:spcBef>
                <a:spcPts val="77"/>
              </a:spcBef>
              <a:tabLst>
                <a:tab pos="4438931" algn="l"/>
              </a:tabLst>
            </a:pPr>
            <a:r>
              <a:rPr sz="2400" spc="-30" dirty="0" err="1"/>
              <a:t>社会資本メ</a:t>
            </a:r>
            <a:r>
              <a:rPr sz="2400" spc="-34" dirty="0" err="1"/>
              <a:t>ン</a:t>
            </a:r>
            <a:r>
              <a:rPr sz="2400" spc="-26" dirty="0" err="1"/>
              <a:t>テナ</a:t>
            </a:r>
            <a:r>
              <a:rPr sz="2400" spc="-34" dirty="0" err="1"/>
              <a:t>ン</a:t>
            </a:r>
            <a:r>
              <a:rPr sz="2400" spc="-30" dirty="0" err="1"/>
              <a:t>ス戦略小委員</a:t>
            </a:r>
            <a:r>
              <a:rPr sz="2400" spc="-43" dirty="0" err="1"/>
              <a:t>会</a:t>
            </a:r>
            <a:r>
              <a:rPr sz="2400" spc="-30" dirty="0" err="1"/>
              <a:t>新技術導入促進</a:t>
            </a:r>
            <a:r>
              <a:rPr sz="2400" spc="-21" dirty="0" err="1"/>
              <a:t>WG</a:t>
            </a:r>
            <a:endParaRPr sz="2400" spc="-21" dirty="0"/>
          </a:p>
        </p:txBody>
      </p:sp>
      <p:sp>
        <p:nvSpPr>
          <p:cNvPr id="9" name="object 9"/>
          <p:cNvSpPr/>
          <p:nvPr/>
        </p:nvSpPr>
        <p:spPr>
          <a:xfrm>
            <a:off x="238482" y="755846"/>
            <a:ext cx="8654763" cy="1181010"/>
          </a:xfrm>
          <a:custGeom>
            <a:avLst/>
            <a:gdLst/>
            <a:ahLst/>
            <a:cxnLst/>
            <a:rect l="l" t="t" r="r" b="b"/>
            <a:pathLst>
              <a:path w="10121265" h="1381125">
                <a:moveTo>
                  <a:pt x="10120884" y="0"/>
                </a:moveTo>
                <a:lnTo>
                  <a:pt x="0" y="0"/>
                </a:lnTo>
                <a:lnTo>
                  <a:pt x="0" y="1380744"/>
                </a:lnTo>
                <a:lnTo>
                  <a:pt x="10120884" y="1380744"/>
                </a:lnTo>
                <a:lnTo>
                  <a:pt x="10120884" y="1370076"/>
                </a:lnTo>
                <a:lnTo>
                  <a:pt x="21335" y="1370076"/>
                </a:lnTo>
                <a:lnTo>
                  <a:pt x="10667" y="1359408"/>
                </a:lnTo>
                <a:lnTo>
                  <a:pt x="21335" y="1359408"/>
                </a:lnTo>
                <a:lnTo>
                  <a:pt x="21335" y="19812"/>
                </a:lnTo>
                <a:lnTo>
                  <a:pt x="10667" y="19812"/>
                </a:lnTo>
                <a:lnTo>
                  <a:pt x="21335" y="10668"/>
                </a:lnTo>
                <a:lnTo>
                  <a:pt x="10120884" y="10668"/>
                </a:lnTo>
                <a:lnTo>
                  <a:pt x="10120884" y="0"/>
                </a:lnTo>
                <a:close/>
              </a:path>
              <a:path w="10121265" h="1381125">
                <a:moveTo>
                  <a:pt x="21335" y="1359408"/>
                </a:moveTo>
                <a:lnTo>
                  <a:pt x="10667" y="1359408"/>
                </a:lnTo>
                <a:lnTo>
                  <a:pt x="21335" y="1370076"/>
                </a:lnTo>
                <a:lnTo>
                  <a:pt x="21335" y="1359408"/>
                </a:lnTo>
                <a:close/>
              </a:path>
              <a:path w="10121265" h="1381125">
                <a:moveTo>
                  <a:pt x="10101072" y="1359408"/>
                </a:moveTo>
                <a:lnTo>
                  <a:pt x="21335" y="1359408"/>
                </a:lnTo>
                <a:lnTo>
                  <a:pt x="21335" y="1370076"/>
                </a:lnTo>
                <a:lnTo>
                  <a:pt x="10101072" y="1370076"/>
                </a:lnTo>
                <a:lnTo>
                  <a:pt x="10101072" y="1359408"/>
                </a:lnTo>
                <a:close/>
              </a:path>
              <a:path w="10121265" h="1381125">
                <a:moveTo>
                  <a:pt x="10101072" y="10668"/>
                </a:moveTo>
                <a:lnTo>
                  <a:pt x="10101072" y="1370076"/>
                </a:lnTo>
                <a:lnTo>
                  <a:pt x="10111740" y="1359408"/>
                </a:lnTo>
                <a:lnTo>
                  <a:pt x="10120884" y="1359408"/>
                </a:lnTo>
                <a:lnTo>
                  <a:pt x="10120884" y="19812"/>
                </a:lnTo>
                <a:lnTo>
                  <a:pt x="10111740" y="19812"/>
                </a:lnTo>
                <a:lnTo>
                  <a:pt x="10101072" y="10668"/>
                </a:lnTo>
                <a:close/>
              </a:path>
              <a:path w="10121265" h="1381125">
                <a:moveTo>
                  <a:pt x="10120884" y="1359408"/>
                </a:moveTo>
                <a:lnTo>
                  <a:pt x="10111740" y="1359408"/>
                </a:lnTo>
                <a:lnTo>
                  <a:pt x="10101072" y="1370076"/>
                </a:lnTo>
                <a:lnTo>
                  <a:pt x="10120884" y="1370076"/>
                </a:lnTo>
                <a:lnTo>
                  <a:pt x="10120884" y="1359408"/>
                </a:lnTo>
                <a:close/>
              </a:path>
              <a:path w="10121265" h="1381125">
                <a:moveTo>
                  <a:pt x="21335" y="10668"/>
                </a:moveTo>
                <a:lnTo>
                  <a:pt x="10667" y="19812"/>
                </a:lnTo>
                <a:lnTo>
                  <a:pt x="21335" y="19812"/>
                </a:lnTo>
                <a:lnTo>
                  <a:pt x="21335" y="10668"/>
                </a:lnTo>
                <a:close/>
              </a:path>
              <a:path w="10121265" h="1381125">
                <a:moveTo>
                  <a:pt x="10101072" y="10668"/>
                </a:moveTo>
                <a:lnTo>
                  <a:pt x="21335" y="10668"/>
                </a:lnTo>
                <a:lnTo>
                  <a:pt x="21335" y="19812"/>
                </a:lnTo>
                <a:lnTo>
                  <a:pt x="10101072" y="19812"/>
                </a:lnTo>
                <a:lnTo>
                  <a:pt x="10101072" y="10668"/>
                </a:lnTo>
                <a:close/>
              </a:path>
              <a:path w="10121265" h="1381125">
                <a:moveTo>
                  <a:pt x="10120884" y="10668"/>
                </a:moveTo>
                <a:lnTo>
                  <a:pt x="10101072" y="10668"/>
                </a:lnTo>
                <a:lnTo>
                  <a:pt x="10111740" y="19812"/>
                </a:lnTo>
                <a:lnTo>
                  <a:pt x="10120884" y="19812"/>
                </a:lnTo>
                <a:lnTo>
                  <a:pt x="10120884" y="10668"/>
                </a:lnTo>
                <a:close/>
              </a:path>
            </a:pathLst>
          </a:custGeom>
          <a:solidFill>
            <a:srgbClr val="000000"/>
          </a:solidFill>
        </p:spPr>
        <p:txBody>
          <a:bodyPr wrap="square" lIns="0" tIns="0" rIns="0" bIns="0" rtlCol="0"/>
          <a:lstStyle/>
          <a:p>
            <a:endParaRPr sz="1539"/>
          </a:p>
        </p:txBody>
      </p:sp>
      <p:sp>
        <p:nvSpPr>
          <p:cNvPr id="10" name="object 10"/>
          <p:cNvSpPr txBox="1"/>
          <p:nvPr/>
        </p:nvSpPr>
        <p:spPr>
          <a:xfrm>
            <a:off x="294084" y="836209"/>
            <a:ext cx="8459829" cy="4111448"/>
          </a:xfrm>
          <a:prstGeom prst="rect">
            <a:avLst/>
          </a:prstGeom>
        </p:spPr>
        <p:txBody>
          <a:bodyPr vert="horz" wrap="square" lIns="0" tIns="10860" rIns="0" bIns="0" rtlCol="0">
            <a:spAutoFit/>
          </a:bodyPr>
          <a:lstStyle/>
          <a:p>
            <a:pPr marL="327422" marR="4344" indent="-317105">
              <a:lnSpc>
                <a:spcPct val="99700"/>
              </a:lnSpc>
              <a:spcBef>
                <a:spcPts val="86"/>
              </a:spcBef>
              <a:buChar char="○"/>
              <a:tabLst>
                <a:tab pos="327422" algn="l"/>
              </a:tabLst>
            </a:pPr>
            <a:r>
              <a:rPr sz="1667" spc="-21" dirty="0">
                <a:latin typeface="ＭＳ Ｐゴシック"/>
                <a:cs typeface="ＭＳ Ｐゴシック"/>
              </a:rPr>
              <a:t>新技術導入促進WG</a:t>
            </a:r>
            <a:r>
              <a:rPr sz="1667" spc="-30" dirty="0">
                <a:latin typeface="ＭＳ Ｐゴシック"/>
                <a:cs typeface="ＭＳ Ｐゴシック"/>
              </a:rPr>
              <a:t>では、新技術の活用によるインフラメンテナンス分野での業務の効率化や創意工夫によるコスト縮減などを促すことを念頭に、新技術導入にあたり行っている取り組みを整理し、自治体が新技術を活用する上での課題を検討。</a:t>
            </a:r>
            <a:endParaRPr sz="1667">
              <a:latin typeface="ＭＳ Ｐゴシック"/>
              <a:cs typeface="ＭＳ Ｐゴシック"/>
            </a:endParaRPr>
          </a:p>
          <a:p>
            <a:pPr marL="327965" indent="-317105">
              <a:lnSpc>
                <a:spcPts val="1992"/>
              </a:lnSpc>
              <a:buChar char="○"/>
              <a:tabLst>
                <a:tab pos="327965" algn="l"/>
              </a:tabLst>
            </a:pPr>
            <a:r>
              <a:rPr sz="1667" spc="-21" dirty="0">
                <a:latin typeface="ＭＳ Ｐゴシック"/>
                <a:cs typeface="ＭＳ Ｐゴシック"/>
              </a:rPr>
              <a:t>令和２年２月</a:t>
            </a:r>
            <a:r>
              <a:rPr sz="1667" spc="-9" dirty="0">
                <a:latin typeface="ＭＳ Ｐゴシック"/>
                <a:cs typeface="ＭＳ Ｐゴシック"/>
              </a:rPr>
              <a:t>12</a:t>
            </a:r>
            <a:r>
              <a:rPr sz="1667" spc="-30" dirty="0">
                <a:latin typeface="ＭＳ Ｐゴシック"/>
                <a:cs typeface="ＭＳ Ｐゴシック"/>
              </a:rPr>
              <a:t>日に第１回を、同６月３日に第２回を開催。</a:t>
            </a:r>
            <a:endParaRPr sz="1667">
              <a:latin typeface="ＭＳ Ｐゴシック"/>
              <a:cs typeface="ＭＳ Ｐゴシック"/>
            </a:endParaRPr>
          </a:p>
          <a:p>
            <a:pPr marL="208508">
              <a:spcBef>
                <a:spcPts val="1663"/>
              </a:spcBef>
            </a:pPr>
            <a:r>
              <a:rPr sz="1667" u="sng" spc="-30" dirty="0">
                <a:uFill>
                  <a:solidFill>
                    <a:srgbClr val="000000"/>
                  </a:solidFill>
                </a:uFill>
                <a:latin typeface="ＭＳ Ｐゴシック"/>
                <a:cs typeface="ＭＳ Ｐゴシック"/>
              </a:rPr>
              <a:t>①目的</a:t>
            </a:r>
            <a:endParaRPr sz="1667">
              <a:latin typeface="ＭＳ Ｐゴシック"/>
              <a:cs typeface="ＭＳ Ｐゴシック"/>
            </a:endParaRPr>
          </a:p>
          <a:p>
            <a:pPr marL="279096" marR="226969" algn="just">
              <a:lnSpc>
                <a:spcPct val="99700"/>
              </a:lnSpc>
              <a:spcBef>
                <a:spcPts val="1236"/>
              </a:spcBef>
            </a:pPr>
            <a:r>
              <a:rPr sz="1667" spc="-30" dirty="0">
                <a:latin typeface="ＭＳ Ｐゴシック"/>
                <a:cs typeface="ＭＳ Ｐゴシック"/>
              </a:rPr>
              <a:t>新技術の活用は、業務の効率化や創意工夫によるコスト縮減などの効果が期待できることもあり、人材や財源に課題を持つ自治体にとって有効な手段の一つとなる。メンテナンス分野において、新技術は一部の自治体で導入されているものの、導入が十分に進んでいるという状況にはなっていない。</a:t>
            </a:r>
            <a:endParaRPr sz="1667">
              <a:latin typeface="ＭＳ Ｐゴシック"/>
              <a:cs typeface="ＭＳ Ｐゴシック"/>
            </a:endParaRPr>
          </a:p>
          <a:p>
            <a:pPr>
              <a:spcBef>
                <a:spcPts val="1821"/>
              </a:spcBef>
            </a:pPr>
            <a:endParaRPr sz="1667">
              <a:latin typeface="ＭＳ Ｐゴシック"/>
              <a:cs typeface="ＭＳ Ｐゴシック"/>
            </a:endParaRPr>
          </a:p>
          <a:p>
            <a:pPr marL="269865" marR="300816">
              <a:lnSpc>
                <a:spcPct val="101200"/>
              </a:lnSpc>
            </a:pPr>
            <a:r>
              <a:rPr sz="1454" spc="-4" dirty="0">
                <a:latin typeface="ＭＳ Ｐゴシック"/>
                <a:cs typeface="ＭＳ Ｐゴシック"/>
              </a:rPr>
              <a:t>本ワーキングでは、自治体が新技術を活用する上での課題を検討し、自治体の新技術導入促進につ</a:t>
            </a:r>
            <a:r>
              <a:rPr sz="1454" spc="-9" dirty="0">
                <a:latin typeface="ＭＳ Ｐゴシック"/>
                <a:cs typeface="ＭＳ Ｐゴシック"/>
              </a:rPr>
              <a:t>なげていく。</a:t>
            </a:r>
            <a:endParaRPr sz="1454">
              <a:latin typeface="ＭＳ Ｐゴシック"/>
              <a:cs typeface="ＭＳ Ｐゴシック"/>
            </a:endParaRPr>
          </a:p>
          <a:p>
            <a:pPr>
              <a:spcBef>
                <a:spcPts val="43"/>
              </a:spcBef>
            </a:pPr>
            <a:endParaRPr sz="1454">
              <a:latin typeface="ＭＳ Ｐゴシック"/>
              <a:cs typeface="ＭＳ Ｐゴシック"/>
            </a:endParaRPr>
          </a:p>
          <a:p>
            <a:pPr marL="208508"/>
            <a:r>
              <a:rPr sz="1667" u="sng" spc="-30" dirty="0">
                <a:uFill>
                  <a:solidFill>
                    <a:srgbClr val="000000"/>
                  </a:solidFill>
                </a:uFill>
                <a:latin typeface="ＭＳ Ｐゴシック"/>
                <a:cs typeface="ＭＳ Ｐゴシック"/>
              </a:rPr>
              <a:t>②メンバー</a:t>
            </a:r>
            <a:endParaRPr sz="1667">
              <a:latin typeface="ＭＳ Ｐゴシック"/>
              <a:cs typeface="ＭＳ Ｐゴシック"/>
            </a:endParaRPr>
          </a:p>
        </p:txBody>
      </p:sp>
      <p:grpSp>
        <p:nvGrpSpPr>
          <p:cNvPr id="11" name="object 11"/>
          <p:cNvGrpSpPr/>
          <p:nvPr/>
        </p:nvGrpSpPr>
        <p:grpSpPr>
          <a:xfrm>
            <a:off x="7968963" y="293216"/>
            <a:ext cx="1136484" cy="363805"/>
            <a:chOff x="9319259" y="114300"/>
            <a:chExt cx="1329055" cy="425450"/>
          </a:xfrm>
        </p:grpSpPr>
        <p:sp>
          <p:nvSpPr>
            <p:cNvPr id="12" name="object 12"/>
            <p:cNvSpPr/>
            <p:nvPr/>
          </p:nvSpPr>
          <p:spPr>
            <a:xfrm>
              <a:off x="9325355" y="120396"/>
              <a:ext cx="1316990" cy="411480"/>
            </a:xfrm>
            <a:custGeom>
              <a:avLst/>
              <a:gdLst/>
              <a:ahLst/>
              <a:cxnLst/>
              <a:rect l="l" t="t" r="r" b="b"/>
              <a:pathLst>
                <a:path w="1316990" h="411480">
                  <a:moveTo>
                    <a:pt x="1316736" y="0"/>
                  </a:moveTo>
                  <a:lnTo>
                    <a:pt x="0" y="0"/>
                  </a:lnTo>
                  <a:lnTo>
                    <a:pt x="0" y="411479"/>
                  </a:lnTo>
                  <a:lnTo>
                    <a:pt x="1316736" y="411479"/>
                  </a:lnTo>
                  <a:lnTo>
                    <a:pt x="1316736" y="0"/>
                  </a:lnTo>
                  <a:close/>
                </a:path>
              </a:pathLst>
            </a:custGeom>
            <a:solidFill>
              <a:srgbClr val="FFFFFF"/>
            </a:solidFill>
          </p:spPr>
          <p:txBody>
            <a:bodyPr wrap="square" lIns="0" tIns="0" rIns="0" bIns="0" rtlCol="0"/>
            <a:lstStyle/>
            <a:p>
              <a:endParaRPr sz="1539"/>
            </a:p>
          </p:txBody>
        </p:sp>
        <p:sp>
          <p:nvSpPr>
            <p:cNvPr id="13" name="object 13"/>
            <p:cNvSpPr/>
            <p:nvPr/>
          </p:nvSpPr>
          <p:spPr>
            <a:xfrm>
              <a:off x="9319259" y="114300"/>
              <a:ext cx="1329055" cy="425450"/>
            </a:xfrm>
            <a:custGeom>
              <a:avLst/>
              <a:gdLst/>
              <a:ahLst/>
              <a:cxnLst/>
              <a:rect l="l" t="t" r="r" b="b"/>
              <a:pathLst>
                <a:path w="1329054" h="425450">
                  <a:moveTo>
                    <a:pt x="1328928" y="0"/>
                  </a:moveTo>
                  <a:lnTo>
                    <a:pt x="0" y="0"/>
                  </a:lnTo>
                  <a:lnTo>
                    <a:pt x="0" y="425195"/>
                  </a:lnTo>
                  <a:lnTo>
                    <a:pt x="1328928" y="425195"/>
                  </a:lnTo>
                  <a:lnTo>
                    <a:pt x="1328928" y="417575"/>
                  </a:lnTo>
                  <a:lnTo>
                    <a:pt x="13716" y="417575"/>
                  </a:lnTo>
                  <a:lnTo>
                    <a:pt x="6096" y="411479"/>
                  </a:lnTo>
                  <a:lnTo>
                    <a:pt x="13716" y="411479"/>
                  </a:lnTo>
                  <a:lnTo>
                    <a:pt x="13716" y="13715"/>
                  </a:lnTo>
                  <a:lnTo>
                    <a:pt x="6096" y="13715"/>
                  </a:lnTo>
                  <a:lnTo>
                    <a:pt x="13716" y="6095"/>
                  </a:lnTo>
                  <a:lnTo>
                    <a:pt x="1328928" y="6095"/>
                  </a:lnTo>
                  <a:lnTo>
                    <a:pt x="1328928" y="0"/>
                  </a:lnTo>
                  <a:close/>
                </a:path>
                <a:path w="1329054" h="425450">
                  <a:moveTo>
                    <a:pt x="13716" y="411479"/>
                  </a:moveTo>
                  <a:lnTo>
                    <a:pt x="6096" y="411479"/>
                  </a:lnTo>
                  <a:lnTo>
                    <a:pt x="13716" y="417575"/>
                  </a:lnTo>
                  <a:lnTo>
                    <a:pt x="13716" y="411479"/>
                  </a:lnTo>
                  <a:close/>
                </a:path>
                <a:path w="1329054" h="425450">
                  <a:moveTo>
                    <a:pt x="1315212" y="411479"/>
                  </a:moveTo>
                  <a:lnTo>
                    <a:pt x="13716" y="411479"/>
                  </a:lnTo>
                  <a:lnTo>
                    <a:pt x="13716" y="417575"/>
                  </a:lnTo>
                  <a:lnTo>
                    <a:pt x="1315212" y="417575"/>
                  </a:lnTo>
                  <a:lnTo>
                    <a:pt x="1315212" y="411479"/>
                  </a:lnTo>
                  <a:close/>
                </a:path>
                <a:path w="1329054" h="425450">
                  <a:moveTo>
                    <a:pt x="1315212" y="6095"/>
                  </a:moveTo>
                  <a:lnTo>
                    <a:pt x="1315212" y="417575"/>
                  </a:lnTo>
                  <a:lnTo>
                    <a:pt x="1322832" y="411479"/>
                  </a:lnTo>
                  <a:lnTo>
                    <a:pt x="1328928" y="411479"/>
                  </a:lnTo>
                  <a:lnTo>
                    <a:pt x="1328928" y="13715"/>
                  </a:lnTo>
                  <a:lnTo>
                    <a:pt x="1322832" y="13715"/>
                  </a:lnTo>
                  <a:lnTo>
                    <a:pt x="1315212" y="6095"/>
                  </a:lnTo>
                  <a:close/>
                </a:path>
                <a:path w="1329054" h="425450">
                  <a:moveTo>
                    <a:pt x="1328928" y="411479"/>
                  </a:moveTo>
                  <a:lnTo>
                    <a:pt x="1322832" y="411479"/>
                  </a:lnTo>
                  <a:lnTo>
                    <a:pt x="1315212" y="417575"/>
                  </a:lnTo>
                  <a:lnTo>
                    <a:pt x="1328928" y="417575"/>
                  </a:lnTo>
                  <a:lnTo>
                    <a:pt x="1328928" y="411479"/>
                  </a:lnTo>
                  <a:close/>
                </a:path>
                <a:path w="1329054" h="425450">
                  <a:moveTo>
                    <a:pt x="13716" y="6095"/>
                  </a:moveTo>
                  <a:lnTo>
                    <a:pt x="6096" y="13715"/>
                  </a:lnTo>
                  <a:lnTo>
                    <a:pt x="13716" y="13715"/>
                  </a:lnTo>
                  <a:lnTo>
                    <a:pt x="13716" y="6095"/>
                  </a:lnTo>
                  <a:close/>
                </a:path>
                <a:path w="1329054" h="425450">
                  <a:moveTo>
                    <a:pt x="1315212" y="6095"/>
                  </a:moveTo>
                  <a:lnTo>
                    <a:pt x="13716" y="6095"/>
                  </a:lnTo>
                  <a:lnTo>
                    <a:pt x="13716" y="13715"/>
                  </a:lnTo>
                  <a:lnTo>
                    <a:pt x="1315212" y="13715"/>
                  </a:lnTo>
                  <a:lnTo>
                    <a:pt x="1315212" y="6095"/>
                  </a:lnTo>
                  <a:close/>
                </a:path>
                <a:path w="1329054" h="425450">
                  <a:moveTo>
                    <a:pt x="1328928" y="6095"/>
                  </a:moveTo>
                  <a:lnTo>
                    <a:pt x="1315212" y="6095"/>
                  </a:lnTo>
                  <a:lnTo>
                    <a:pt x="1322832" y="13715"/>
                  </a:lnTo>
                  <a:lnTo>
                    <a:pt x="1328928" y="13715"/>
                  </a:lnTo>
                  <a:lnTo>
                    <a:pt x="1328928" y="6095"/>
                  </a:lnTo>
                  <a:close/>
                </a:path>
              </a:pathLst>
            </a:custGeom>
            <a:solidFill>
              <a:srgbClr val="3F87C8"/>
            </a:solidFill>
          </p:spPr>
          <p:txBody>
            <a:bodyPr wrap="square" lIns="0" tIns="0" rIns="0" bIns="0" rtlCol="0"/>
            <a:lstStyle/>
            <a:p>
              <a:endParaRPr sz="1539"/>
            </a:p>
          </p:txBody>
        </p:sp>
      </p:grpSp>
      <p:sp>
        <p:nvSpPr>
          <p:cNvPr id="14" name="object 14"/>
          <p:cNvSpPr txBox="1"/>
          <p:nvPr/>
        </p:nvSpPr>
        <p:spPr>
          <a:xfrm>
            <a:off x="8007624" y="347516"/>
            <a:ext cx="1060465" cy="223666"/>
          </a:xfrm>
          <a:prstGeom prst="rect">
            <a:avLst/>
          </a:prstGeom>
        </p:spPr>
        <p:txBody>
          <a:bodyPr vert="horz" wrap="square" lIns="0" tIns="13032" rIns="0" bIns="0" rtlCol="0">
            <a:spAutoFit/>
          </a:bodyPr>
          <a:lstStyle/>
          <a:p>
            <a:pPr marL="10860">
              <a:spcBef>
                <a:spcPts val="103"/>
              </a:spcBef>
            </a:pPr>
            <a:r>
              <a:rPr sz="1368" spc="-9" dirty="0">
                <a:solidFill>
                  <a:srgbClr val="3F87C8"/>
                </a:solidFill>
                <a:latin typeface="ＭＳ Ｐゴシック"/>
                <a:cs typeface="ＭＳ Ｐゴシック"/>
              </a:rPr>
              <a:t>横断的な取組</a:t>
            </a:r>
            <a:endParaRPr sz="1368">
              <a:latin typeface="ＭＳ Ｐゴシック"/>
              <a:cs typeface="ＭＳ Ｐゴシック"/>
            </a:endParaRPr>
          </a:p>
        </p:txBody>
      </p:sp>
      <p:sp>
        <p:nvSpPr>
          <p:cNvPr id="15" name="object 15"/>
          <p:cNvSpPr/>
          <p:nvPr/>
        </p:nvSpPr>
        <p:spPr>
          <a:xfrm>
            <a:off x="13032" y="299733"/>
            <a:ext cx="311678" cy="211224"/>
          </a:xfrm>
          <a:custGeom>
            <a:avLst/>
            <a:gdLst/>
            <a:ahLst/>
            <a:cxnLst/>
            <a:rect l="l" t="t" r="r" b="b"/>
            <a:pathLst>
              <a:path w="364490" h="247015">
                <a:moveTo>
                  <a:pt x="364236" y="0"/>
                </a:moveTo>
                <a:lnTo>
                  <a:pt x="0" y="0"/>
                </a:lnTo>
                <a:lnTo>
                  <a:pt x="0" y="246888"/>
                </a:lnTo>
                <a:lnTo>
                  <a:pt x="364236" y="246888"/>
                </a:lnTo>
                <a:lnTo>
                  <a:pt x="364236" y="239268"/>
                </a:lnTo>
                <a:lnTo>
                  <a:pt x="13716" y="239268"/>
                </a:lnTo>
                <a:lnTo>
                  <a:pt x="7620" y="233172"/>
                </a:lnTo>
                <a:lnTo>
                  <a:pt x="13716" y="233172"/>
                </a:lnTo>
                <a:lnTo>
                  <a:pt x="13716" y="13716"/>
                </a:lnTo>
                <a:lnTo>
                  <a:pt x="7620" y="13716"/>
                </a:lnTo>
                <a:lnTo>
                  <a:pt x="13716" y="6096"/>
                </a:lnTo>
                <a:lnTo>
                  <a:pt x="364236" y="6096"/>
                </a:lnTo>
                <a:lnTo>
                  <a:pt x="364236" y="0"/>
                </a:lnTo>
                <a:close/>
              </a:path>
              <a:path w="364490" h="247015">
                <a:moveTo>
                  <a:pt x="13716" y="233172"/>
                </a:moveTo>
                <a:lnTo>
                  <a:pt x="7620" y="233172"/>
                </a:lnTo>
                <a:lnTo>
                  <a:pt x="13716" y="239268"/>
                </a:lnTo>
                <a:lnTo>
                  <a:pt x="13716" y="233172"/>
                </a:lnTo>
                <a:close/>
              </a:path>
              <a:path w="364490" h="247015">
                <a:moveTo>
                  <a:pt x="350520" y="233172"/>
                </a:moveTo>
                <a:lnTo>
                  <a:pt x="13716" y="233172"/>
                </a:lnTo>
                <a:lnTo>
                  <a:pt x="13716" y="239268"/>
                </a:lnTo>
                <a:lnTo>
                  <a:pt x="350520" y="239268"/>
                </a:lnTo>
                <a:lnTo>
                  <a:pt x="350520" y="233172"/>
                </a:lnTo>
                <a:close/>
              </a:path>
              <a:path w="364490" h="247015">
                <a:moveTo>
                  <a:pt x="350520" y="6096"/>
                </a:moveTo>
                <a:lnTo>
                  <a:pt x="350520" y="239268"/>
                </a:lnTo>
                <a:lnTo>
                  <a:pt x="356616" y="233172"/>
                </a:lnTo>
                <a:lnTo>
                  <a:pt x="364236" y="233172"/>
                </a:lnTo>
                <a:lnTo>
                  <a:pt x="364236" y="13716"/>
                </a:lnTo>
                <a:lnTo>
                  <a:pt x="356616" y="13716"/>
                </a:lnTo>
                <a:lnTo>
                  <a:pt x="350520" y="6096"/>
                </a:lnTo>
                <a:close/>
              </a:path>
              <a:path w="364490" h="247015">
                <a:moveTo>
                  <a:pt x="364236" y="233172"/>
                </a:moveTo>
                <a:lnTo>
                  <a:pt x="356616" y="233172"/>
                </a:lnTo>
                <a:lnTo>
                  <a:pt x="350520" y="239268"/>
                </a:lnTo>
                <a:lnTo>
                  <a:pt x="364236" y="239268"/>
                </a:lnTo>
                <a:lnTo>
                  <a:pt x="364236" y="233172"/>
                </a:lnTo>
                <a:close/>
              </a:path>
              <a:path w="364490" h="247015">
                <a:moveTo>
                  <a:pt x="13716" y="6096"/>
                </a:moveTo>
                <a:lnTo>
                  <a:pt x="7620" y="13716"/>
                </a:lnTo>
                <a:lnTo>
                  <a:pt x="13716" y="13716"/>
                </a:lnTo>
                <a:lnTo>
                  <a:pt x="13716" y="6096"/>
                </a:lnTo>
                <a:close/>
              </a:path>
              <a:path w="364490" h="247015">
                <a:moveTo>
                  <a:pt x="350520" y="6096"/>
                </a:moveTo>
                <a:lnTo>
                  <a:pt x="13716" y="6096"/>
                </a:lnTo>
                <a:lnTo>
                  <a:pt x="13716" y="13716"/>
                </a:lnTo>
                <a:lnTo>
                  <a:pt x="350520" y="13716"/>
                </a:lnTo>
                <a:lnTo>
                  <a:pt x="350520" y="6096"/>
                </a:lnTo>
                <a:close/>
              </a:path>
              <a:path w="364490" h="247015">
                <a:moveTo>
                  <a:pt x="364236" y="6096"/>
                </a:moveTo>
                <a:lnTo>
                  <a:pt x="350520" y="6096"/>
                </a:lnTo>
                <a:lnTo>
                  <a:pt x="356616" y="13716"/>
                </a:lnTo>
                <a:lnTo>
                  <a:pt x="364236" y="13716"/>
                </a:lnTo>
                <a:lnTo>
                  <a:pt x="364236" y="6096"/>
                </a:lnTo>
                <a:close/>
              </a:path>
            </a:pathLst>
          </a:custGeom>
          <a:solidFill>
            <a:srgbClr val="3F87C8"/>
          </a:solidFill>
        </p:spPr>
        <p:txBody>
          <a:bodyPr wrap="square" lIns="0" tIns="0" rIns="0" bIns="0" rtlCol="0"/>
          <a:lstStyle/>
          <a:p>
            <a:endParaRPr sz="1539"/>
          </a:p>
        </p:txBody>
      </p:sp>
      <p:sp>
        <p:nvSpPr>
          <p:cNvPr id="16" name="object 16"/>
          <p:cNvSpPr txBox="1"/>
          <p:nvPr/>
        </p:nvSpPr>
        <p:spPr>
          <a:xfrm>
            <a:off x="93395" y="311027"/>
            <a:ext cx="151495" cy="152435"/>
          </a:xfrm>
          <a:prstGeom prst="rect">
            <a:avLst/>
          </a:prstGeom>
        </p:spPr>
        <p:txBody>
          <a:bodyPr vert="horz" wrap="square" lIns="0" tIns="14118" rIns="0" bIns="0" rtlCol="0">
            <a:spAutoFit/>
          </a:bodyPr>
          <a:lstStyle/>
          <a:p>
            <a:pPr marL="10860">
              <a:spcBef>
                <a:spcPts val="111"/>
              </a:spcBef>
            </a:pPr>
            <a:r>
              <a:rPr sz="898" spc="-21" dirty="0">
                <a:solidFill>
                  <a:srgbClr val="3F87C8"/>
                </a:solidFill>
                <a:latin typeface="ＭＳ Ｐゴシック"/>
                <a:cs typeface="ＭＳ Ｐゴシック"/>
              </a:rPr>
              <a:t>(5)</a:t>
            </a:r>
            <a:endParaRPr sz="898">
              <a:latin typeface="ＭＳ Ｐゴシック"/>
              <a:cs typeface="ＭＳ Ｐゴシック"/>
            </a:endParaRPr>
          </a:p>
        </p:txBody>
      </p:sp>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4308" y="2253203"/>
            <a:ext cx="9014225" cy="2596049"/>
          </a:xfrm>
          <a:custGeom>
            <a:avLst/>
            <a:gdLst/>
            <a:ahLst/>
            <a:cxnLst/>
            <a:rect l="l" t="t" r="r" b="b"/>
            <a:pathLst>
              <a:path w="10541635" h="3035935">
                <a:moveTo>
                  <a:pt x="10541508" y="0"/>
                </a:moveTo>
                <a:lnTo>
                  <a:pt x="0" y="0"/>
                </a:lnTo>
                <a:lnTo>
                  <a:pt x="0" y="3035808"/>
                </a:lnTo>
                <a:lnTo>
                  <a:pt x="10541508" y="3035808"/>
                </a:lnTo>
                <a:lnTo>
                  <a:pt x="10541508" y="3029712"/>
                </a:lnTo>
                <a:lnTo>
                  <a:pt x="13716" y="3029712"/>
                </a:lnTo>
                <a:lnTo>
                  <a:pt x="6096" y="3022092"/>
                </a:lnTo>
                <a:lnTo>
                  <a:pt x="13716" y="3022092"/>
                </a:lnTo>
                <a:lnTo>
                  <a:pt x="13716" y="13715"/>
                </a:lnTo>
                <a:lnTo>
                  <a:pt x="6096" y="13715"/>
                </a:lnTo>
                <a:lnTo>
                  <a:pt x="13716" y="7619"/>
                </a:lnTo>
                <a:lnTo>
                  <a:pt x="10541508" y="7619"/>
                </a:lnTo>
                <a:lnTo>
                  <a:pt x="10541508" y="0"/>
                </a:lnTo>
                <a:close/>
              </a:path>
              <a:path w="10541635" h="3035935">
                <a:moveTo>
                  <a:pt x="13716" y="3022092"/>
                </a:moveTo>
                <a:lnTo>
                  <a:pt x="6096" y="3022092"/>
                </a:lnTo>
                <a:lnTo>
                  <a:pt x="13716" y="3029712"/>
                </a:lnTo>
                <a:lnTo>
                  <a:pt x="13716" y="3022092"/>
                </a:lnTo>
                <a:close/>
              </a:path>
              <a:path w="10541635" h="3035935">
                <a:moveTo>
                  <a:pt x="10527791" y="3022092"/>
                </a:moveTo>
                <a:lnTo>
                  <a:pt x="13716" y="3022092"/>
                </a:lnTo>
                <a:lnTo>
                  <a:pt x="13716" y="3029712"/>
                </a:lnTo>
                <a:lnTo>
                  <a:pt x="10527791" y="3029712"/>
                </a:lnTo>
                <a:lnTo>
                  <a:pt x="10527791" y="3022092"/>
                </a:lnTo>
                <a:close/>
              </a:path>
              <a:path w="10541635" h="3035935">
                <a:moveTo>
                  <a:pt x="10527791" y="7619"/>
                </a:moveTo>
                <a:lnTo>
                  <a:pt x="10527791" y="3029712"/>
                </a:lnTo>
                <a:lnTo>
                  <a:pt x="10535412" y="3022092"/>
                </a:lnTo>
                <a:lnTo>
                  <a:pt x="10541508" y="3022091"/>
                </a:lnTo>
                <a:lnTo>
                  <a:pt x="10541508" y="13715"/>
                </a:lnTo>
                <a:lnTo>
                  <a:pt x="10535412" y="13715"/>
                </a:lnTo>
                <a:lnTo>
                  <a:pt x="10527791" y="7619"/>
                </a:lnTo>
                <a:close/>
              </a:path>
              <a:path w="10541635" h="3035935">
                <a:moveTo>
                  <a:pt x="10541508" y="3022091"/>
                </a:moveTo>
                <a:lnTo>
                  <a:pt x="10535412" y="3022092"/>
                </a:lnTo>
                <a:lnTo>
                  <a:pt x="10527791" y="3029712"/>
                </a:lnTo>
                <a:lnTo>
                  <a:pt x="10541508" y="3029712"/>
                </a:lnTo>
                <a:lnTo>
                  <a:pt x="10541508" y="3022091"/>
                </a:lnTo>
                <a:close/>
              </a:path>
              <a:path w="10541635" h="3035935">
                <a:moveTo>
                  <a:pt x="13716" y="7619"/>
                </a:moveTo>
                <a:lnTo>
                  <a:pt x="6096" y="13715"/>
                </a:lnTo>
                <a:lnTo>
                  <a:pt x="13716" y="13715"/>
                </a:lnTo>
                <a:lnTo>
                  <a:pt x="13716" y="7619"/>
                </a:lnTo>
                <a:close/>
              </a:path>
              <a:path w="10541635" h="3035935">
                <a:moveTo>
                  <a:pt x="10527791" y="7619"/>
                </a:moveTo>
                <a:lnTo>
                  <a:pt x="13716" y="7619"/>
                </a:lnTo>
                <a:lnTo>
                  <a:pt x="13716" y="13715"/>
                </a:lnTo>
                <a:lnTo>
                  <a:pt x="10527791" y="13715"/>
                </a:lnTo>
                <a:lnTo>
                  <a:pt x="10527791" y="7619"/>
                </a:lnTo>
                <a:close/>
              </a:path>
              <a:path w="10541635" h="3035935">
                <a:moveTo>
                  <a:pt x="10541508" y="7619"/>
                </a:moveTo>
                <a:lnTo>
                  <a:pt x="10527791" y="7619"/>
                </a:lnTo>
                <a:lnTo>
                  <a:pt x="10535412" y="13715"/>
                </a:lnTo>
                <a:lnTo>
                  <a:pt x="10541508" y="13715"/>
                </a:lnTo>
                <a:lnTo>
                  <a:pt x="10541508" y="7619"/>
                </a:lnTo>
                <a:close/>
              </a:path>
            </a:pathLst>
          </a:custGeom>
          <a:solidFill>
            <a:srgbClr val="000000"/>
          </a:solidFill>
        </p:spPr>
        <p:txBody>
          <a:bodyPr wrap="square" lIns="0" tIns="0" rIns="0" bIns="0" rtlCol="0"/>
          <a:lstStyle/>
          <a:p>
            <a:endParaRPr sz="1539"/>
          </a:p>
        </p:txBody>
      </p:sp>
      <p:grpSp>
        <p:nvGrpSpPr>
          <p:cNvPr id="3" name="object 3"/>
          <p:cNvGrpSpPr/>
          <p:nvPr/>
        </p:nvGrpSpPr>
        <p:grpSpPr>
          <a:xfrm>
            <a:off x="44308" y="5161908"/>
            <a:ext cx="9014225" cy="1127253"/>
            <a:chOff x="51815" y="5807964"/>
            <a:chExt cx="10541635" cy="1318260"/>
          </a:xfrm>
        </p:grpSpPr>
        <p:sp>
          <p:nvSpPr>
            <p:cNvPr id="4" name="object 4"/>
            <p:cNvSpPr/>
            <p:nvPr/>
          </p:nvSpPr>
          <p:spPr>
            <a:xfrm>
              <a:off x="57911" y="5815589"/>
              <a:ext cx="10529570" cy="1303020"/>
            </a:xfrm>
            <a:custGeom>
              <a:avLst/>
              <a:gdLst/>
              <a:ahLst/>
              <a:cxnLst/>
              <a:rect l="l" t="t" r="r" b="b"/>
              <a:pathLst>
                <a:path w="10529570" h="1303020">
                  <a:moveTo>
                    <a:pt x="10529316" y="0"/>
                  </a:moveTo>
                  <a:lnTo>
                    <a:pt x="0" y="0"/>
                  </a:lnTo>
                  <a:lnTo>
                    <a:pt x="0" y="1303019"/>
                  </a:lnTo>
                  <a:lnTo>
                    <a:pt x="10529316" y="1303019"/>
                  </a:lnTo>
                  <a:lnTo>
                    <a:pt x="10529316" y="0"/>
                  </a:lnTo>
                  <a:close/>
                </a:path>
              </a:pathLst>
            </a:custGeom>
            <a:solidFill>
              <a:srgbClr val="E2EFD8"/>
            </a:solidFill>
          </p:spPr>
          <p:txBody>
            <a:bodyPr wrap="square" lIns="0" tIns="0" rIns="0" bIns="0" rtlCol="0"/>
            <a:lstStyle/>
            <a:p>
              <a:endParaRPr sz="1539"/>
            </a:p>
          </p:txBody>
        </p:sp>
        <p:sp>
          <p:nvSpPr>
            <p:cNvPr id="5" name="object 5"/>
            <p:cNvSpPr/>
            <p:nvPr/>
          </p:nvSpPr>
          <p:spPr>
            <a:xfrm>
              <a:off x="51816" y="5807964"/>
              <a:ext cx="10541635" cy="1318895"/>
            </a:xfrm>
            <a:custGeom>
              <a:avLst/>
              <a:gdLst/>
              <a:ahLst/>
              <a:cxnLst/>
              <a:rect l="l" t="t" r="r" b="b"/>
              <a:pathLst>
                <a:path w="10541635" h="1318895">
                  <a:moveTo>
                    <a:pt x="10443972" y="938796"/>
                  </a:moveTo>
                  <a:lnTo>
                    <a:pt x="1684020" y="938796"/>
                  </a:lnTo>
                  <a:lnTo>
                    <a:pt x="1684020" y="950988"/>
                  </a:lnTo>
                  <a:lnTo>
                    <a:pt x="10443972" y="950988"/>
                  </a:lnTo>
                  <a:lnTo>
                    <a:pt x="10443972" y="938796"/>
                  </a:lnTo>
                  <a:close/>
                </a:path>
                <a:path w="10541635" h="1318895">
                  <a:moveTo>
                    <a:pt x="10541508" y="0"/>
                  </a:moveTo>
                  <a:lnTo>
                    <a:pt x="10527792" y="0"/>
                  </a:lnTo>
                  <a:lnTo>
                    <a:pt x="10527792" y="13716"/>
                  </a:lnTo>
                  <a:lnTo>
                    <a:pt x="10527792" y="1304556"/>
                  </a:lnTo>
                  <a:lnTo>
                    <a:pt x="13716" y="1304556"/>
                  </a:lnTo>
                  <a:lnTo>
                    <a:pt x="13716" y="13716"/>
                  </a:lnTo>
                  <a:lnTo>
                    <a:pt x="10527792" y="13716"/>
                  </a:lnTo>
                  <a:lnTo>
                    <a:pt x="10527792" y="0"/>
                  </a:lnTo>
                  <a:lnTo>
                    <a:pt x="0" y="0"/>
                  </a:lnTo>
                  <a:lnTo>
                    <a:pt x="0" y="1318272"/>
                  </a:lnTo>
                  <a:lnTo>
                    <a:pt x="10541508" y="1318272"/>
                  </a:lnTo>
                  <a:lnTo>
                    <a:pt x="10541508" y="1310652"/>
                  </a:lnTo>
                  <a:lnTo>
                    <a:pt x="10541508" y="1304556"/>
                  </a:lnTo>
                  <a:lnTo>
                    <a:pt x="10541508" y="13716"/>
                  </a:lnTo>
                  <a:lnTo>
                    <a:pt x="10541508" y="7620"/>
                  </a:lnTo>
                  <a:lnTo>
                    <a:pt x="10541508" y="0"/>
                  </a:lnTo>
                  <a:close/>
                </a:path>
              </a:pathLst>
            </a:custGeom>
            <a:solidFill>
              <a:srgbClr val="000000"/>
            </a:solidFill>
          </p:spPr>
          <p:txBody>
            <a:bodyPr wrap="square" lIns="0" tIns="0" rIns="0" bIns="0" rtlCol="0"/>
            <a:lstStyle/>
            <a:p>
              <a:endParaRPr sz="1539"/>
            </a:p>
          </p:txBody>
        </p:sp>
      </p:grpSp>
      <p:sp>
        <p:nvSpPr>
          <p:cNvPr id="6" name="object 6"/>
          <p:cNvSpPr txBox="1"/>
          <p:nvPr/>
        </p:nvSpPr>
        <p:spPr>
          <a:xfrm>
            <a:off x="17809" y="4868778"/>
            <a:ext cx="8968070" cy="1375476"/>
          </a:xfrm>
          <a:prstGeom prst="rect">
            <a:avLst/>
          </a:prstGeom>
        </p:spPr>
        <p:txBody>
          <a:bodyPr vert="horz" wrap="square" lIns="0" tIns="53756" rIns="0" bIns="0" rtlCol="0">
            <a:spAutoFit/>
          </a:bodyPr>
          <a:lstStyle/>
          <a:p>
            <a:pPr marL="10860">
              <a:spcBef>
                <a:spcPts val="423"/>
              </a:spcBef>
            </a:pPr>
            <a:r>
              <a:rPr sz="1667" spc="-21" dirty="0">
                <a:latin typeface="Meiryo UI"/>
                <a:cs typeface="Meiryo UI"/>
              </a:rPr>
              <a:t>＜</a:t>
            </a:r>
            <a:r>
              <a:rPr sz="1667" spc="-30" dirty="0">
                <a:latin typeface="ＭＳ Ｐゴシック"/>
                <a:cs typeface="ＭＳ Ｐゴシック"/>
              </a:rPr>
              <a:t>インフラメンテナンスにおける新技術活用に係る議事の概要＞</a:t>
            </a:r>
            <a:endParaRPr sz="1667">
              <a:latin typeface="ＭＳ Ｐゴシック"/>
              <a:cs typeface="ＭＳ Ｐゴシック"/>
            </a:endParaRPr>
          </a:p>
          <a:p>
            <a:pPr marL="116200" marR="4344" indent="143349" algn="just">
              <a:lnSpc>
                <a:spcPct val="100299"/>
              </a:lnSpc>
              <a:spcBef>
                <a:spcPts val="333"/>
              </a:spcBef>
            </a:pPr>
            <a:r>
              <a:rPr sz="1667" spc="-21" dirty="0">
                <a:latin typeface="ＭＳ Ｐゴシック"/>
                <a:cs typeface="ＭＳ Ｐゴシック"/>
              </a:rPr>
              <a:t>令和２年４月に開催された規制改革推進会議において成長戦略ワーキング・グループはインフラメ</a:t>
            </a:r>
            <a:r>
              <a:rPr sz="1667" spc="-13" dirty="0">
                <a:latin typeface="ＭＳ Ｐゴシック"/>
                <a:cs typeface="ＭＳ Ｐゴシック"/>
              </a:rPr>
              <a:t>ンテナンスにおける新技術・データ利活用に向けた意見を提出。意見には、インフラ所管省庁は、所</a:t>
            </a:r>
            <a:r>
              <a:rPr sz="1667" spc="-17" dirty="0">
                <a:latin typeface="ＭＳ Ｐゴシック"/>
                <a:cs typeface="ＭＳ Ｐゴシック"/>
              </a:rPr>
              <a:t>管施設に関し、</a:t>
            </a:r>
            <a:r>
              <a:rPr sz="1667" b="1" spc="-26" dirty="0">
                <a:latin typeface="ＭＳ Ｐゴシック"/>
                <a:cs typeface="ＭＳ Ｐゴシック"/>
              </a:rPr>
              <a:t>新技術導入につながる取組について実施を検討し、検討結果及び取組スケジュール</a:t>
            </a:r>
            <a:r>
              <a:rPr sz="1667" b="1" spc="-17" dirty="0">
                <a:latin typeface="ＭＳ Ｐゴシック"/>
                <a:cs typeface="ＭＳ Ｐゴシック"/>
              </a:rPr>
              <a:t>を公表する</a:t>
            </a:r>
            <a:r>
              <a:rPr sz="1667" spc="-30" dirty="0">
                <a:latin typeface="ＭＳ Ｐゴシック"/>
                <a:cs typeface="ＭＳ Ｐゴシック"/>
              </a:rPr>
              <a:t>旨記載。</a:t>
            </a:r>
            <a:endParaRPr sz="1667">
              <a:latin typeface="ＭＳ Ｐゴシック"/>
              <a:cs typeface="ＭＳ Ｐゴシック"/>
            </a:endParaRPr>
          </a:p>
        </p:txBody>
      </p:sp>
      <p:sp>
        <p:nvSpPr>
          <p:cNvPr id="7" name="object 7"/>
          <p:cNvSpPr/>
          <p:nvPr/>
        </p:nvSpPr>
        <p:spPr>
          <a:xfrm>
            <a:off x="134227" y="6217489"/>
            <a:ext cx="995849" cy="10860"/>
          </a:xfrm>
          <a:custGeom>
            <a:avLst/>
            <a:gdLst/>
            <a:ahLst/>
            <a:cxnLst/>
            <a:rect l="l" t="t" r="r" b="b"/>
            <a:pathLst>
              <a:path w="1164590" h="12700">
                <a:moveTo>
                  <a:pt x="1164336" y="0"/>
                </a:moveTo>
                <a:lnTo>
                  <a:pt x="0" y="0"/>
                </a:lnTo>
                <a:lnTo>
                  <a:pt x="0" y="12191"/>
                </a:lnTo>
                <a:lnTo>
                  <a:pt x="1164336" y="12191"/>
                </a:lnTo>
                <a:lnTo>
                  <a:pt x="1164336" y="0"/>
                </a:lnTo>
                <a:close/>
              </a:path>
            </a:pathLst>
          </a:custGeom>
          <a:solidFill>
            <a:srgbClr val="000000"/>
          </a:solidFill>
        </p:spPr>
        <p:txBody>
          <a:bodyPr wrap="square" lIns="0" tIns="0" rIns="0" bIns="0" rtlCol="0"/>
          <a:lstStyle/>
          <a:p>
            <a:endParaRPr sz="1539"/>
          </a:p>
        </p:txBody>
      </p:sp>
      <p:graphicFrame>
        <p:nvGraphicFramePr>
          <p:cNvPr id="8" name="object 8"/>
          <p:cNvGraphicFramePr>
            <a:graphicFrameLocks noGrp="1"/>
          </p:cNvGraphicFramePr>
          <p:nvPr/>
        </p:nvGraphicFramePr>
        <p:xfrm>
          <a:off x="204816" y="2334326"/>
          <a:ext cx="4827207" cy="1834113"/>
        </p:xfrm>
        <a:graphic>
          <a:graphicData uri="http://schemas.openxmlformats.org/drawingml/2006/table">
            <a:tbl>
              <a:tblPr firstRow="1" bandRow="1">
                <a:tableStyleId>{2D5ABB26-0587-4C30-8999-92F81FD0307C}</a:tableStyleId>
              </a:tblPr>
              <a:tblGrid>
                <a:gridCol w="307877">
                  <a:extLst>
                    <a:ext uri="{9D8B030D-6E8A-4147-A177-3AD203B41FA5}">
                      <a16:colId xmlns:a16="http://schemas.microsoft.com/office/drawing/2014/main" val="20000"/>
                    </a:ext>
                  </a:extLst>
                </a:gridCol>
                <a:gridCol w="496838">
                  <a:extLst>
                    <a:ext uri="{9D8B030D-6E8A-4147-A177-3AD203B41FA5}">
                      <a16:colId xmlns:a16="http://schemas.microsoft.com/office/drawing/2014/main" val="20001"/>
                    </a:ext>
                  </a:extLst>
                </a:gridCol>
                <a:gridCol w="486522">
                  <a:extLst>
                    <a:ext uri="{9D8B030D-6E8A-4147-A177-3AD203B41FA5}">
                      <a16:colId xmlns:a16="http://schemas.microsoft.com/office/drawing/2014/main" val="20002"/>
                    </a:ext>
                  </a:extLst>
                </a:gridCol>
                <a:gridCol w="3535970">
                  <a:extLst>
                    <a:ext uri="{9D8B030D-6E8A-4147-A177-3AD203B41FA5}">
                      <a16:colId xmlns:a16="http://schemas.microsoft.com/office/drawing/2014/main" val="20003"/>
                    </a:ext>
                  </a:extLst>
                </a:gridCol>
              </a:tblGrid>
              <a:tr h="205794">
                <a:tc>
                  <a:txBody>
                    <a:bodyPr/>
                    <a:lstStyle/>
                    <a:p>
                      <a:pPr marL="31750">
                        <a:lnSpc>
                          <a:spcPts val="1795"/>
                        </a:lnSpc>
                      </a:pPr>
                      <a:r>
                        <a:rPr sz="1500" spc="-50" dirty="0">
                          <a:latin typeface="ＭＳ Ｐゴシック"/>
                          <a:cs typeface="ＭＳ Ｐゴシック"/>
                        </a:rPr>
                        <a:t>座</a:t>
                      </a:r>
                      <a:endParaRPr sz="1500">
                        <a:latin typeface="ＭＳ Ｐゴシック"/>
                        <a:cs typeface="ＭＳ Ｐゴシック"/>
                      </a:endParaRPr>
                    </a:p>
                  </a:txBody>
                  <a:tcPr marL="0" marR="0" marT="0" marB="0"/>
                </a:tc>
                <a:tc>
                  <a:txBody>
                    <a:bodyPr/>
                    <a:lstStyle/>
                    <a:p>
                      <a:pPr marR="25400" algn="r">
                        <a:lnSpc>
                          <a:spcPts val="1795"/>
                        </a:lnSpc>
                      </a:pPr>
                      <a:r>
                        <a:rPr sz="1500" spc="-50" dirty="0">
                          <a:latin typeface="ＭＳ Ｐゴシック"/>
                          <a:cs typeface="ＭＳ Ｐゴシック"/>
                        </a:rPr>
                        <a:t>長</a:t>
                      </a:r>
                      <a:endParaRPr sz="1500">
                        <a:latin typeface="ＭＳ Ｐゴシック"/>
                        <a:cs typeface="ＭＳ Ｐゴシック"/>
                      </a:endParaRPr>
                    </a:p>
                  </a:txBody>
                  <a:tcPr marL="0" marR="0" marT="0" marB="0"/>
                </a:tc>
                <a:tc gridSpan="2">
                  <a:txBody>
                    <a:bodyPr/>
                    <a:lstStyle/>
                    <a:p>
                      <a:pPr>
                        <a:lnSpc>
                          <a:spcPct val="100000"/>
                        </a:lnSpc>
                      </a:pPr>
                      <a:endParaRPr sz="1200">
                        <a:latin typeface="Times New Roman"/>
                        <a:cs typeface="Times New Roman"/>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224256">
                <a:tc>
                  <a:txBody>
                    <a:bodyPr/>
                    <a:lstStyle/>
                    <a:p>
                      <a:pPr>
                        <a:lnSpc>
                          <a:spcPct val="100000"/>
                        </a:lnSpc>
                      </a:pPr>
                      <a:endParaRPr sz="1400">
                        <a:latin typeface="Times New Roman"/>
                        <a:cs typeface="Times New Roman"/>
                      </a:endParaRPr>
                    </a:p>
                  </a:txBody>
                  <a:tcPr marL="0" marR="0" marT="0" marB="0"/>
                </a:tc>
                <a:tc>
                  <a:txBody>
                    <a:bodyPr/>
                    <a:lstStyle/>
                    <a:p>
                      <a:pPr marR="25400" algn="r">
                        <a:lnSpc>
                          <a:spcPts val="1970"/>
                        </a:lnSpc>
                      </a:pPr>
                      <a:r>
                        <a:rPr sz="1500" spc="-25" dirty="0">
                          <a:latin typeface="ＭＳ Ｐゴシック"/>
                          <a:cs typeface="ＭＳ Ｐゴシック"/>
                        </a:rPr>
                        <a:t>大橋</a:t>
                      </a:r>
                      <a:endParaRPr sz="1500">
                        <a:latin typeface="ＭＳ Ｐゴシック"/>
                        <a:cs typeface="ＭＳ Ｐゴシック"/>
                      </a:endParaRPr>
                    </a:p>
                  </a:txBody>
                  <a:tcPr marL="0" marR="0" marT="0" marB="0"/>
                </a:tc>
                <a:tc>
                  <a:txBody>
                    <a:bodyPr/>
                    <a:lstStyle/>
                    <a:p>
                      <a:pPr marR="96520" algn="r">
                        <a:lnSpc>
                          <a:spcPts val="1970"/>
                        </a:lnSpc>
                      </a:pPr>
                      <a:r>
                        <a:rPr sz="1500" spc="-50" dirty="0">
                          <a:latin typeface="ＭＳ Ｐゴシック"/>
                          <a:cs typeface="ＭＳ Ｐゴシック"/>
                        </a:rPr>
                        <a:t>弘</a:t>
                      </a:r>
                      <a:endParaRPr sz="1500">
                        <a:latin typeface="ＭＳ Ｐゴシック"/>
                        <a:cs typeface="ＭＳ Ｐゴシック"/>
                      </a:endParaRPr>
                    </a:p>
                  </a:txBody>
                  <a:tcPr marL="0" marR="0" marT="0" marB="0"/>
                </a:tc>
                <a:tc>
                  <a:txBody>
                    <a:bodyPr/>
                    <a:lstStyle/>
                    <a:p>
                      <a:pPr marL="108585">
                        <a:lnSpc>
                          <a:spcPts val="1970"/>
                        </a:lnSpc>
                      </a:pPr>
                      <a:r>
                        <a:rPr sz="1500" spc="-5" dirty="0">
                          <a:latin typeface="ＭＳ Ｐゴシック"/>
                          <a:cs typeface="ＭＳ Ｐゴシック"/>
                        </a:rPr>
                        <a:t>東京大学公共政策大学院副院長</a:t>
                      </a:r>
                      <a:endParaRPr sz="1500">
                        <a:latin typeface="ＭＳ Ｐゴシック"/>
                        <a:cs typeface="ＭＳ Ｐゴシック"/>
                      </a:endParaRPr>
                    </a:p>
                  </a:txBody>
                  <a:tcPr marL="0" marR="0" marT="0" marB="0"/>
                </a:tc>
                <a:extLst>
                  <a:ext uri="{0D108BD9-81ED-4DB2-BD59-A6C34878D82A}">
                    <a16:rowId xmlns:a16="http://schemas.microsoft.com/office/drawing/2014/main" val="10001"/>
                  </a:ext>
                </a:extLst>
              </a:tr>
              <a:tr h="225342">
                <a:tc>
                  <a:txBody>
                    <a:bodyPr/>
                    <a:lstStyle/>
                    <a:p>
                      <a:pPr marL="31750">
                        <a:lnSpc>
                          <a:spcPts val="1975"/>
                        </a:lnSpc>
                      </a:pPr>
                      <a:r>
                        <a:rPr sz="1500" spc="-50" dirty="0">
                          <a:latin typeface="ＭＳ Ｐゴシック"/>
                          <a:cs typeface="ＭＳ Ｐゴシック"/>
                        </a:rPr>
                        <a:t>委</a:t>
                      </a:r>
                      <a:endParaRPr sz="1500">
                        <a:latin typeface="ＭＳ Ｐゴシック"/>
                        <a:cs typeface="ＭＳ Ｐゴシック"/>
                      </a:endParaRPr>
                    </a:p>
                  </a:txBody>
                  <a:tcPr marL="0" marR="0" marT="0" marB="0"/>
                </a:tc>
                <a:tc>
                  <a:txBody>
                    <a:bodyPr/>
                    <a:lstStyle/>
                    <a:p>
                      <a:pPr marR="25400" algn="r">
                        <a:lnSpc>
                          <a:spcPts val="1975"/>
                        </a:lnSpc>
                      </a:pPr>
                      <a:r>
                        <a:rPr sz="1500" spc="-50" dirty="0">
                          <a:latin typeface="ＭＳ Ｐゴシック"/>
                          <a:cs typeface="ＭＳ Ｐゴシック"/>
                        </a:rPr>
                        <a:t>員</a:t>
                      </a:r>
                      <a:endParaRPr sz="1500">
                        <a:latin typeface="ＭＳ Ｐゴシック"/>
                        <a:cs typeface="ＭＳ Ｐゴシック"/>
                      </a:endParaRPr>
                    </a:p>
                  </a:txBody>
                  <a:tcPr marL="0" marR="0" marT="0" marB="0"/>
                </a:tc>
                <a:tc>
                  <a:txBody>
                    <a:bodyPr/>
                    <a:lstStyle/>
                    <a:p>
                      <a:pPr>
                        <a:lnSpc>
                          <a:spcPct val="100000"/>
                        </a:lnSpc>
                      </a:pPr>
                      <a:endParaRPr sz="1400">
                        <a:latin typeface="Times New Roman"/>
                        <a:cs typeface="Times New Roman"/>
                      </a:endParaRPr>
                    </a:p>
                  </a:txBody>
                  <a:tcPr marL="0" marR="0" marT="0" marB="0"/>
                </a:tc>
                <a:tc>
                  <a:txBody>
                    <a:bodyPr/>
                    <a:lstStyle/>
                    <a:p>
                      <a:pPr>
                        <a:lnSpc>
                          <a:spcPct val="100000"/>
                        </a:lnSpc>
                      </a:pPr>
                      <a:endParaRPr sz="1400">
                        <a:latin typeface="Times New Roman"/>
                        <a:cs typeface="Times New Roman"/>
                      </a:endParaRPr>
                    </a:p>
                  </a:txBody>
                  <a:tcPr marL="0" marR="0" marT="0" marB="0"/>
                </a:tc>
                <a:extLst>
                  <a:ext uri="{0D108BD9-81ED-4DB2-BD59-A6C34878D82A}">
                    <a16:rowId xmlns:a16="http://schemas.microsoft.com/office/drawing/2014/main" val="10002"/>
                  </a:ext>
                </a:extLst>
              </a:tr>
              <a:tr h="225342">
                <a:tc>
                  <a:txBody>
                    <a:bodyPr/>
                    <a:lstStyle/>
                    <a:p>
                      <a:pPr>
                        <a:lnSpc>
                          <a:spcPct val="100000"/>
                        </a:lnSpc>
                      </a:pPr>
                      <a:endParaRPr sz="1400">
                        <a:latin typeface="Times New Roman"/>
                        <a:cs typeface="Times New Roman"/>
                      </a:endParaRPr>
                    </a:p>
                  </a:txBody>
                  <a:tcPr marL="0" marR="0" marT="0" marB="0"/>
                </a:tc>
                <a:tc>
                  <a:txBody>
                    <a:bodyPr/>
                    <a:lstStyle/>
                    <a:p>
                      <a:pPr marR="25400" algn="r">
                        <a:lnSpc>
                          <a:spcPts val="1975"/>
                        </a:lnSpc>
                      </a:pPr>
                      <a:r>
                        <a:rPr sz="1500" spc="-25" dirty="0">
                          <a:latin typeface="ＭＳ Ｐゴシック"/>
                          <a:cs typeface="ＭＳ Ｐゴシック"/>
                        </a:rPr>
                        <a:t>菅原</a:t>
                      </a:r>
                      <a:endParaRPr sz="1500">
                        <a:latin typeface="ＭＳ Ｐゴシック"/>
                        <a:cs typeface="ＭＳ Ｐゴシック"/>
                      </a:endParaRPr>
                    </a:p>
                  </a:txBody>
                  <a:tcPr marL="0" marR="0" marT="0" marB="0"/>
                </a:tc>
                <a:tc>
                  <a:txBody>
                    <a:bodyPr/>
                    <a:lstStyle/>
                    <a:p>
                      <a:pPr marR="88900" algn="r">
                        <a:lnSpc>
                          <a:spcPts val="1975"/>
                        </a:lnSpc>
                      </a:pPr>
                      <a:r>
                        <a:rPr sz="1500" spc="-25" dirty="0">
                          <a:latin typeface="ＭＳ Ｐゴシック"/>
                          <a:cs typeface="ＭＳ Ｐゴシック"/>
                        </a:rPr>
                        <a:t>晶子</a:t>
                      </a:r>
                      <a:endParaRPr sz="1500">
                        <a:latin typeface="ＭＳ Ｐゴシック"/>
                        <a:cs typeface="ＭＳ Ｐゴシック"/>
                      </a:endParaRPr>
                    </a:p>
                  </a:txBody>
                  <a:tcPr marL="0" marR="0" marT="0" marB="0"/>
                </a:tc>
                <a:tc>
                  <a:txBody>
                    <a:bodyPr/>
                    <a:lstStyle/>
                    <a:p>
                      <a:pPr marL="114935">
                        <a:lnSpc>
                          <a:spcPts val="1975"/>
                        </a:lnSpc>
                      </a:pPr>
                      <a:r>
                        <a:rPr sz="1500" spc="-5" dirty="0">
                          <a:latin typeface="ＭＳ Ｐゴシック"/>
                          <a:cs typeface="ＭＳ Ｐゴシック"/>
                        </a:rPr>
                        <a:t>公益社団法人経済同友会常務理事</a:t>
                      </a:r>
                      <a:endParaRPr sz="1500">
                        <a:latin typeface="ＭＳ Ｐゴシック"/>
                        <a:cs typeface="ＭＳ Ｐゴシック"/>
                      </a:endParaRPr>
                    </a:p>
                  </a:txBody>
                  <a:tcPr marL="0" marR="0" marT="0" marB="0"/>
                </a:tc>
                <a:extLst>
                  <a:ext uri="{0D108BD9-81ED-4DB2-BD59-A6C34878D82A}">
                    <a16:rowId xmlns:a16="http://schemas.microsoft.com/office/drawing/2014/main" val="10003"/>
                  </a:ext>
                </a:extLst>
              </a:tr>
              <a:tr h="225342">
                <a:tc>
                  <a:txBody>
                    <a:bodyPr/>
                    <a:lstStyle/>
                    <a:p>
                      <a:pPr>
                        <a:lnSpc>
                          <a:spcPct val="100000"/>
                        </a:lnSpc>
                      </a:pPr>
                      <a:endParaRPr sz="1400">
                        <a:latin typeface="Times New Roman"/>
                        <a:cs typeface="Times New Roman"/>
                      </a:endParaRPr>
                    </a:p>
                  </a:txBody>
                  <a:tcPr marL="0" marR="0" marT="0" marB="0"/>
                </a:tc>
                <a:tc>
                  <a:txBody>
                    <a:bodyPr/>
                    <a:lstStyle/>
                    <a:p>
                      <a:pPr marR="25400" algn="r">
                        <a:lnSpc>
                          <a:spcPts val="1975"/>
                        </a:lnSpc>
                      </a:pPr>
                      <a:r>
                        <a:rPr sz="1500" spc="-25" dirty="0">
                          <a:latin typeface="ＭＳ Ｐゴシック"/>
                          <a:cs typeface="ＭＳ Ｐゴシック"/>
                        </a:rPr>
                        <a:t>髙橋</a:t>
                      </a:r>
                      <a:endParaRPr sz="1500">
                        <a:latin typeface="ＭＳ Ｐゴシック"/>
                        <a:cs typeface="ＭＳ Ｐゴシック"/>
                      </a:endParaRPr>
                    </a:p>
                  </a:txBody>
                  <a:tcPr marL="0" marR="0" marT="0" marB="0"/>
                </a:tc>
                <a:tc>
                  <a:txBody>
                    <a:bodyPr/>
                    <a:lstStyle/>
                    <a:p>
                      <a:pPr marR="108585" algn="r">
                        <a:lnSpc>
                          <a:spcPts val="1975"/>
                        </a:lnSpc>
                      </a:pPr>
                      <a:r>
                        <a:rPr sz="1500" spc="-50" dirty="0">
                          <a:latin typeface="ＭＳ Ｐゴシック"/>
                          <a:cs typeface="ＭＳ Ｐゴシック"/>
                        </a:rPr>
                        <a:t>滋</a:t>
                      </a:r>
                      <a:endParaRPr sz="1500">
                        <a:latin typeface="ＭＳ Ｐゴシック"/>
                        <a:cs typeface="ＭＳ Ｐゴシック"/>
                      </a:endParaRPr>
                    </a:p>
                  </a:txBody>
                  <a:tcPr marL="0" marR="0" marT="0" marB="0"/>
                </a:tc>
                <a:tc>
                  <a:txBody>
                    <a:bodyPr/>
                    <a:lstStyle/>
                    <a:p>
                      <a:pPr marL="96520">
                        <a:lnSpc>
                          <a:spcPts val="1975"/>
                        </a:lnSpc>
                      </a:pPr>
                      <a:r>
                        <a:rPr sz="1500" spc="-10" dirty="0">
                          <a:latin typeface="ＭＳ Ｐゴシック"/>
                          <a:cs typeface="ＭＳ Ｐゴシック"/>
                        </a:rPr>
                        <a:t>法政大学法学部教授</a:t>
                      </a:r>
                      <a:endParaRPr sz="1500">
                        <a:latin typeface="ＭＳ Ｐゴシック"/>
                        <a:cs typeface="ＭＳ Ｐゴシック"/>
                      </a:endParaRPr>
                    </a:p>
                  </a:txBody>
                  <a:tcPr marL="0" marR="0" marT="0" marB="0"/>
                </a:tc>
                <a:extLst>
                  <a:ext uri="{0D108BD9-81ED-4DB2-BD59-A6C34878D82A}">
                    <a16:rowId xmlns:a16="http://schemas.microsoft.com/office/drawing/2014/main" val="10004"/>
                  </a:ext>
                </a:extLst>
              </a:tr>
              <a:tr h="224256">
                <a:tc>
                  <a:txBody>
                    <a:bodyPr/>
                    <a:lstStyle/>
                    <a:p>
                      <a:pPr>
                        <a:lnSpc>
                          <a:spcPct val="100000"/>
                        </a:lnSpc>
                      </a:pPr>
                      <a:endParaRPr sz="1400">
                        <a:latin typeface="Times New Roman"/>
                        <a:cs typeface="Times New Roman"/>
                      </a:endParaRPr>
                    </a:p>
                  </a:txBody>
                  <a:tcPr marL="0" marR="0" marT="0" marB="0"/>
                </a:tc>
                <a:tc>
                  <a:txBody>
                    <a:bodyPr/>
                    <a:lstStyle/>
                    <a:p>
                      <a:pPr marR="25400" algn="r">
                        <a:lnSpc>
                          <a:spcPts val="1970"/>
                        </a:lnSpc>
                      </a:pPr>
                      <a:r>
                        <a:rPr sz="1500" spc="-25" dirty="0">
                          <a:latin typeface="ＭＳ Ｐゴシック"/>
                          <a:cs typeface="ＭＳ Ｐゴシック"/>
                        </a:rPr>
                        <a:t>武井</a:t>
                      </a:r>
                      <a:endParaRPr sz="1500">
                        <a:latin typeface="ＭＳ Ｐゴシック"/>
                        <a:cs typeface="ＭＳ Ｐゴシック"/>
                      </a:endParaRPr>
                    </a:p>
                  </a:txBody>
                  <a:tcPr marL="0" marR="0" marT="0" marB="0"/>
                </a:tc>
                <a:tc>
                  <a:txBody>
                    <a:bodyPr/>
                    <a:lstStyle/>
                    <a:p>
                      <a:pPr marR="88900" algn="r">
                        <a:lnSpc>
                          <a:spcPts val="1970"/>
                        </a:lnSpc>
                      </a:pPr>
                      <a:r>
                        <a:rPr sz="1500" spc="-25" dirty="0">
                          <a:latin typeface="ＭＳ Ｐゴシック"/>
                          <a:cs typeface="ＭＳ Ｐゴシック"/>
                        </a:rPr>
                        <a:t>一浩</a:t>
                      </a:r>
                      <a:endParaRPr sz="1500">
                        <a:latin typeface="ＭＳ Ｐゴシック"/>
                        <a:cs typeface="ＭＳ Ｐゴシック"/>
                      </a:endParaRPr>
                    </a:p>
                  </a:txBody>
                  <a:tcPr marL="0" marR="0" marT="0" marB="0"/>
                </a:tc>
                <a:tc>
                  <a:txBody>
                    <a:bodyPr/>
                    <a:lstStyle/>
                    <a:p>
                      <a:pPr marL="114935">
                        <a:lnSpc>
                          <a:spcPts val="1970"/>
                        </a:lnSpc>
                      </a:pPr>
                      <a:r>
                        <a:rPr sz="1500" dirty="0">
                          <a:latin typeface="ＭＳ Ｐゴシック"/>
                          <a:cs typeface="ＭＳ Ｐゴシック"/>
                        </a:rPr>
                        <a:t>西村あさひ法律事務所弁護士（パートナー</a:t>
                      </a:r>
                      <a:r>
                        <a:rPr sz="1500" spc="-50" dirty="0">
                          <a:latin typeface="ＭＳ Ｐゴシック"/>
                          <a:cs typeface="ＭＳ Ｐゴシック"/>
                        </a:rPr>
                        <a:t>）</a:t>
                      </a:r>
                      <a:endParaRPr sz="1500">
                        <a:latin typeface="ＭＳ Ｐゴシック"/>
                        <a:cs typeface="ＭＳ Ｐゴシック"/>
                      </a:endParaRPr>
                    </a:p>
                  </a:txBody>
                  <a:tcPr marL="0" marR="0" marT="0" marB="0"/>
                </a:tc>
                <a:extLst>
                  <a:ext uri="{0D108BD9-81ED-4DB2-BD59-A6C34878D82A}">
                    <a16:rowId xmlns:a16="http://schemas.microsoft.com/office/drawing/2014/main" val="10005"/>
                  </a:ext>
                </a:extLst>
              </a:tr>
              <a:tr h="205794">
                <a:tc>
                  <a:txBody>
                    <a:bodyPr/>
                    <a:lstStyle/>
                    <a:p>
                      <a:pPr>
                        <a:lnSpc>
                          <a:spcPct val="100000"/>
                        </a:lnSpc>
                      </a:pPr>
                      <a:endParaRPr sz="1200">
                        <a:latin typeface="Times New Roman"/>
                        <a:cs typeface="Times New Roman"/>
                      </a:endParaRPr>
                    </a:p>
                  </a:txBody>
                  <a:tcPr marL="0" marR="0" marT="0" marB="0"/>
                </a:tc>
                <a:tc>
                  <a:txBody>
                    <a:bodyPr/>
                    <a:lstStyle/>
                    <a:p>
                      <a:pPr marR="25400" algn="r">
                        <a:lnSpc>
                          <a:spcPts val="1795"/>
                        </a:lnSpc>
                      </a:pPr>
                      <a:r>
                        <a:rPr sz="1500" spc="-25" dirty="0">
                          <a:latin typeface="ＭＳ Ｐゴシック"/>
                          <a:cs typeface="ＭＳ Ｐゴシック"/>
                        </a:rPr>
                        <a:t>谷口</a:t>
                      </a:r>
                      <a:endParaRPr sz="1500">
                        <a:latin typeface="ＭＳ Ｐゴシック"/>
                        <a:cs typeface="ＭＳ Ｐゴシック"/>
                      </a:endParaRPr>
                    </a:p>
                  </a:txBody>
                  <a:tcPr marL="0" marR="0" marT="0" marB="0"/>
                </a:tc>
                <a:tc>
                  <a:txBody>
                    <a:bodyPr/>
                    <a:lstStyle/>
                    <a:p>
                      <a:pPr marR="88900" algn="r">
                        <a:lnSpc>
                          <a:spcPts val="1795"/>
                        </a:lnSpc>
                      </a:pPr>
                      <a:r>
                        <a:rPr sz="1500" spc="-25" dirty="0">
                          <a:latin typeface="ＭＳ Ｐゴシック"/>
                          <a:cs typeface="ＭＳ Ｐゴシック"/>
                        </a:rPr>
                        <a:t>綾子</a:t>
                      </a:r>
                      <a:endParaRPr sz="1500">
                        <a:latin typeface="ＭＳ Ｐゴシック"/>
                        <a:cs typeface="ＭＳ Ｐゴシック"/>
                      </a:endParaRPr>
                    </a:p>
                  </a:txBody>
                  <a:tcPr marL="0" marR="0" marT="0" marB="0"/>
                </a:tc>
                <a:tc>
                  <a:txBody>
                    <a:bodyPr/>
                    <a:lstStyle/>
                    <a:p>
                      <a:pPr marL="114935">
                        <a:lnSpc>
                          <a:spcPts val="1795"/>
                        </a:lnSpc>
                      </a:pPr>
                      <a:r>
                        <a:rPr sz="1500" spc="-5" dirty="0">
                          <a:latin typeface="ＭＳ Ｐゴシック"/>
                          <a:cs typeface="ＭＳ Ｐゴシック"/>
                        </a:rPr>
                        <a:t>筑波大学システム情報系教授</a:t>
                      </a:r>
                      <a:endParaRPr sz="1500">
                        <a:latin typeface="ＭＳ Ｐゴシック"/>
                        <a:cs typeface="ＭＳ Ｐゴシック"/>
                      </a:endParaRPr>
                    </a:p>
                  </a:txBody>
                  <a:tcPr marL="0" marR="0" marT="0" marB="0"/>
                </a:tc>
                <a:extLst>
                  <a:ext uri="{0D108BD9-81ED-4DB2-BD59-A6C34878D82A}">
                    <a16:rowId xmlns:a16="http://schemas.microsoft.com/office/drawing/2014/main" val="10006"/>
                  </a:ext>
                </a:extLst>
              </a:tr>
            </a:tbl>
          </a:graphicData>
        </a:graphic>
      </p:graphicFrame>
      <p:sp>
        <p:nvSpPr>
          <p:cNvPr id="9" name="object 9"/>
          <p:cNvSpPr txBox="1"/>
          <p:nvPr/>
        </p:nvSpPr>
        <p:spPr>
          <a:xfrm>
            <a:off x="221107" y="3872626"/>
            <a:ext cx="1203815" cy="896706"/>
          </a:xfrm>
          <a:prstGeom prst="rect">
            <a:avLst/>
          </a:prstGeom>
        </p:spPr>
        <p:txBody>
          <a:bodyPr vert="horz" wrap="square" lIns="0" tIns="13575" rIns="0" bIns="0" rtlCol="0">
            <a:spAutoFit/>
          </a:bodyPr>
          <a:lstStyle/>
          <a:p>
            <a:pPr marL="10860">
              <a:spcBef>
                <a:spcPts val="107"/>
              </a:spcBef>
            </a:pPr>
            <a:r>
              <a:rPr sz="1454" spc="-13" dirty="0">
                <a:latin typeface="ＭＳ Ｐゴシック"/>
                <a:cs typeface="ＭＳ Ｐゴシック"/>
              </a:rPr>
              <a:t>専門委員</a:t>
            </a:r>
            <a:endParaRPr sz="1454">
              <a:latin typeface="ＭＳ Ｐゴシック"/>
              <a:cs typeface="ＭＳ Ｐゴシック"/>
            </a:endParaRPr>
          </a:p>
          <a:p>
            <a:pPr marL="374119" marR="4344" indent="10317" algn="just">
              <a:lnSpc>
                <a:spcPct val="101800"/>
              </a:lnSpc>
            </a:pPr>
            <a:r>
              <a:rPr sz="1454" spc="-13" dirty="0">
                <a:latin typeface="ＭＳ Ｐゴシック"/>
                <a:cs typeface="ＭＳ Ｐゴシック"/>
              </a:rPr>
              <a:t>落合 孝文</a:t>
            </a:r>
            <a:r>
              <a:rPr sz="1454" spc="-9" dirty="0">
                <a:latin typeface="ＭＳ Ｐゴシック"/>
                <a:cs typeface="ＭＳ Ｐゴシック"/>
              </a:rPr>
              <a:t>玉城 絵美</a:t>
            </a:r>
            <a:r>
              <a:rPr sz="1454" spc="-4" dirty="0">
                <a:latin typeface="ＭＳ Ｐゴシック"/>
                <a:cs typeface="ＭＳ Ｐゴシック"/>
              </a:rPr>
              <a:t>村上 文洋</a:t>
            </a:r>
            <a:endParaRPr sz="1454">
              <a:latin typeface="ＭＳ Ｐゴシック"/>
              <a:cs typeface="ＭＳ Ｐゴシック"/>
            </a:endParaRPr>
          </a:p>
        </p:txBody>
      </p:sp>
      <p:sp>
        <p:nvSpPr>
          <p:cNvPr id="10" name="object 10"/>
          <p:cNvSpPr txBox="1"/>
          <p:nvPr/>
        </p:nvSpPr>
        <p:spPr>
          <a:xfrm>
            <a:off x="1573810" y="4098075"/>
            <a:ext cx="7392848" cy="690184"/>
          </a:xfrm>
          <a:prstGeom prst="rect">
            <a:avLst/>
          </a:prstGeom>
        </p:spPr>
        <p:txBody>
          <a:bodyPr vert="horz" wrap="square" lIns="0" tIns="9774" rIns="0" bIns="0" rtlCol="0">
            <a:spAutoFit/>
          </a:bodyPr>
          <a:lstStyle/>
          <a:p>
            <a:pPr marL="10860" marR="2529783" indent="10317">
              <a:lnSpc>
                <a:spcPct val="101800"/>
              </a:lnSpc>
              <a:spcBef>
                <a:spcPts val="77"/>
              </a:spcBef>
            </a:pPr>
            <a:r>
              <a:rPr sz="1454" spc="4" dirty="0">
                <a:latin typeface="ＭＳ Ｐゴシック"/>
                <a:cs typeface="ＭＳ Ｐゴシック"/>
              </a:rPr>
              <a:t>渥美坂井法律事務所・外国法共同事業パートナー弁護士 H2L, </a:t>
            </a:r>
            <a:r>
              <a:rPr sz="1454" dirty="0">
                <a:latin typeface="ＭＳ Ｐゴシック"/>
                <a:cs typeface="ＭＳ Ｐゴシック"/>
              </a:rPr>
              <a:t>Inc</a:t>
            </a:r>
            <a:r>
              <a:rPr sz="1454" spc="4" dirty="0">
                <a:latin typeface="ＭＳ Ｐゴシック"/>
                <a:cs typeface="ＭＳ Ｐゴシック"/>
              </a:rPr>
              <a:t>., 創業者、早稲田大学創造理工学研究科特任准教授</a:t>
            </a:r>
            <a:endParaRPr sz="1454">
              <a:latin typeface="ＭＳ Ｐゴシック"/>
              <a:cs typeface="ＭＳ Ｐゴシック"/>
            </a:endParaRPr>
          </a:p>
          <a:p>
            <a:pPr marL="10860">
              <a:spcBef>
                <a:spcPts val="30"/>
              </a:spcBef>
            </a:pPr>
            <a:r>
              <a:rPr sz="1454" dirty="0">
                <a:latin typeface="ＭＳ Ｐゴシック"/>
                <a:cs typeface="ＭＳ Ｐゴシック"/>
              </a:rPr>
              <a:t>株式会社三菱総合研究所デジタル・イノベー  ション本部ICT</a:t>
            </a:r>
            <a:r>
              <a:rPr sz="1454" spc="-4" dirty="0">
                <a:latin typeface="ＭＳ Ｐゴシック"/>
                <a:cs typeface="ＭＳ Ｐゴシック"/>
              </a:rPr>
              <a:t>・メディア戦略グループ主席研究員</a:t>
            </a:r>
            <a:endParaRPr sz="1454">
              <a:latin typeface="ＭＳ Ｐゴシック"/>
              <a:cs typeface="ＭＳ Ｐゴシック"/>
            </a:endParaRPr>
          </a:p>
        </p:txBody>
      </p:sp>
      <p:sp>
        <p:nvSpPr>
          <p:cNvPr id="11" name="object 11"/>
          <p:cNvSpPr txBox="1">
            <a:spLocks noGrp="1"/>
          </p:cNvSpPr>
          <p:nvPr>
            <p:ph type="title"/>
          </p:nvPr>
        </p:nvSpPr>
        <p:spPr>
          <a:xfrm>
            <a:off x="407462" y="274061"/>
            <a:ext cx="7175752" cy="379201"/>
          </a:xfrm>
          <a:prstGeom prst="rect">
            <a:avLst/>
          </a:prstGeom>
        </p:spPr>
        <p:txBody>
          <a:bodyPr vert="horz" wrap="square" lIns="0" tIns="9774" rIns="0" bIns="0" rtlCol="0" anchor="ctr">
            <a:spAutoFit/>
          </a:bodyPr>
          <a:lstStyle/>
          <a:p>
            <a:pPr marL="10860">
              <a:lnSpc>
                <a:spcPct val="100000"/>
              </a:lnSpc>
              <a:spcBef>
                <a:spcPts val="77"/>
              </a:spcBef>
              <a:tabLst>
                <a:tab pos="2449964" algn="l"/>
              </a:tabLst>
            </a:pPr>
            <a:r>
              <a:rPr sz="2400" spc="-30" dirty="0"/>
              <a:t>規制改革推進会</a:t>
            </a:r>
            <a:r>
              <a:rPr sz="2400" spc="-43" dirty="0"/>
              <a:t>議</a:t>
            </a:r>
            <a:r>
              <a:rPr sz="2400" dirty="0"/>
              <a:t>	</a:t>
            </a:r>
            <a:r>
              <a:rPr sz="2400" spc="-30" dirty="0"/>
              <a:t>成長戦略</a:t>
            </a:r>
            <a:r>
              <a:rPr sz="2400" spc="-26" dirty="0"/>
              <a:t>ワ</a:t>
            </a:r>
            <a:r>
              <a:rPr sz="2400" spc="-30" dirty="0"/>
              <a:t>ー</a:t>
            </a:r>
            <a:r>
              <a:rPr sz="2400" spc="-26" dirty="0"/>
              <a:t>キ</a:t>
            </a:r>
            <a:r>
              <a:rPr sz="2400" spc="-34" dirty="0"/>
              <a:t>ン</a:t>
            </a:r>
            <a:r>
              <a:rPr sz="2400" spc="-30" dirty="0"/>
              <a:t>グ</a:t>
            </a:r>
            <a:r>
              <a:rPr sz="2400" spc="-17" dirty="0"/>
              <a:t>・</a:t>
            </a:r>
            <a:r>
              <a:rPr sz="2400" spc="-30" dirty="0"/>
              <a:t>グ</a:t>
            </a:r>
            <a:r>
              <a:rPr sz="2400" spc="-26" dirty="0"/>
              <a:t>ル</a:t>
            </a:r>
            <a:r>
              <a:rPr sz="2400" spc="-30" dirty="0"/>
              <a:t>ー</a:t>
            </a:r>
            <a:r>
              <a:rPr sz="2400" spc="-43" dirty="0"/>
              <a:t>プ</a:t>
            </a:r>
          </a:p>
        </p:txBody>
      </p:sp>
      <p:sp>
        <p:nvSpPr>
          <p:cNvPr id="12" name="object 12"/>
          <p:cNvSpPr/>
          <p:nvPr/>
        </p:nvSpPr>
        <p:spPr>
          <a:xfrm>
            <a:off x="238482" y="755846"/>
            <a:ext cx="8654763" cy="1181010"/>
          </a:xfrm>
          <a:custGeom>
            <a:avLst/>
            <a:gdLst/>
            <a:ahLst/>
            <a:cxnLst/>
            <a:rect l="l" t="t" r="r" b="b"/>
            <a:pathLst>
              <a:path w="10121265" h="1381125">
                <a:moveTo>
                  <a:pt x="10120884" y="0"/>
                </a:moveTo>
                <a:lnTo>
                  <a:pt x="0" y="0"/>
                </a:lnTo>
                <a:lnTo>
                  <a:pt x="0" y="1380744"/>
                </a:lnTo>
                <a:lnTo>
                  <a:pt x="10120884" y="1380744"/>
                </a:lnTo>
                <a:lnTo>
                  <a:pt x="10120884" y="1370076"/>
                </a:lnTo>
                <a:lnTo>
                  <a:pt x="21335" y="1370076"/>
                </a:lnTo>
                <a:lnTo>
                  <a:pt x="10667" y="1359408"/>
                </a:lnTo>
                <a:lnTo>
                  <a:pt x="21335" y="1359408"/>
                </a:lnTo>
                <a:lnTo>
                  <a:pt x="21335" y="19812"/>
                </a:lnTo>
                <a:lnTo>
                  <a:pt x="10667" y="19812"/>
                </a:lnTo>
                <a:lnTo>
                  <a:pt x="21335" y="10668"/>
                </a:lnTo>
                <a:lnTo>
                  <a:pt x="10120884" y="10668"/>
                </a:lnTo>
                <a:lnTo>
                  <a:pt x="10120884" y="0"/>
                </a:lnTo>
                <a:close/>
              </a:path>
              <a:path w="10121265" h="1381125">
                <a:moveTo>
                  <a:pt x="21335" y="1359408"/>
                </a:moveTo>
                <a:lnTo>
                  <a:pt x="10667" y="1359408"/>
                </a:lnTo>
                <a:lnTo>
                  <a:pt x="21335" y="1370076"/>
                </a:lnTo>
                <a:lnTo>
                  <a:pt x="21335" y="1359408"/>
                </a:lnTo>
                <a:close/>
              </a:path>
              <a:path w="10121265" h="1381125">
                <a:moveTo>
                  <a:pt x="10101072" y="1359408"/>
                </a:moveTo>
                <a:lnTo>
                  <a:pt x="21335" y="1359408"/>
                </a:lnTo>
                <a:lnTo>
                  <a:pt x="21335" y="1370076"/>
                </a:lnTo>
                <a:lnTo>
                  <a:pt x="10101072" y="1370076"/>
                </a:lnTo>
                <a:lnTo>
                  <a:pt x="10101072" y="1359408"/>
                </a:lnTo>
                <a:close/>
              </a:path>
              <a:path w="10121265" h="1381125">
                <a:moveTo>
                  <a:pt x="10101072" y="10668"/>
                </a:moveTo>
                <a:lnTo>
                  <a:pt x="10101072" y="1370076"/>
                </a:lnTo>
                <a:lnTo>
                  <a:pt x="10111740" y="1359408"/>
                </a:lnTo>
                <a:lnTo>
                  <a:pt x="10120884" y="1359408"/>
                </a:lnTo>
                <a:lnTo>
                  <a:pt x="10120884" y="19812"/>
                </a:lnTo>
                <a:lnTo>
                  <a:pt x="10111740" y="19812"/>
                </a:lnTo>
                <a:lnTo>
                  <a:pt x="10101072" y="10668"/>
                </a:lnTo>
                <a:close/>
              </a:path>
              <a:path w="10121265" h="1381125">
                <a:moveTo>
                  <a:pt x="10120884" y="1359408"/>
                </a:moveTo>
                <a:lnTo>
                  <a:pt x="10111740" y="1359408"/>
                </a:lnTo>
                <a:lnTo>
                  <a:pt x="10101072" y="1370076"/>
                </a:lnTo>
                <a:lnTo>
                  <a:pt x="10120884" y="1370076"/>
                </a:lnTo>
                <a:lnTo>
                  <a:pt x="10120884" y="1359408"/>
                </a:lnTo>
                <a:close/>
              </a:path>
              <a:path w="10121265" h="1381125">
                <a:moveTo>
                  <a:pt x="21335" y="10668"/>
                </a:moveTo>
                <a:lnTo>
                  <a:pt x="10667" y="19812"/>
                </a:lnTo>
                <a:lnTo>
                  <a:pt x="21335" y="19812"/>
                </a:lnTo>
                <a:lnTo>
                  <a:pt x="21335" y="10668"/>
                </a:lnTo>
                <a:close/>
              </a:path>
              <a:path w="10121265" h="1381125">
                <a:moveTo>
                  <a:pt x="10101072" y="10668"/>
                </a:moveTo>
                <a:lnTo>
                  <a:pt x="21335" y="10668"/>
                </a:lnTo>
                <a:lnTo>
                  <a:pt x="21335" y="19812"/>
                </a:lnTo>
                <a:lnTo>
                  <a:pt x="10101072" y="19812"/>
                </a:lnTo>
                <a:lnTo>
                  <a:pt x="10101072" y="10668"/>
                </a:lnTo>
                <a:close/>
              </a:path>
              <a:path w="10121265" h="1381125">
                <a:moveTo>
                  <a:pt x="10120884" y="10668"/>
                </a:moveTo>
                <a:lnTo>
                  <a:pt x="10101072" y="10668"/>
                </a:lnTo>
                <a:lnTo>
                  <a:pt x="10111740" y="19812"/>
                </a:lnTo>
                <a:lnTo>
                  <a:pt x="10120884" y="19812"/>
                </a:lnTo>
                <a:lnTo>
                  <a:pt x="10120884" y="10668"/>
                </a:lnTo>
                <a:close/>
              </a:path>
            </a:pathLst>
          </a:custGeom>
          <a:solidFill>
            <a:srgbClr val="000000"/>
          </a:solidFill>
        </p:spPr>
        <p:txBody>
          <a:bodyPr wrap="square" lIns="0" tIns="0" rIns="0" bIns="0" rtlCol="0"/>
          <a:lstStyle/>
          <a:p>
            <a:endParaRPr sz="1539"/>
          </a:p>
        </p:txBody>
      </p:sp>
      <p:sp>
        <p:nvSpPr>
          <p:cNvPr id="13" name="object 13"/>
          <p:cNvSpPr txBox="1"/>
          <p:nvPr/>
        </p:nvSpPr>
        <p:spPr>
          <a:xfrm>
            <a:off x="68634" y="836209"/>
            <a:ext cx="8723181" cy="1443270"/>
          </a:xfrm>
          <a:prstGeom prst="rect">
            <a:avLst/>
          </a:prstGeom>
        </p:spPr>
        <p:txBody>
          <a:bodyPr vert="horz" wrap="square" lIns="0" tIns="19548" rIns="0" bIns="0" rtlCol="0">
            <a:spAutoFit/>
          </a:bodyPr>
          <a:lstStyle/>
          <a:p>
            <a:pPr marL="552762" marR="4344" indent="-317105">
              <a:lnSpc>
                <a:spcPts val="1992"/>
              </a:lnSpc>
              <a:spcBef>
                <a:spcPts val="154"/>
              </a:spcBef>
              <a:buChar char="○"/>
              <a:tabLst>
                <a:tab pos="552762" algn="l"/>
              </a:tabLst>
            </a:pPr>
            <a:r>
              <a:rPr sz="1667" spc="-30" dirty="0">
                <a:latin typeface="ＭＳ Ｐゴシック"/>
                <a:cs typeface="ＭＳ Ｐゴシック"/>
              </a:rPr>
              <a:t>規制改革推進会議は、内閣総理大臣の諮問に応じ、経済社会の構造改革を進める上で必要な規制の在り方の改革に関する基本的事項を総合的に調査・審議するため設置。</a:t>
            </a:r>
            <a:endParaRPr sz="1667">
              <a:latin typeface="ＭＳ Ｐゴシック"/>
              <a:cs typeface="ＭＳ Ｐゴシック"/>
            </a:endParaRPr>
          </a:p>
          <a:p>
            <a:pPr marL="552762" marR="149865" indent="-317105">
              <a:lnSpc>
                <a:spcPts val="1992"/>
              </a:lnSpc>
              <a:spcBef>
                <a:spcPts val="4"/>
              </a:spcBef>
              <a:buChar char="○"/>
              <a:tabLst>
                <a:tab pos="552762" algn="l"/>
              </a:tabLst>
            </a:pPr>
            <a:r>
              <a:rPr sz="1667" spc="-26" dirty="0">
                <a:latin typeface="ＭＳ Ｐゴシック"/>
                <a:cs typeface="ＭＳ Ｐゴシック"/>
              </a:rPr>
              <a:t>成長戦略ワーキング・グループは、規制改革推進会議の下に令和元年</a:t>
            </a:r>
            <a:r>
              <a:rPr sz="1667" spc="-9" dirty="0">
                <a:latin typeface="ＭＳ Ｐゴシック"/>
                <a:cs typeface="ＭＳ Ｐゴシック"/>
              </a:rPr>
              <a:t>10</a:t>
            </a:r>
            <a:r>
              <a:rPr sz="1667" spc="-26" dirty="0">
                <a:latin typeface="ＭＳ Ｐゴシック"/>
                <a:cs typeface="ＭＳ Ｐゴシック"/>
              </a:rPr>
              <a:t>月に設置され、審</a:t>
            </a:r>
            <a:r>
              <a:rPr sz="1667" spc="-30" dirty="0">
                <a:latin typeface="ＭＳ Ｐゴシック"/>
                <a:cs typeface="ＭＳ Ｐゴシック"/>
              </a:rPr>
              <a:t>議項目の一つとして、デジタル技術の進展を踏まえた規制の総点検を実施中。</a:t>
            </a:r>
            <a:endParaRPr sz="1667">
              <a:latin typeface="ＭＳ Ｐゴシック"/>
              <a:cs typeface="ＭＳ Ｐゴシック"/>
            </a:endParaRPr>
          </a:p>
          <a:p>
            <a:pPr marL="10860">
              <a:spcBef>
                <a:spcPts val="1065"/>
              </a:spcBef>
            </a:pPr>
            <a:r>
              <a:rPr sz="1667" spc="-26" dirty="0">
                <a:latin typeface="ＭＳ Ｐゴシック"/>
                <a:cs typeface="ＭＳ Ｐゴシック"/>
              </a:rPr>
              <a:t>＜委員名簿＞</a:t>
            </a:r>
            <a:endParaRPr sz="1667">
              <a:latin typeface="ＭＳ Ｐゴシック"/>
              <a:cs typeface="ＭＳ Ｐゴシック"/>
            </a:endParaRPr>
          </a:p>
        </p:txBody>
      </p:sp>
      <p:grpSp>
        <p:nvGrpSpPr>
          <p:cNvPr id="14" name="object 14"/>
          <p:cNvGrpSpPr/>
          <p:nvPr/>
        </p:nvGrpSpPr>
        <p:grpSpPr>
          <a:xfrm>
            <a:off x="7968963" y="293216"/>
            <a:ext cx="1136484" cy="363805"/>
            <a:chOff x="9319259" y="114300"/>
            <a:chExt cx="1329055" cy="425450"/>
          </a:xfrm>
        </p:grpSpPr>
        <p:sp>
          <p:nvSpPr>
            <p:cNvPr id="15" name="object 15"/>
            <p:cNvSpPr/>
            <p:nvPr/>
          </p:nvSpPr>
          <p:spPr>
            <a:xfrm>
              <a:off x="9325355" y="120396"/>
              <a:ext cx="1316990" cy="411480"/>
            </a:xfrm>
            <a:custGeom>
              <a:avLst/>
              <a:gdLst/>
              <a:ahLst/>
              <a:cxnLst/>
              <a:rect l="l" t="t" r="r" b="b"/>
              <a:pathLst>
                <a:path w="1316990" h="411480">
                  <a:moveTo>
                    <a:pt x="1316736" y="0"/>
                  </a:moveTo>
                  <a:lnTo>
                    <a:pt x="0" y="0"/>
                  </a:lnTo>
                  <a:lnTo>
                    <a:pt x="0" y="411479"/>
                  </a:lnTo>
                  <a:lnTo>
                    <a:pt x="1316736" y="411479"/>
                  </a:lnTo>
                  <a:lnTo>
                    <a:pt x="1316736" y="0"/>
                  </a:lnTo>
                  <a:close/>
                </a:path>
              </a:pathLst>
            </a:custGeom>
            <a:solidFill>
              <a:srgbClr val="FFFFFF"/>
            </a:solidFill>
          </p:spPr>
          <p:txBody>
            <a:bodyPr wrap="square" lIns="0" tIns="0" rIns="0" bIns="0" rtlCol="0"/>
            <a:lstStyle/>
            <a:p>
              <a:endParaRPr sz="1539"/>
            </a:p>
          </p:txBody>
        </p:sp>
        <p:sp>
          <p:nvSpPr>
            <p:cNvPr id="16" name="object 16"/>
            <p:cNvSpPr/>
            <p:nvPr/>
          </p:nvSpPr>
          <p:spPr>
            <a:xfrm>
              <a:off x="9319259" y="114300"/>
              <a:ext cx="1329055" cy="425450"/>
            </a:xfrm>
            <a:custGeom>
              <a:avLst/>
              <a:gdLst/>
              <a:ahLst/>
              <a:cxnLst/>
              <a:rect l="l" t="t" r="r" b="b"/>
              <a:pathLst>
                <a:path w="1329054" h="425450">
                  <a:moveTo>
                    <a:pt x="1328928" y="0"/>
                  </a:moveTo>
                  <a:lnTo>
                    <a:pt x="0" y="0"/>
                  </a:lnTo>
                  <a:lnTo>
                    <a:pt x="0" y="425195"/>
                  </a:lnTo>
                  <a:lnTo>
                    <a:pt x="1328928" y="425195"/>
                  </a:lnTo>
                  <a:lnTo>
                    <a:pt x="1328928" y="417575"/>
                  </a:lnTo>
                  <a:lnTo>
                    <a:pt x="13716" y="417575"/>
                  </a:lnTo>
                  <a:lnTo>
                    <a:pt x="6096" y="411479"/>
                  </a:lnTo>
                  <a:lnTo>
                    <a:pt x="13716" y="411479"/>
                  </a:lnTo>
                  <a:lnTo>
                    <a:pt x="13716" y="13715"/>
                  </a:lnTo>
                  <a:lnTo>
                    <a:pt x="6096" y="13715"/>
                  </a:lnTo>
                  <a:lnTo>
                    <a:pt x="13716" y="6095"/>
                  </a:lnTo>
                  <a:lnTo>
                    <a:pt x="1328928" y="6095"/>
                  </a:lnTo>
                  <a:lnTo>
                    <a:pt x="1328928" y="0"/>
                  </a:lnTo>
                  <a:close/>
                </a:path>
                <a:path w="1329054" h="425450">
                  <a:moveTo>
                    <a:pt x="13716" y="411479"/>
                  </a:moveTo>
                  <a:lnTo>
                    <a:pt x="6096" y="411479"/>
                  </a:lnTo>
                  <a:lnTo>
                    <a:pt x="13716" y="417575"/>
                  </a:lnTo>
                  <a:lnTo>
                    <a:pt x="13716" y="411479"/>
                  </a:lnTo>
                  <a:close/>
                </a:path>
                <a:path w="1329054" h="425450">
                  <a:moveTo>
                    <a:pt x="1315212" y="411479"/>
                  </a:moveTo>
                  <a:lnTo>
                    <a:pt x="13716" y="411479"/>
                  </a:lnTo>
                  <a:lnTo>
                    <a:pt x="13716" y="417575"/>
                  </a:lnTo>
                  <a:lnTo>
                    <a:pt x="1315212" y="417575"/>
                  </a:lnTo>
                  <a:lnTo>
                    <a:pt x="1315212" y="411479"/>
                  </a:lnTo>
                  <a:close/>
                </a:path>
                <a:path w="1329054" h="425450">
                  <a:moveTo>
                    <a:pt x="1315212" y="6095"/>
                  </a:moveTo>
                  <a:lnTo>
                    <a:pt x="1315212" y="417575"/>
                  </a:lnTo>
                  <a:lnTo>
                    <a:pt x="1322832" y="411479"/>
                  </a:lnTo>
                  <a:lnTo>
                    <a:pt x="1328928" y="411479"/>
                  </a:lnTo>
                  <a:lnTo>
                    <a:pt x="1328928" y="13715"/>
                  </a:lnTo>
                  <a:lnTo>
                    <a:pt x="1322832" y="13715"/>
                  </a:lnTo>
                  <a:lnTo>
                    <a:pt x="1315212" y="6095"/>
                  </a:lnTo>
                  <a:close/>
                </a:path>
                <a:path w="1329054" h="425450">
                  <a:moveTo>
                    <a:pt x="1328928" y="411479"/>
                  </a:moveTo>
                  <a:lnTo>
                    <a:pt x="1322832" y="411479"/>
                  </a:lnTo>
                  <a:lnTo>
                    <a:pt x="1315212" y="417575"/>
                  </a:lnTo>
                  <a:lnTo>
                    <a:pt x="1328928" y="417575"/>
                  </a:lnTo>
                  <a:lnTo>
                    <a:pt x="1328928" y="411479"/>
                  </a:lnTo>
                  <a:close/>
                </a:path>
                <a:path w="1329054" h="425450">
                  <a:moveTo>
                    <a:pt x="13716" y="6095"/>
                  </a:moveTo>
                  <a:lnTo>
                    <a:pt x="6096" y="13715"/>
                  </a:lnTo>
                  <a:lnTo>
                    <a:pt x="13716" y="13715"/>
                  </a:lnTo>
                  <a:lnTo>
                    <a:pt x="13716" y="6095"/>
                  </a:lnTo>
                  <a:close/>
                </a:path>
                <a:path w="1329054" h="425450">
                  <a:moveTo>
                    <a:pt x="1315212" y="6095"/>
                  </a:moveTo>
                  <a:lnTo>
                    <a:pt x="13716" y="6095"/>
                  </a:lnTo>
                  <a:lnTo>
                    <a:pt x="13716" y="13715"/>
                  </a:lnTo>
                  <a:lnTo>
                    <a:pt x="1315212" y="13715"/>
                  </a:lnTo>
                  <a:lnTo>
                    <a:pt x="1315212" y="6095"/>
                  </a:lnTo>
                  <a:close/>
                </a:path>
                <a:path w="1329054" h="425450">
                  <a:moveTo>
                    <a:pt x="1328928" y="6095"/>
                  </a:moveTo>
                  <a:lnTo>
                    <a:pt x="1315212" y="6095"/>
                  </a:lnTo>
                  <a:lnTo>
                    <a:pt x="1322832" y="13715"/>
                  </a:lnTo>
                  <a:lnTo>
                    <a:pt x="1328928" y="13715"/>
                  </a:lnTo>
                  <a:lnTo>
                    <a:pt x="1328928" y="6095"/>
                  </a:lnTo>
                  <a:close/>
                </a:path>
              </a:pathLst>
            </a:custGeom>
            <a:solidFill>
              <a:srgbClr val="3F87C8"/>
            </a:solidFill>
          </p:spPr>
          <p:txBody>
            <a:bodyPr wrap="square" lIns="0" tIns="0" rIns="0" bIns="0" rtlCol="0"/>
            <a:lstStyle/>
            <a:p>
              <a:endParaRPr sz="1539"/>
            </a:p>
          </p:txBody>
        </p:sp>
      </p:grpSp>
      <p:sp>
        <p:nvSpPr>
          <p:cNvPr id="17" name="object 17"/>
          <p:cNvSpPr txBox="1"/>
          <p:nvPr/>
        </p:nvSpPr>
        <p:spPr>
          <a:xfrm>
            <a:off x="8007624" y="347516"/>
            <a:ext cx="1060465" cy="223666"/>
          </a:xfrm>
          <a:prstGeom prst="rect">
            <a:avLst/>
          </a:prstGeom>
        </p:spPr>
        <p:txBody>
          <a:bodyPr vert="horz" wrap="square" lIns="0" tIns="13032" rIns="0" bIns="0" rtlCol="0">
            <a:spAutoFit/>
          </a:bodyPr>
          <a:lstStyle/>
          <a:p>
            <a:pPr marL="10860">
              <a:spcBef>
                <a:spcPts val="103"/>
              </a:spcBef>
            </a:pPr>
            <a:r>
              <a:rPr sz="1368" spc="-9" dirty="0">
                <a:solidFill>
                  <a:srgbClr val="3F87C8"/>
                </a:solidFill>
                <a:latin typeface="ＭＳ Ｐゴシック"/>
                <a:cs typeface="ＭＳ Ｐゴシック"/>
              </a:rPr>
              <a:t>横断的な取組</a:t>
            </a:r>
            <a:endParaRPr sz="1368">
              <a:latin typeface="ＭＳ Ｐゴシック"/>
              <a:cs typeface="ＭＳ Ｐゴシック"/>
            </a:endParaRPr>
          </a:p>
        </p:txBody>
      </p:sp>
      <p:sp>
        <p:nvSpPr>
          <p:cNvPr id="18" name="object 18"/>
          <p:cNvSpPr/>
          <p:nvPr/>
        </p:nvSpPr>
        <p:spPr>
          <a:xfrm>
            <a:off x="13032" y="299733"/>
            <a:ext cx="311678" cy="211224"/>
          </a:xfrm>
          <a:custGeom>
            <a:avLst/>
            <a:gdLst/>
            <a:ahLst/>
            <a:cxnLst/>
            <a:rect l="l" t="t" r="r" b="b"/>
            <a:pathLst>
              <a:path w="364490" h="247015">
                <a:moveTo>
                  <a:pt x="364236" y="0"/>
                </a:moveTo>
                <a:lnTo>
                  <a:pt x="0" y="0"/>
                </a:lnTo>
                <a:lnTo>
                  <a:pt x="0" y="246888"/>
                </a:lnTo>
                <a:lnTo>
                  <a:pt x="364236" y="246888"/>
                </a:lnTo>
                <a:lnTo>
                  <a:pt x="364236" y="239268"/>
                </a:lnTo>
                <a:lnTo>
                  <a:pt x="13716" y="239268"/>
                </a:lnTo>
                <a:lnTo>
                  <a:pt x="7620" y="233172"/>
                </a:lnTo>
                <a:lnTo>
                  <a:pt x="13716" y="233172"/>
                </a:lnTo>
                <a:lnTo>
                  <a:pt x="13716" y="13716"/>
                </a:lnTo>
                <a:lnTo>
                  <a:pt x="7620" y="13716"/>
                </a:lnTo>
                <a:lnTo>
                  <a:pt x="13716" y="6096"/>
                </a:lnTo>
                <a:lnTo>
                  <a:pt x="364236" y="6096"/>
                </a:lnTo>
                <a:lnTo>
                  <a:pt x="364236" y="0"/>
                </a:lnTo>
                <a:close/>
              </a:path>
              <a:path w="364490" h="247015">
                <a:moveTo>
                  <a:pt x="13716" y="233172"/>
                </a:moveTo>
                <a:lnTo>
                  <a:pt x="7620" y="233172"/>
                </a:lnTo>
                <a:lnTo>
                  <a:pt x="13716" y="239268"/>
                </a:lnTo>
                <a:lnTo>
                  <a:pt x="13716" y="233172"/>
                </a:lnTo>
                <a:close/>
              </a:path>
              <a:path w="364490" h="247015">
                <a:moveTo>
                  <a:pt x="350520" y="233172"/>
                </a:moveTo>
                <a:lnTo>
                  <a:pt x="13716" y="233172"/>
                </a:lnTo>
                <a:lnTo>
                  <a:pt x="13716" y="239268"/>
                </a:lnTo>
                <a:lnTo>
                  <a:pt x="350520" y="239268"/>
                </a:lnTo>
                <a:lnTo>
                  <a:pt x="350520" y="233172"/>
                </a:lnTo>
                <a:close/>
              </a:path>
              <a:path w="364490" h="247015">
                <a:moveTo>
                  <a:pt x="350520" y="6096"/>
                </a:moveTo>
                <a:lnTo>
                  <a:pt x="350520" y="239268"/>
                </a:lnTo>
                <a:lnTo>
                  <a:pt x="356616" y="233172"/>
                </a:lnTo>
                <a:lnTo>
                  <a:pt x="364236" y="233172"/>
                </a:lnTo>
                <a:lnTo>
                  <a:pt x="364236" y="13716"/>
                </a:lnTo>
                <a:lnTo>
                  <a:pt x="356616" y="13716"/>
                </a:lnTo>
                <a:lnTo>
                  <a:pt x="350520" y="6096"/>
                </a:lnTo>
                <a:close/>
              </a:path>
              <a:path w="364490" h="247015">
                <a:moveTo>
                  <a:pt x="364236" y="233172"/>
                </a:moveTo>
                <a:lnTo>
                  <a:pt x="356616" y="233172"/>
                </a:lnTo>
                <a:lnTo>
                  <a:pt x="350520" y="239268"/>
                </a:lnTo>
                <a:lnTo>
                  <a:pt x="364236" y="239268"/>
                </a:lnTo>
                <a:lnTo>
                  <a:pt x="364236" y="233172"/>
                </a:lnTo>
                <a:close/>
              </a:path>
              <a:path w="364490" h="247015">
                <a:moveTo>
                  <a:pt x="13716" y="6096"/>
                </a:moveTo>
                <a:lnTo>
                  <a:pt x="7620" y="13716"/>
                </a:lnTo>
                <a:lnTo>
                  <a:pt x="13716" y="13716"/>
                </a:lnTo>
                <a:lnTo>
                  <a:pt x="13716" y="6096"/>
                </a:lnTo>
                <a:close/>
              </a:path>
              <a:path w="364490" h="247015">
                <a:moveTo>
                  <a:pt x="350520" y="6096"/>
                </a:moveTo>
                <a:lnTo>
                  <a:pt x="13716" y="6096"/>
                </a:lnTo>
                <a:lnTo>
                  <a:pt x="13716" y="13716"/>
                </a:lnTo>
                <a:lnTo>
                  <a:pt x="350520" y="13716"/>
                </a:lnTo>
                <a:lnTo>
                  <a:pt x="350520" y="6096"/>
                </a:lnTo>
                <a:close/>
              </a:path>
              <a:path w="364490" h="247015">
                <a:moveTo>
                  <a:pt x="364236" y="6096"/>
                </a:moveTo>
                <a:lnTo>
                  <a:pt x="350520" y="6096"/>
                </a:lnTo>
                <a:lnTo>
                  <a:pt x="356616" y="13716"/>
                </a:lnTo>
                <a:lnTo>
                  <a:pt x="364236" y="13716"/>
                </a:lnTo>
                <a:lnTo>
                  <a:pt x="364236" y="6096"/>
                </a:lnTo>
                <a:close/>
              </a:path>
            </a:pathLst>
          </a:custGeom>
          <a:solidFill>
            <a:srgbClr val="3F87C8"/>
          </a:solidFill>
        </p:spPr>
        <p:txBody>
          <a:bodyPr wrap="square" lIns="0" tIns="0" rIns="0" bIns="0" rtlCol="0"/>
          <a:lstStyle/>
          <a:p>
            <a:endParaRPr sz="1539"/>
          </a:p>
        </p:txBody>
      </p:sp>
      <p:sp>
        <p:nvSpPr>
          <p:cNvPr id="19" name="object 19"/>
          <p:cNvSpPr txBox="1"/>
          <p:nvPr/>
        </p:nvSpPr>
        <p:spPr>
          <a:xfrm>
            <a:off x="93395" y="311027"/>
            <a:ext cx="151495" cy="152435"/>
          </a:xfrm>
          <a:prstGeom prst="rect">
            <a:avLst/>
          </a:prstGeom>
        </p:spPr>
        <p:txBody>
          <a:bodyPr vert="horz" wrap="square" lIns="0" tIns="14118" rIns="0" bIns="0" rtlCol="0">
            <a:spAutoFit/>
          </a:bodyPr>
          <a:lstStyle/>
          <a:p>
            <a:pPr marL="10860">
              <a:spcBef>
                <a:spcPts val="111"/>
              </a:spcBef>
            </a:pPr>
            <a:r>
              <a:rPr sz="898" spc="-21" dirty="0">
                <a:solidFill>
                  <a:srgbClr val="3F87C8"/>
                </a:solidFill>
                <a:latin typeface="ＭＳ Ｐゴシック"/>
                <a:cs typeface="ＭＳ Ｐゴシック"/>
              </a:rPr>
              <a:t>(5)</a:t>
            </a:r>
            <a:endParaRPr sz="898">
              <a:latin typeface="ＭＳ Ｐゴシック"/>
              <a:cs typeface="ＭＳ Ｐゴシック"/>
            </a:endParaRPr>
          </a:p>
        </p:txBody>
      </p:sp>
      <p:sp>
        <p:nvSpPr>
          <p:cNvPr id="20" name="object 20"/>
          <p:cNvSpPr txBox="1">
            <a:spLocks noGrp="1"/>
          </p:cNvSpPr>
          <p:nvPr>
            <p:ph type="sldNum" sz="quarter" idx="7"/>
          </p:nvPr>
        </p:nvSpPr>
        <p:spPr>
          <a:xfrm>
            <a:off x="10347452" y="7147033"/>
            <a:ext cx="279653" cy="249554"/>
          </a:xfrm>
          <a:prstGeom prst="rect">
            <a:avLst/>
          </a:prstGeom>
        </p:spPr>
        <p:txBody>
          <a:bodyPr vert="horz" wrap="square" lIns="0" tIns="0" rIns="0" bIns="0" rtlCol="0">
            <a:spAutoFit/>
          </a:bodyPr>
          <a:lstStyle>
            <a:defPPr>
              <a:defRPr kern="0"/>
            </a:defPPr>
            <a:lvl1pPr>
              <a:defRPr sz="1600" b="0" i="0">
                <a:solidFill>
                  <a:schemeClr val="tx1"/>
                </a:solidFill>
                <a:latin typeface="ＭＳ Ｐゴシック"/>
                <a:cs typeface="ＭＳ Ｐゴシック"/>
              </a:defRPr>
            </a:lvl1pPr>
          </a:lstStyle>
          <a:p>
            <a:pPr marL="116205">
              <a:lnSpc>
                <a:spcPts val="1810"/>
              </a:lnSpc>
            </a:pPr>
            <a:fld id="{81D60167-4931-47E6-BA6A-407CBD079E47}" type="slidenum">
              <a:rPr lang="en-US" altLang="ja-JP" spc="-50" smtClean="0"/>
              <a:pPr marL="116205">
                <a:lnSpc>
                  <a:spcPts val="1810"/>
                </a:lnSpc>
              </a:pPr>
              <a:t>63</a:t>
            </a:fld>
            <a:endParaRPr spc="-21" dirty="0"/>
          </a:p>
        </p:txBody>
      </p:sp>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50823" y="1456959"/>
            <a:ext cx="9015854" cy="4768563"/>
          </a:xfrm>
          <a:custGeom>
            <a:avLst/>
            <a:gdLst/>
            <a:ahLst/>
            <a:cxnLst/>
            <a:rect l="l" t="t" r="r" b="b"/>
            <a:pathLst>
              <a:path w="10543540" h="5576570">
                <a:moveTo>
                  <a:pt x="10543032" y="0"/>
                </a:moveTo>
                <a:lnTo>
                  <a:pt x="0" y="0"/>
                </a:lnTo>
                <a:lnTo>
                  <a:pt x="0" y="5576321"/>
                </a:lnTo>
                <a:lnTo>
                  <a:pt x="10543032" y="5576321"/>
                </a:lnTo>
                <a:lnTo>
                  <a:pt x="10543032" y="5568701"/>
                </a:lnTo>
                <a:lnTo>
                  <a:pt x="13716" y="5568701"/>
                </a:lnTo>
                <a:lnTo>
                  <a:pt x="7620" y="5562605"/>
                </a:lnTo>
                <a:lnTo>
                  <a:pt x="13716" y="5562605"/>
                </a:lnTo>
                <a:lnTo>
                  <a:pt x="13716" y="13715"/>
                </a:lnTo>
                <a:lnTo>
                  <a:pt x="7620" y="13715"/>
                </a:lnTo>
                <a:lnTo>
                  <a:pt x="13716" y="6095"/>
                </a:lnTo>
                <a:lnTo>
                  <a:pt x="10543032" y="6095"/>
                </a:lnTo>
                <a:lnTo>
                  <a:pt x="10543032" y="0"/>
                </a:lnTo>
                <a:close/>
              </a:path>
              <a:path w="10543540" h="5576570">
                <a:moveTo>
                  <a:pt x="13716" y="5562605"/>
                </a:moveTo>
                <a:lnTo>
                  <a:pt x="7620" y="5562605"/>
                </a:lnTo>
                <a:lnTo>
                  <a:pt x="13716" y="5568701"/>
                </a:lnTo>
                <a:lnTo>
                  <a:pt x="13716" y="5562605"/>
                </a:lnTo>
                <a:close/>
              </a:path>
              <a:path w="10543540" h="5576570">
                <a:moveTo>
                  <a:pt x="10529316" y="5562605"/>
                </a:moveTo>
                <a:lnTo>
                  <a:pt x="13716" y="5562605"/>
                </a:lnTo>
                <a:lnTo>
                  <a:pt x="13716" y="5568701"/>
                </a:lnTo>
                <a:lnTo>
                  <a:pt x="10529316" y="5568701"/>
                </a:lnTo>
                <a:lnTo>
                  <a:pt x="10529316" y="5562605"/>
                </a:lnTo>
                <a:close/>
              </a:path>
              <a:path w="10543540" h="5576570">
                <a:moveTo>
                  <a:pt x="10529316" y="6095"/>
                </a:moveTo>
                <a:lnTo>
                  <a:pt x="10529316" y="5568701"/>
                </a:lnTo>
                <a:lnTo>
                  <a:pt x="10535412" y="5562605"/>
                </a:lnTo>
                <a:lnTo>
                  <a:pt x="10543032" y="5562605"/>
                </a:lnTo>
                <a:lnTo>
                  <a:pt x="10543032" y="13715"/>
                </a:lnTo>
                <a:lnTo>
                  <a:pt x="10535412" y="13715"/>
                </a:lnTo>
                <a:lnTo>
                  <a:pt x="10529316" y="6095"/>
                </a:lnTo>
                <a:close/>
              </a:path>
              <a:path w="10543540" h="5576570">
                <a:moveTo>
                  <a:pt x="10543032" y="5562605"/>
                </a:moveTo>
                <a:lnTo>
                  <a:pt x="10535412" y="5562605"/>
                </a:lnTo>
                <a:lnTo>
                  <a:pt x="10529316" y="5568701"/>
                </a:lnTo>
                <a:lnTo>
                  <a:pt x="10543032" y="5568701"/>
                </a:lnTo>
                <a:lnTo>
                  <a:pt x="10543032" y="5562605"/>
                </a:lnTo>
                <a:close/>
              </a:path>
              <a:path w="10543540" h="5576570">
                <a:moveTo>
                  <a:pt x="13716" y="6095"/>
                </a:moveTo>
                <a:lnTo>
                  <a:pt x="7620" y="13715"/>
                </a:lnTo>
                <a:lnTo>
                  <a:pt x="13716" y="13715"/>
                </a:lnTo>
                <a:lnTo>
                  <a:pt x="13716" y="6095"/>
                </a:lnTo>
                <a:close/>
              </a:path>
              <a:path w="10543540" h="5576570">
                <a:moveTo>
                  <a:pt x="10529316" y="6095"/>
                </a:moveTo>
                <a:lnTo>
                  <a:pt x="13716" y="6095"/>
                </a:lnTo>
                <a:lnTo>
                  <a:pt x="13716" y="13715"/>
                </a:lnTo>
                <a:lnTo>
                  <a:pt x="10529316" y="13715"/>
                </a:lnTo>
                <a:lnTo>
                  <a:pt x="10529316" y="6095"/>
                </a:lnTo>
                <a:close/>
              </a:path>
              <a:path w="10543540" h="5576570">
                <a:moveTo>
                  <a:pt x="10543032" y="6095"/>
                </a:moveTo>
                <a:lnTo>
                  <a:pt x="10529316" y="6095"/>
                </a:lnTo>
                <a:lnTo>
                  <a:pt x="10535412" y="13715"/>
                </a:lnTo>
                <a:lnTo>
                  <a:pt x="10543032" y="13715"/>
                </a:lnTo>
                <a:lnTo>
                  <a:pt x="10543032" y="6095"/>
                </a:lnTo>
                <a:close/>
              </a:path>
            </a:pathLst>
          </a:custGeom>
          <a:solidFill>
            <a:srgbClr val="000000"/>
          </a:solidFill>
        </p:spPr>
        <p:txBody>
          <a:bodyPr wrap="square" lIns="0" tIns="0" rIns="0" bIns="0" rtlCol="0"/>
          <a:lstStyle/>
          <a:p>
            <a:endParaRPr sz="1539"/>
          </a:p>
        </p:txBody>
      </p:sp>
      <p:sp>
        <p:nvSpPr>
          <p:cNvPr id="3" name="object 3"/>
          <p:cNvSpPr txBox="1"/>
          <p:nvPr/>
        </p:nvSpPr>
        <p:spPr>
          <a:xfrm>
            <a:off x="75151" y="853151"/>
            <a:ext cx="8920830" cy="5143193"/>
          </a:xfrm>
          <a:prstGeom prst="rect">
            <a:avLst/>
          </a:prstGeom>
        </p:spPr>
        <p:txBody>
          <a:bodyPr vert="horz" wrap="square" lIns="0" tIns="19548" rIns="0" bIns="0" rtlCol="0">
            <a:spAutoFit/>
          </a:bodyPr>
          <a:lstStyle/>
          <a:p>
            <a:pPr marL="229684" marR="257920">
              <a:lnSpc>
                <a:spcPts val="1992"/>
              </a:lnSpc>
              <a:spcBef>
                <a:spcPts val="154"/>
              </a:spcBef>
            </a:pPr>
            <a:r>
              <a:rPr sz="1667" spc="-21" dirty="0">
                <a:latin typeface="ＭＳ Ｐゴシック"/>
                <a:cs typeface="ＭＳ Ｐゴシック"/>
              </a:rPr>
              <a:t>第４回規制改革推進会議</a:t>
            </a:r>
            <a:r>
              <a:rPr sz="1667" spc="-9" dirty="0">
                <a:latin typeface="ＭＳ Ｐゴシック"/>
                <a:cs typeface="ＭＳ Ｐゴシック"/>
              </a:rPr>
              <a:t>（</a:t>
            </a:r>
            <a:r>
              <a:rPr sz="1667" spc="-21" dirty="0">
                <a:latin typeface="ＭＳ Ｐゴシック"/>
                <a:cs typeface="ＭＳ Ｐゴシック"/>
              </a:rPr>
              <a:t>令和２年４月</a:t>
            </a:r>
            <a:r>
              <a:rPr sz="1667" spc="-9" dirty="0">
                <a:latin typeface="ＭＳ Ｐゴシック"/>
                <a:cs typeface="ＭＳ Ｐゴシック"/>
              </a:rPr>
              <a:t>13</a:t>
            </a:r>
            <a:r>
              <a:rPr sz="1667" spc="-21" dirty="0">
                <a:latin typeface="ＭＳ Ｐゴシック"/>
                <a:cs typeface="ＭＳ Ｐゴシック"/>
              </a:rPr>
              <a:t>日開催</a:t>
            </a:r>
            <a:r>
              <a:rPr sz="1667" spc="-9" dirty="0">
                <a:latin typeface="ＭＳ Ｐゴシック"/>
                <a:cs typeface="ＭＳ Ｐゴシック"/>
              </a:rPr>
              <a:t>）</a:t>
            </a:r>
            <a:r>
              <a:rPr sz="1667" spc="-30" dirty="0">
                <a:latin typeface="ＭＳ Ｐゴシック"/>
                <a:cs typeface="ＭＳ Ｐゴシック"/>
              </a:rPr>
              <a:t>資料２「インフラメンテナンスにおける新技術・データ利活用に向けた意見」より抜粋。</a:t>
            </a:r>
            <a:endParaRPr sz="1667" dirty="0">
              <a:latin typeface="ＭＳ Ｐゴシック"/>
              <a:cs typeface="ＭＳ Ｐゴシック"/>
            </a:endParaRPr>
          </a:p>
          <a:p>
            <a:pPr marL="10860">
              <a:spcBef>
                <a:spcPts val="1954"/>
              </a:spcBef>
            </a:pPr>
            <a:r>
              <a:rPr sz="1667" spc="-26" dirty="0">
                <a:latin typeface="ＭＳ Ｐゴシック"/>
                <a:cs typeface="ＭＳ Ｐゴシック"/>
              </a:rPr>
              <a:t>＜実施すべき事項＞</a:t>
            </a:r>
            <a:endParaRPr sz="1667" dirty="0">
              <a:latin typeface="ＭＳ Ｐゴシック"/>
              <a:cs typeface="ＭＳ Ｐゴシック"/>
            </a:endParaRPr>
          </a:p>
          <a:p>
            <a:pPr marL="66788" marR="5973" indent="119457" algn="just">
              <a:lnSpc>
                <a:spcPct val="102200"/>
              </a:lnSpc>
              <a:spcBef>
                <a:spcPts val="603"/>
              </a:spcBef>
            </a:pPr>
            <a:r>
              <a:rPr sz="1368" spc="26" dirty="0">
                <a:latin typeface="ＭＳ Ｐゴシック"/>
                <a:cs typeface="ＭＳ Ｐゴシック"/>
              </a:rPr>
              <a:t>長寿命化計画</a:t>
            </a:r>
            <a:r>
              <a:rPr sz="1368" spc="17" dirty="0">
                <a:latin typeface="ＭＳ Ｐゴシック"/>
                <a:cs typeface="ＭＳ Ｐゴシック"/>
              </a:rPr>
              <a:t>（</a:t>
            </a:r>
            <a:r>
              <a:rPr sz="1368" spc="26" dirty="0">
                <a:latin typeface="ＭＳ Ｐゴシック"/>
                <a:cs typeface="ＭＳ Ｐゴシック"/>
              </a:rPr>
              <a:t>行動計画</a:t>
            </a:r>
            <a:r>
              <a:rPr sz="1368" spc="30" dirty="0">
                <a:latin typeface="ＭＳ Ｐゴシック"/>
                <a:cs typeface="ＭＳ Ｐゴシック"/>
              </a:rPr>
              <a:t>）</a:t>
            </a:r>
            <a:r>
              <a:rPr sz="1368" spc="13" dirty="0">
                <a:latin typeface="ＭＳ Ｐゴシック"/>
                <a:cs typeface="ＭＳ Ｐゴシック"/>
              </a:rPr>
              <a:t>を策定し、かつ、インフラ施設を所管する国土交通省、厚生労働省、農林水産省、経済産業</a:t>
            </a:r>
            <a:r>
              <a:rPr sz="1368" spc="17" dirty="0">
                <a:latin typeface="ＭＳ Ｐゴシック"/>
                <a:cs typeface="ＭＳ Ｐゴシック"/>
              </a:rPr>
              <a:t>省は、所管する各インフラ施設（</a:t>
            </a:r>
            <a:r>
              <a:rPr sz="1368" spc="21" dirty="0">
                <a:latin typeface="ＭＳ Ｐゴシック"/>
                <a:cs typeface="ＭＳ Ｐゴシック"/>
              </a:rPr>
              <a:t>別添参照</a:t>
            </a:r>
            <a:r>
              <a:rPr sz="1368" spc="30" dirty="0">
                <a:latin typeface="ＭＳ Ｐゴシック"/>
                <a:cs typeface="ＭＳ Ｐゴシック"/>
              </a:rPr>
              <a:t>）</a:t>
            </a:r>
            <a:r>
              <a:rPr sz="1368" spc="17" dirty="0">
                <a:latin typeface="ＭＳ Ｐゴシック"/>
                <a:cs typeface="ＭＳ Ｐゴシック"/>
              </a:rPr>
              <a:t>に関し、以下の</a:t>
            </a:r>
            <a:r>
              <a:rPr sz="1368" spc="21" dirty="0">
                <a:latin typeface="ＭＳ Ｐゴシック"/>
                <a:cs typeface="ＭＳ Ｐゴシック"/>
              </a:rPr>
              <a:t>①～</a:t>
            </a:r>
            <a:r>
              <a:rPr sz="1368" spc="13" dirty="0">
                <a:latin typeface="ＭＳ Ｐゴシック"/>
                <a:cs typeface="ＭＳ Ｐゴシック"/>
              </a:rPr>
              <a:t>⑦について、現状を把握の上、事業の特性に応じて実施</a:t>
            </a:r>
            <a:r>
              <a:rPr sz="1368" spc="-4" dirty="0">
                <a:latin typeface="ＭＳ Ｐゴシック"/>
                <a:cs typeface="ＭＳ Ｐゴシック"/>
              </a:rPr>
              <a:t>を検討し、検討結果及び取組スケジュールを公表する。</a:t>
            </a:r>
            <a:endParaRPr sz="1368" dirty="0">
              <a:latin typeface="ＭＳ Ｐゴシック"/>
              <a:cs typeface="ＭＳ Ｐゴシック"/>
            </a:endParaRPr>
          </a:p>
          <a:p>
            <a:pPr marL="366517" marR="5973" indent="-299730" algn="just">
              <a:lnSpc>
                <a:spcPct val="101200"/>
              </a:lnSpc>
            </a:pPr>
            <a:r>
              <a:rPr sz="1368" spc="-4" dirty="0">
                <a:latin typeface="ＭＳ Ｐゴシック"/>
                <a:cs typeface="ＭＳ Ｐゴシック"/>
              </a:rPr>
              <a:t>① 点検要領等において、新技術による代替が可能であることを明確に記載する。その際、ドローンや水中ロボット、走行</a:t>
            </a:r>
            <a:r>
              <a:rPr sz="1368" spc="-13" dirty="0">
                <a:latin typeface="ＭＳ Ｐゴシック"/>
                <a:cs typeface="ＭＳ Ｐゴシック"/>
              </a:rPr>
              <a:t>型計測車両、赤外線照射装置、画像解析装置等の利用可能な新技術についてできるだけ具体的に記載する。</a:t>
            </a:r>
            <a:endParaRPr sz="1368" dirty="0">
              <a:latin typeface="ＭＳ Ｐゴシック"/>
              <a:cs typeface="ＭＳ Ｐゴシック"/>
            </a:endParaRPr>
          </a:p>
          <a:p>
            <a:pPr marL="366517" marR="4887" indent="-299730" algn="just">
              <a:lnSpc>
                <a:spcPct val="101299"/>
              </a:lnSpc>
            </a:pPr>
            <a:r>
              <a:rPr sz="1368" spc="-13" dirty="0">
                <a:latin typeface="ＭＳ Ｐゴシック"/>
                <a:cs typeface="ＭＳ Ｐゴシック"/>
              </a:rPr>
              <a:t>② 目視や打音等の人による点検を代替し得る技術について、活用を判断する考え方の整理を進めるとともに、技術の進展に応じて数値等による性能基準の設定を目指す。</a:t>
            </a:r>
            <a:endParaRPr sz="1368" dirty="0">
              <a:latin typeface="ＭＳ Ｐゴシック"/>
              <a:cs typeface="ＭＳ Ｐゴシック"/>
            </a:endParaRPr>
          </a:p>
          <a:p>
            <a:pPr marL="366517" marR="5973" indent="-299730" algn="just">
              <a:lnSpc>
                <a:spcPct val="101299"/>
              </a:lnSpc>
            </a:pPr>
            <a:r>
              <a:rPr sz="1368" spc="-4" dirty="0">
                <a:latin typeface="ＭＳ Ｐゴシック"/>
                <a:cs typeface="ＭＳ Ｐゴシック"/>
              </a:rPr>
              <a:t>③  基準を満たした技術をカタログ等に掲載し、掲載技術については基本的に点検に採用できるものとして、その旨点検</a:t>
            </a:r>
            <a:r>
              <a:rPr sz="1368" spc="-9" dirty="0">
                <a:latin typeface="ＭＳ Ｐゴシック"/>
                <a:cs typeface="ＭＳ Ｐゴシック"/>
              </a:rPr>
              <a:t>要領等に記載する。</a:t>
            </a:r>
            <a:endParaRPr sz="1368" dirty="0">
              <a:latin typeface="ＭＳ Ｐゴシック"/>
              <a:cs typeface="ＭＳ Ｐゴシック"/>
            </a:endParaRPr>
          </a:p>
          <a:p>
            <a:pPr marL="366517" marR="4887" indent="-299730" algn="just">
              <a:lnSpc>
                <a:spcPct val="101299"/>
              </a:lnSpc>
            </a:pPr>
            <a:r>
              <a:rPr sz="1368" spc="4" dirty="0">
                <a:latin typeface="ＭＳ Ｐゴシック"/>
                <a:cs typeface="ＭＳ Ｐゴシック"/>
              </a:rPr>
              <a:t>④ 新技術を活用した具体的な点検方法や活用事例、新技術の活用を前提とした発注仕様書の例をガイドラインや事例</a:t>
            </a:r>
            <a:r>
              <a:rPr sz="1368" spc="9" dirty="0">
                <a:latin typeface="ＭＳ Ｐゴシック"/>
                <a:cs typeface="ＭＳ Ｐゴシック"/>
              </a:rPr>
              <a:t>集として、取りまとめる。特に、航空分野においては、『空港内の施設の維持管理指針』で定める維持管理の方法に</a:t>
            </a:r>
            <a:r>
              <a:rPr sz="1368" spc="-4" dirty="0">
                <a:latin typeface="ＭＳ Ｐゴシック"/>
                <a:cs typeface="ＭＳ Ｐゴシック"/>
              </a:rPr>
              <a:t>ついて、「維持管理・更新計画書 作成基本案」に新技術の具体的な活用事例を示す。港湾分野においては、『点検診</a:t>
            </a:r>
            <a:r>
              <a:rPr sz="1368" spc="4" dirty="0">
                <a:latin typeface="ＭＳ Ｐゴシック"/>
                <a:cs typeface="ＭＳ Ｐゴシック"/>
              </a:rPr>
              <a:t>断の効率化に向けた工夫事例集</a:t>
            </a:r>
            <a:r>
              <a:rPr sz="1368" spc="9" dirty="0">
                <a:latin typeface="ＭＳ Ｐゴシック"/>
                <a:cs typeface="ＭＳ Ｐゴシック"/>
              </a:rPr>
              <a:t>（</a:t>
            </a:r>
            <a:r>
              <a:rPr sz="1368" spc="13" dirty="0">
                <a:latin typeface="ＭＳ Ｐゴシック"/>
                <a:cs typeface="ＭＳ Ｐゴシック"/>
              </a:rPr>
              <a:t>案</a:t>
            </a:r>
            <a:r>
              <a:rPr sz="1368" spc="9" dirty="0">
                <a:latin typeface="ＭＳ Ｐゴシック"/>
                <a:cs typeface="ＭＳ Ｐゴシック"/>
              </a:rPr>
              <a:t>）</a:t>
            </a:r>
            <a:r>
              <a:rPr sz="1368" spc="-9" dirty="0">
                <a:latin typeface="ＭＳ Ｐゴシック"/>
                <a:cs typeface="ＭＳ Ｐゴシック"/>
              </a:rPr>
              <a:t>』において新技術の具体的な活用事例を示す。</a:t>
            </a:r>
            <a:endParaRPr sz="1368" dirty="0">
              <a:latin typeface="ＭＳ Ｐゴシック"/>
              <a:cs typeface="ＭＳ Ｐゴシック"/>
            </a:endParaRPr>
          </a:p>
          <a:p>
            <a:pPr marL="366517" marR="4344" indent="-299730" algn="just">
              <a:lnSpc>
                <a:spcPct val="101299"/>
              </a:lnSpc>
            </a:pPr>
            <a:r>
              <a:rPr sz="1368" spc="4" dirty="0">
                <a:latin typeface="ＭＳ Ｐゴシック"/>
                <a:cs typeface="ＭＳ Ｐゴシック"/>
              </a:rPr>
              <a:t>⑤ 施設の諸元情報・点検結果等に係るデータについて、データベースを構築する。その際、データの活用を念頭に置い</a:t>
            </a:r>
            <a:r>
              <a:rPr sz="1368" spc="-4" dirty="0">
                <a:latin typeface="ＭＳ Ｐゴシック"/>
                <a:cs typeface="ＭＳ Ｐゴシック"/>
              </a:rPr>
              <a:t>た上での登録項目やデータ形式の設定、関係者間でデータ共有可能な仕組みの検討を行う。特に、港湾分野におい</a:t>
            </a:r>
            <a:r>
              <a:rPr sz="1368" spc="13" dirty="0">
                <a:latin typeface="ＭＳ Ｐゴシック"/>
                <a:cs typeface="ＭＳ Ｐゴシック"/>
              </a:rPr>
              <a:t>ては、「維持管理情報データベース」において、維持管理に利用している技術に係る情報についても登録を可能とす</a:t>
            </a:r>
            <a:r>
              <a:rPr sz="1368" spc="4" dirty="0">
                <a:latin typeface="ＭＳ Ｐゴシック"/>
                <a:cs typeface="ＭＳ Ｐゴシック"/>
              </a:rPr>
              <a:t>る。</a:t>
            </a:r>
            <a:endParaRPr sz="1368" dirty="0">
              <a:latin typeface="ＭＳ Ｐゴシック"/>
              <a:cs typeface="ＭＳ Ｐゴシック"/>
            </a:endParaRPr>
          </a:p>
          <a:p>
            <a:pPr marL="66788" algn="just">
              <a:spcBef>
                <a:spcPts val="17"/>
              </a:spcBef>
            </a:pPr>
            <a:r>
              <a:rPr sz="1368" spc="-13" dirty="0">
                <a:latin typeface="ＭＳ Ｐゴシック"/>
                <a:cs typeface="ＭＳ Ｐゴシック"/>
              </a:rPr>
              <a:t>⑥  国直轄管理の施設について、新技術を用いた点検を行い、技術の有効性を実証する。</a:t>
            </a:r>
            <a:endParaRPr sz="1368" dirty="0">
              <a:latin typeface="ＭＳ Ｐゴシック"/>
              <a:cs typeface="ＭＳ Ｐゴシック"/>
            </a:endParaRPr>
          </a:p>
          <a:p>
            <a:pPr marL="366517" marR="9231" indent="-299730" algn="just">
              <a:lnSpc>
                <a:spcPct val="101200"/>
              </a:lnSpc>
            </a:pPr>
            <a:r>
              <a:rPr sz="1368" spc="81" dirty="0">
                <a:latin typeface="ＭＳ Ｐゴシック"/>
                <a:cs typeface="ＭＳ Ｐゴシック"/>
              </a:rPr>
              <a:t>⑦ 上記①</a:t>
            </a:r>
            <a:r>
              <a:rPr sz="1368" dirty="0">
                <a:latin typeface="ＭＳ Ｐゴシック"/>
                <a:cs typeface="ＭＳ Ｐゴシック"/>
              </a:rPr>
              <a:t>～</a:t>
            </a:r>
            <a:r>
              <a:rPr sz="1368" spc="-13" dirty="0">
                <a:latin typeface="ＭＳ Ｐゴシック"/>
                <a:cs typeface="ＭＳ Ｐゴシック"/>
              </a:rPr>
              <a:t>⑥の取組について地方自治体・事業者への周知及び意見交換を徹底する。また、地方自治体を含む各インフラ所管部局に横串を刺すような意見交換を行うことのできる場を設ける。</a:t>
            </a:r>
            <a:endParaRPr sz="1368" dirty="0">
              <a:latin typeface="ＭＳ Ｐゴシック"/>
              <a:cs typeface="ＭＳ Ｐゴシック"/>
            </a:endParaRPr>
          </a:p>
        </p:txBody>
      </p:sp>
      <p:sp>
        <p:nvSpPr>
          <p:cNvPr id="4" name="object 4"/>
          <p:cNvSpPr txBox="1">
            <a:spLocks noGrp="1"/>
          </p:cNvSpPr>
          <p:nvPr>
            <p:ph type="title"/>
          </p:nvPr>
        </p:nvSpPr>
        <p:spPr>
          <a:xfrm>
            <a:off x="407462" y="274060"/>
            <a:ext cx="7600162" cy="379201"/>
          </a:xfrm>
          <a:prstGeom prst="rect">
            <a:avLst/>
          </a:prstGeom>
        </p:spPr>
        <p:txBody>
          <a:bodyPr vert="horz" wrap="square" lIns="0" tIns="9774" rIns="0" bIns="0" rtlCol="0" anchor="ctr">
            <a:spAutoFit/>
          </a:bodyPr>
          <a:lstStyle/>
          <a:p>
            <a:pPr marL="10860">
              <a:lnSpc>
                <a:spcPct val="100000"/>
              </a:lnSpc>
              <a:spcBef>
                <a:spcPts val="77"/>
              </a:spcBef>
              <a:tabLst>
                <a:tab pos="2449964" algn="l"/>
              </a:tabLst>
            </a:pPr>
            <a:r>
              <a:rPr sz="2400" spc="-30" dirty="0"/>
              <a:t>規制改革推進会</a:t>
            </a:r>
            <a:r>
              <a:rPr sz="2400" spc="-43" dirty="0"/>
              <a:t>議</a:t>
            </a:r>
            <a:r>
              <a:rPr sz="2400" dirty="0"/>
              <a:t>	</a:t>
            </a:r>
            <a:r>
              <a:rPr sz="2400" spc="-30" dirty="0"/>
              <a:t>成長戦略</a:t>
            </a:r>
            <a:r>
              <a:rPr sz="2400" spc="-26" dirty="0"/>
              <a:t>ワ</a:t>
            </a:r>
            <a:r>
              <a:rPr sz="2400" spc="-30" dirty="0"/>
              <a:t>ー</a:t>
            </a:r>
            <a:r>
              <a:rPr sz="2400" spc="-26" dirty="0"/>
              <a:t>キ</a:t>
            </a:r>
            <a:r>
              <a:rPr sz="2400" spc="-34" dirty="0"/>
              <a:t>ン</a:t>
            </a:r>
            <a:r>
              <a:rPr sz="2400" spc="-30" dirty="0"/>
              <a:t>グ</a:t>
            </a:r>
            <a:r>
              <a:rPr sz="2400" spc="-17" dirty="0"/>
              <a:t>・</a:t>
            </a:r>
            <a:r>
              <a:rPr sz="2400" spc="-30" dirty="0"/>
              <a:t>グ</a:t>
            </a:r>
            <a:r>
              <a:rPr sz="2400" spc="-26" dirty="0"/>
              <a:t>ル</a:t>
            </a:r>
            <a:r>
              <a:rPr sz="2400" spc="-30" dirty="0"/>
              <a:t>ー</a:t>
            </a:r>
            <a:r>
              <a:rPr sz="2400" spc="-43" dirty="0"/>
              <a:t>プ</a:t>
            </a:r>
          </a:p>
        </p:txBody>
      </p:sp>
      <p:grpSp>
        <p:nvGrpSpPr>
          <p:cNvPr id="5" name="object 5"/>
          <p:cNvGrpSpPr/>
          <p:nvPr/>
        </p:nvGrpSpPr>
        <p:grpSpPr>
          <a:xfrm>
            <a:off x="7968963" y="293216"/>
            <a:ext cx="1136484" cy="363805"/>
            <a:chOff x="9319259" y="114300"/>
            <a:chExt cx="1329055" cy="425450"/>
          </a:xfrm>
        </p:grpSpPr>
        <p:sp>
          <p:nvSpPr>
            <p:cNvPr id="6" name="object 6"/>
            <p:cNvSpPr/>
            <p:nvPr/>
          </p:nvSpPr>
          <p:spPr>
            <a:xfrm>
              <a:off x="9325355" y="120396"/>
              <a:ext cx="1316990" cy="411480"/>
            </a:xfrm>
            <a:custGeom>
              <a:avLst/>
              <a:gdLst/>
              <a:ahLst/>
              <a:cxnLst/>
              <a:rect l="l" t="t" r="r" b="b"/>
              <a:pathLst>
                <a:path w="1316990" h="411480">
                  <a:moveTo>
                    <a:pt x="1316736" y="0"/>
                  </a:moveTo>
                  <a:lnTo>
                    <a:pt x="0" y="0"/>
                  </a:lnTo>
                  <a:lnTo>
                    <a:pt x="0" y="411479"/>
                  </a:lnTo>
                  <a:lnTo>
                    <a:pt x="1316736" y="411479"/>
                  </a:lnTo>
                  <a:lnTo>
                    <a:pt x="1316736" y="0"/>
                  </a:lnTo>
                  <a:close/>
                </a:path>
              </a:pathLst>
            </a:custGeom>
            <a:solidFill>
              <a:srgbClr val="FFFFFF"/>
            </a:solidFill>
          </p:spPr>
          <p:txBody>
            <a:bodyPr wrap="square" lIns="0" tIns="0" rIns="0" bIns="0" rtlCol="0"/>
            <a:lstStyle/>
            <a:p>
              <a:endParaRPr sz="1539"/>
            </a:p>
          </p:txBody>
        </p:sp>
        <p:sp>
          <p:nvSpPr>
            <p:cNvPr id="7" name="object 7"/>
            <p:cNvSpPr/>
            <p:nvPr/>
          </p:nvSpPr>
          <p:spPr>
            <a:xfrm>
              <a:off x="9319259" y="114300"/>
              <a:ext cx="1329055" cy="425450"/>
            </a:xfrm>
            <a:custGeom>
              <a:avLst/>
              <a:gdLst/>
              <a:ahLst/>
              <a:cxnLst/>
              <a:rect l="l" t="t" r="r" b="b"/>
              <a:pathLst>
                <a:path w="1329054" h="425450">
                  <a:moveTo>
                    <a:pt x="1328928" y="0"/>
                  </a:moveTo>
                  <a:lnTo>
                    <a:pt x="0" y="0"/>
                  </a:lnTo>
                  <a:lnTo>
                    <a:pt x="0" y="425195"/>
                  </a:lnTo>
                  <a:lnTo>
                    <a:pt x="1328928" y="425195"/>
                  </a:lnTo>
                  <a:lnTo>
                    <a:pt x="1328928" y="417575"/>
                  </a:lnTo>
                  <a:lnTo>
                    <a:pt x="13716" y="417575"/>
                  </a:lnTo>
                  <a:lnTo>
                    <a:pt x="6096" y="411479"/>
                  </a:lnTo>
                  <a:lnTo>
                    <a:pt x="13716" y="411479"/>
                  </a:lnTo>
                  <a:lnTo>
                    <a:pt x="13716" y="13715"/>
                  </a:lnTo>
                  <a:lnTo>
                    <a:pt x="6096" y="13715"/>
                  </a:lnTo>
                  <a:lnTo>
                    <a:pt x="13716" y="6095"/>
                  </a:lnTo>
                  <a:lnTo>
                    <a:pt x="1328928" y="6095"/>
                  </a:lnTo>
                  <a:lnTo>
                    <a:pt x="1328928" y="0"/>
                  </a:lnTo>
                  <a:close/>
                </a:path>
                <a:path w="1329054" h="425450">
                  <a:moveTo>
                    <a:pt x="13716" y="411479"/>
                  </a:moveTo>
                  <a:lnTo>
                    <a:pt x="6096" y="411479"/>
                  </a:lnTo>
                  <a:lnTo>
                    <a:pt x="13716" y="417575"/>
                  </a:lnTo>
                  <a:lnTo>
                    <a:pt x="13716" y="411479"/>
                  </a:lnTo>
                  <a:close/>
                </a:path>
                <a:path w="1329054" h="425450">
                  <a:moveTo>
                    <a:pt x="1315212" y="411479"/>
                  </a:moveTo>
                  <a:lnTo>
                    <a:pt x="13716" y="411479"/>
                  </a:lnTo>
                  <a:lnTo>
                    <a:pt x="13716" y="417575"/>
                  </a:lnTo>
                  <a:lnTo>
                    <a:pt x="1315212" y="417575"/>
                  </a:lnTo>
                  <a:lnTo>
                    <a:pt x="1315212" y="411479"/>
                  </a:lnTo>
                  <a:close/>
                </a:path>
                <a:path w="1329054" h="425450">
                  <a:moveTo>
                    <a:pt x="1315212" y="6095"/>
                  </a:moveTo>
                  <a:lnTo>
                    <a:pt x="1315212" y="417575"/>
                  </a:lnTo>
                  <a:lnTo>
                    <a:pt x="1322832" y="411479"/>
                  </a:lnTo>
                  <a:lnTo>
                    <a:pt x="1328928" y="411479"/>
                  </a:lnTo>
                  <a:lnTo>
                    <a:pt x="1328928" y="13715"/>
                  </a:lnTo>
                  <a:lnTo>
                    <a:pt x="1322832" y="13715"/>
                  </a:lnTo>
                  <a:lnTo>
                    <a:pt x="1315212" y="6095"/>
                  </a:lnTo>
                  <a:close/>
                </a:path>
                <a:path w="1329054" h="425450">
                  <a:moveTo>
                    <a:pt x="1328928" y="411479"/>
                  </a:moveTo>
                  <a:lnTo>
                    <a:pt x="1322832" y="411479"/>
                  </a:lnTo>
                  <a:lnTo>
                    <a:pt x="1315212" y="417575"/>
                  </a:lnTo>
                  <a:lnTo>
                    <a:pt x="1328928" y="417575"/>
                  </a:lnTo>
                  <a:lnTo>
                    <a:pt x="1328928" y="411479"/>
                  </a:lnTo>
                  <a:close/>
                </a:path>
                <a:path w="1329054" h="425450">
                  <a:moveTo>
                    <a:pt x="13716" y="6095"/>
                  </a:moveTo>
                  <a:lnTo>
                    <a:pt x="6096" y="13715"/>
                  </a:lnTo>
                  <a:lnTo>
                    <a:pt x="13716" y="13715"/>
                  </a:lnTo>
                  <a:lnTo>
                    <a:pt x="13716" y="6095"/>
                  </a:lnTo>
                  <a:close/>
                </a:path>
                <a:path w="1329054" h="425450">
                  <a:moveTo>
                    <a:pt x="1315212" y="6095"/>
                  </a:moveTo>
                  <a:lnTo>
                    <a:pt x="13716" y="6095"/>
                  </a:lnTo>
                  <a:lnTo>
                    <a:pt x="13716" y="13715"/>
                  </a:lnTo>
                  <a:lnTo>
                    <a:pt x="1315212" y="13715"/>
                  </a:lnTo>
                  <a:lnTo>
                    <a:pt x="1315212" y="6095"/>
                  </a:lnTo>
                  <a:close/>
                </a:path>
                <a:path w="1329054" h="425450">
                  <a:moveTo>
                    <a:pt x="1328928" y="6095"/>
                  </a:moveTo>
                  <a:lnTo>
                    <a:pt x="1315212" y="6095"/>
                  </a:lnTo>
                  <a:lnTo>
                    <a:pt x="1322832" y="13715"/>
                  </a:lnTo>
                  <a:lnTo>
                    <a:pt x="1328928" y="13715"/>
                  </a:lnTo>
                  <a:lnTo>
                    <a:pt x="1328928" y="6095"/>
                  </a:lnTo>
                  <a:close/>
                </a:path>
              </a:pathLst>
            </a:custGeom>
            <a:solidFill>
              <a:srgbClr val="3F87C8"/>
            </a:solidFill>
          </p:spPr>
          <p:txBody>
            <a:bodyPr wrap="square" lIns="0" tIns="0" rIns="0" bIns="0" rtlCol="0"/>
            <a:lstStyle/>
            <a:p>
              <a:endParaRPr sz="1539"/>
            </a:p>
          </p:txBody>
        </p:sp>
      </p:grpSp>
      <p:sp>
        <p:nvSpPr>
          <p:cNvPr id="8" name="object 8"/>
          <p:cNvSpPr txBox="1"/>
          <p:nvPr/>
        </p:nvSpPr>
        <p:spPr>
          <a:xfrm>
            <a:off x="8007624" y="347516"/>
            <a:ext cx="1060465" cy="223666"/>
          </a:xfrm>
          <a:prstGeom prst="rect">
            <a:avLst/>
          </a:prstGeom>
        </p:spPr>
        <p:txBody>
          <a:bodyPr vert="horz" wrap="square" lIns="0" tIns="13032" rIns="0" bIns="0" rtlCol="0">
            <a:spAutoFit/>
          </a:bodyPr>
          <a:lstStyle/>
          <a:p>
            <a:pPr marL="10860">
              <a:spcBef>
                <a:spcPts val="103"/>
              </a:spcBef>
            </a:pPr>
            <a:r>
              <a:rPr sz="1368" spc="-9" dirty="0">
                <a:solidFill>
                  <a:srgbClr val="3F87C8"/>
                </a:solidFill>
                <a:latin typeface="ＭＳ Ｐゴシック"/>
                <a:cs typeface="ＭＳ Ｐゴシック"/>
              </a:rPr>
              <a:t>横断的な取組</a:t>
            </a:r>
            <a:endParaRPr sz="1368">
              <a:latin typeface="ＭＳ Ｐゴシック"/>
              <a:cs typeface="ＭＳ Ｐゴシック"/>
            </a:endParaRPr>
          </a:p>
        </p:txBody>
      </p:sp>
      <p:sp>
        <p:nvSpPr>
          <p:cNvPr id="9" name="object 9"/>
          <p:cNvSpPr/>
          <p:nvPr/>
        </p:nvSpPr>
        <p:spPr>
          <a:xfrm>
            <a:off x="13032" y="299733"/>
            <a:ext cx="311678" cy="211224"/>
          </a:xfrm>
          <a:custGeom>
            <a:avLst/>
            <a:gdLst/>
            <a:ahLst/>
            <a:cxnLst/>
            <a:rect l="l" t="t" r="r" b="b"/>
            <a:pathLst>
              <a:path w="364490" h="247015">
                <a:moveTo>
                  <a:pt x="364236" y="0"/>
                </a:moveTo>
                <a:lnTo>
                  <a:pt x="0" y="0"/>
                </a:lnTo>
                <a:lnTo>
                  <a:pt x="0" y="246888"/>
                </a:lnTo>
                <a:lnTo>
                  <a:pt x="364236" y="246888"/>
                </a:lnTo>
                <a:lnTo>
                  <a:pt x="364236" y="239268"/>
                </a:lnTo>
                <a:lnTo>
                  <a:pt x="13716" y="239268"/>
                </a:lnTo>
                <a:lnTo>
                  <a:pt x="7620" y="233172"/>
                </a:lnTo>
                <a:lnTo>
                  <a:pt x="13716" y="233172"/>
                </a:lnTo>
                <a:lnTo>
                  <a:pt x="13716" y="13716"/>
                </a:lnTo>
                <a:lnTo>
                  <a:pt x="7620" y="13716"/>
                </a:lnTo>
                <a:lnTo>
                  <a:pt x="13716" y="6096"/>
                </a:lnTo>
                <a:lnTo>
                  <a:pt x="364236" y="6096"/>
                </a:lnTo>
                <a:lnTo>
                  <a:pt x="364236" y="0"/>
                </a:lnTo>
                <a:close/>
              </a:path>
              <a:path w="364490" h="247015">
                <a:moveTo>
                  <a:pt x="13716" y="233172"/>
                </a:moveTo>
                <a:lnTo>
                  <a:pt x="7620" y="233172"/>
                </a:lnTo>
                <a:lnTo>
                  <a:pt x="13716" y="239268"/>
                </a:lnTo>
                <a:lnTo>
                  <a:pt x="13716" y="233172"/>
                </a:lnTo>
                <a:close/>
              </a:path>
              <a:path w="364490" h="247015">
                <a:moveTo>
                  <a:pt x="350520" y="233172"/>
                </a:moveTo>
                <a:lnTo>
                  <a:pt x="13716" y="233172"/>
                </a:lnTo>
                <a:lnTo>
                  <a:pt x="13716" y="239268"/>
                </a:lnTo>
                <a:lnTo>
                  <a:pt x="350520" y="239268"/>
                </a:lnTo>
                <a:lnTo>
                  <a:pt x="350520" y="233172"/>
                </a:lnTo>
                <a:close/>
              </a:path>
              <a:path w="364490" h="247015">
                <a:moveTo>
                  <a:pt x="350520" y="6096"/>
                </a:moveTo>
                <a:lnTo>
                  <a:pt x="350520" y="239268"/>
                </a:lnTo>
                <a:lnTo>
                  <a:pt x="356616" y="233172"/>
                </a:lnTo>
                <a:lnTo>
                  <a:pt x="364236" y="233172"/>
                </a:lnTo>
                <a:lnTo>
                  <a:pt x="364236" y="13716"/>
                </a:lnTo>
                <a:lnTo>
                  <a:pt x="356616" y="13716"/>
                </a:lnTo>
                <a:lnTo>
                  <a:pt x="350520" y="6096"/>
                </a:lnTo>
                <a:close/>
              </a:path>
              <a:path w="364490" h="247015">
                <a:moveTo>
                  <a:pt x="364236" y="233172"/>
                </a:moveTo>
                <a:lnTo>
                  <a:pt x="356616" y="233172"/>
                </a:lnTo>
                <a:lnTo>
                  <a:pt x="350520" y="239268"/>
                </a:lnTo>
                <a:lnTo>
                  <a:pt x="364236" y="239268"/>
                </a:lnTo>
                <a:lnTo>
                  <a:pt x="364236" y="233172"/>
                </a:lnTo>
                <a:close/>
              </a:path>
              <a:path w="364490" h="247015">
                <a:moveTo>
                  <a:pt x="13716" y="6096"/>
                </a:moveTo>
                <a:lnTo>
                  <a:pt x="7620" y="13716"/>
                </a:lnTo>
                <a:lnTo>
                  <a:pt x="13716" y="13716"/>
                </a:lnTo>
                <a:lnTo>
                  <a:pt x="13716" y="6096"/>
                </a:lnTo>
                <a:close/>
              </a:path>
              <a:path w="364490" h="247015">
                <a:moveTo>
                  <a:pt x="350520" y="6096"/>
                </a:moveTo>
                <a:lnTo>
                  <a:pt x="13716" y="6096"/>
                </a:lnTo>
                <a:lnTo>
                  <a:pt x="13716" y="13716"/>
                </a:lnTo>
                <a:lnTo>
                  <a:pt x="350520" y="13716"/>
                </a:lnTo>
                <a:lnTo>
                  <a:pt x="350520" y="6096"/>
                </a:lnTo>
                <a:close/>
              </a:path>
              <a:path w="364490" h="247015">
                <a:moveTo>
                  <a:pt x="364236" y="6096"/>
                </a:moveTo>
                <a:lnTo>
                  <a:pt x="350520" y="6096"/>
                </a:lnTo>
                <a:lnTo>
                  <a:pt x="356616" y="13716"/>
                </a:lnTo>
                <a:lnTo>
                  <a:pt x="364236" y="13716"/>
                </a:lnTo>
                <a:lnTo>
                  <a:pt x="364236" y="6096"/>
                </a:lnTo>
                <a:close/>
              </a:path>
            </a:pathLst>
          </a:custGeom>
          <a:solidFill>
            <a:srgbClr val="3F87C8"/>
          </a:solidFill>
        </p:spPr>
        <p:txBody>
          <a:bodyPr wrap="square" lIns="0" tIns="0" rIns="0" bIns="0" rtlCol="0"/>
          <a:lstStyle/>
          <a:p>
            <a:endParaRPr sz="1539"/>
          </a:p>
        </p:txBody>
      </p:sp>
      <p:sp>
        <p:nvSpPr>
          <p:cNvPr id="10" name="object 10"/>
          <p:cNvSpPr txBox="1"/>
          <p:nvPr/>
        </p:nvSpPr>
        <p:spPr>
          <a:xfrm>
            <a:off x="93395" y="311027"/>
            <a:ext cx="151495" cy="152435"/>
          </a:xfrm>
          <a:prstGeom prst="rect">
            <a:avLst/>
          </a:prstGeom>
        </p:spPr>
        <p:txBody>
          <a:bodyPr vert="horz" wrap="square" lIns="0" tIns="14118" rIns="0" bIns="0" rtlCol="0">
            <a:spAutoFit/>
          </a:bodyPr>
          <a:lstStyle/>
          <a:p>
            <a:pPr marL="10860">
              <a:spcBef>
                <a:spcPts val="111"/>
              </a:spcBef>
            </a:pPr>
            <a:r>
              <a:rPr sz="898" spc="-21" dirty="0">
                <a:solidFill>
                  <a:srgbClr val="3F87C8"/>
                </a:solidFill>
                <a:latin typeface="ＭＳ Ｐゴシック"/>
                <a:cs typeface="ＭＳ Ｐゴシック"/>
              </a:rPr>
              <a:t>(5)</a:t>
            </a:r>
            <a:endParaRPr sz="898">
              <a:latin typeface="ＭＳ Ｐゴシック"/>
              <a:cs typeface="ＭＳ Ｐゴシック"/>
            </a:endParaRPr>
          </a:p>
        </p:txBody>
      </p:sp>
      <p:sp>
        <p:nvSpPr>
          <p:cNvPr id="11" name="object 11"/>
          <p:cNvSpPr txBox="1">
            <a:spLocks noGrp="1"/>
          </p:cNvSpPr>
          <p:nvPr>
            <p:ph type="sldNum" sz="quarter" idx="7"/>
          </p:nvPr>
        </p:nvSpPr>
        <p:spPr>
          <a:xfrm>
            <a:off x="10347452" y="7147033"/>
            <a:ext cx="279653" cy="249554"/>
          </a:xfrm>
          <a:prstGeom prst="rect">
            <a:avLst/>
          </a:prstGeom>
        </p:spPr>
        <p:txBody>
          <a:bodyPr vert="horz" wrap="square" lIns="0" tIns="0" rIns="0" bIns="0" rtlCol="0">
            <a:spAutoFit/>
          </a:bodyPr>
          <a:lstStyle>
            <a:defPPr>
              <a:defRPr kern="0"/>
            </a:defPPr>
            <a:lvl1pPr>
              <a:defRPr sz="1600" b="0" i="0">
                <a:solidFill>
                  <a:schemeClr val="tx1"/>
                </a:solidFill>
                <a:latin typeface="ＭＳ Ｐゴシック"/>
                <a:cs typeface="ＭＳ Ｐゴシック"/>
              </a:defRPr>
            </a:lvl1pPr>
          </a:lstStyle>
          <a:p>
            <a:pPr marL="116205">
              <a:lnSpc>
                <a:spcPts val="1810"/>
              </a:lnSpc>
            </a:pPr>
            <a:fld id="{81D60167-4931-47E6-BA6A-407CBD079E47}" type="slidenum">
              <a:rPr lang="en-US" altLang="ja-JP" spc="-50" smtClean="0"/>
              <a:pPr marL="116205">
                <a:lnSpc>
                  <a:spcPts val="1810"/>
                </a:lnSpc>
              </a:pPr>
              <a:t>64</a:t>
            </a:fld>
            <a:endParaRPr spc="-21" dirty="0"/>
          </a:p>
        </p:txBody>
      </p:sp>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FE772F5-7CAA-0729-1D45-0D7E9D96F325}"/>
              </a:ext>
            </a:extLst>
          </p:cNvPr>
          <p:cNvPicPr>
            <a:picLocks noChangeAspect="1"/>
          </p:cNvPicPr>
          <p:nvPr/>
        </p:nvPicPr>
        <p:blipFill>
          <a:blip r:embed="rId2"/>
          <a:stretch>
            <a:fillRect/>
          </a:stretch>
        </p:blipFill>
        <p:spPr>
          <a:xfrm>
            <a:off x="520070" y="747338"/>
            <a:ext cx="8103859" cy="5772944"/>
          </a:xfrm>
          <a:prstGeom prst="rect">
            <a:avLst/>
          </a:prstGeom>
        </p:spPr>
      </p:pic>
      <p:sp>
        <p:nvSpPr>
          <p:cNvPr id="3" name="テキスト ボックス 2">
            <a:extLst>
              <a:ext uri="{FF2B5EF4-FFF2-40B4-BE49-F238E27FC236}">
                <a16:creationId xmlns:a16="http://schemas.microsoft.com/office/drawing/2014/main" id="{211B6A74-24DC-2B56-3149-600EC688E50D}"/>
              </a:ext>
            </a:extLst>
          </p:cNvPr>
          <p:cNvSpPr txBox="1"/>
          <p:nvPr/>
        </p:nvSpPr>
        <p:spPr>
          <a:xfrm>
            <a:off x="1276298" y="250724"/>
            <a:ext cx="5570756" cy="415498"/>
          </a:xfrm>
          <a:prstGeom prst="rect">
            <a:avLst/>
          </a:prstGeom>
          <a:noFill/>
        </p:spPr>
        <p:txBody>
          <a:bodyPr wrap="none" rtlCol="0">
            <a:spAutoFit/>
          </a:bodyPr>
          <a:lstStyle/>
          <a:p>
            <a:r>
              <a:rPr lang="ja-JP" altLang="en-US" sz="2100" dirty="0"/>
              <a:t>技術の伝承のためにも！新規事業の必要性。</a:t>
            </a:r>
          </a:p>
        </p:txBody>
      </p:sp>
    </p:spTree>
    <p:extLst>
      <p:ext uri="{BB962C8B-B14F-4D97-AF65-F5344CB8AC3E}">
        <p14:creationId xmlns:p14="http://schemas.microsoft.com/office/powerpoint/2010/main" val="588392011"/>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スライド番号プレースホルダー 1"/>
          <p:cNvSpPr>
            <a:spLocks noGrp="1"/>
          </p:cNvSpPr>
          <p:nvPr>
            <p:ph type="sldNum" sz="quarter" idx="12"/>
          </p:nvPr>
        </p:nvSpPr>
        <p:spPr bwMode="auto">
          <a:xfrm>
            <a:off x="5651500" y="7100888"/>
            <a:ext cx="3889375" cy="47625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fld id="{155041D9-6CF6-4D0A-9F72-D243350B5AAB}" type="slidenum">
              <a:rPr lang="en-US" altLang="ja-JP" sz="1200" smtClean="0">
                <a:solidFill>
                  <a:srgbClr val="0033CC"/>
                </a:solidFill>
                <a:latin typeface="HG丸ｺﾞｼｯｸM-PRO" panose="020F0600000000000000" pitchFamily="50" charset="-128"/>
                <a:ea typeface="HG丸ｺﾞｼｯｸM-PRO" panose="020F0600000000000000" pitchFamily="50" charset="-128"/>
              </a:rPr>
              <a:pPr algn="ctr">
                <a:spcBef>
                  <a:spcPct val="0"/>
                </a:spcBef>
                <a:buFontTx/>
                <a:buNone/>
              </a:pPr>
              <a:t>66</a:t>
            </a:fld>
            <a:endParaRPr lang="en-US" altLang="ja-JP" sz="1200">
              <a:solidFill>
                <a:srgbClr val="0033CC"/>
              </a:solidFill>
              <a:latin typeface="HG丸ｺﾞｼｯｸM-PRO" panose="020F0600000000000000" pitchFamily="50" charset="-128"/>
              <a:ea typeface="HG丸ｺﾞｼｯｸM-PRO" panose="020F0600000000000000" pitchFamily="50" charset="-128"/>
            </a:endParaRPr>
          </a:p>
        </p:txBody>
      </p:sp>
      <p:pic>
        <p:nvPicPr>
          <p:cNvPr id="3" name="Picture 4"/>
          <p:cNvPicPr>
            <a:picLocks noChangeAspect="1" noChangeArrowheads="1"/>
          </p:cNvPicPr>
          <p:nvPr/>
        </p:nvPicPr>
        <p:blipFill>
          <a:blip r:embed="rId2"/>
          <a:srcRect/>
          <a:stretch>
            <a:fillRect/>
          </a:stretch>
        </p:blipFill>
        <p:spPr bwMode="auto">
          <a:xfrm>
            <a:off x="4572000" y="795338"/>
            <a:ext cx="4667250" cy="3482975"/>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solidFill>
                  <a:schemeClr val="tx1"/>
                </a:solidFill>
                <a:prstDash val="solid"/>
                <a:miter lim="800000"/>
                <a:headEnd/>
                <a:tailEnd/>
              </a14:hiddenLine>
            </a:ext>
          </a:extLst>
        </p:spPr>
      </p:pic>
      <p:pic>
        <p:nvPicPr>
          <p:cNvPr id="19460" name="Picture 2" descr="画像 01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749" y="777875"/>
            <a:ext cx="4667250" cy="35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3" name="テキスト ボックス 1"/>
          <p:cNvSpPr txBox="1">
            <a:spLocks noChangeArrowheads="1"/>
          </p:cNvSpPr>
          <p:nvPr/>
        </p:nvSpPr>
        <p:spPr bwMode="auto">
          <a:xfrm>
            <a:off x="2824163" y="115888"/>
            <a:ext cx="3686175" cy="1323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4000" dirty="0">
                <a:latin typeface="HGP創英角ﾎﾟｯﾌﾟ体" panose="040B0A00000000000000" pitchFamily="50" charset="-128"/>
                <a:ea typeface="HGP創英角ﾎﾟｯﾌﾟ体" panose="040B0A00000000000000" pitchFamily="50" charset="-128"/>
              </a:rPr>
              <a:t>PPP/PFI</a:t>
            </a:r>
            <a:r>
              <a:rPr lang="ja-JP" altLang="en-US" sz="4000" dirty="0">
                <a:latin typeface="HGP創英角ﾎﾟｯﾌﾟ体" panose="040B0A00000000000000" pitchFamily="50" charset="-128"/>
                <a:ea typeface="HGP創英角ﾎﾟｯﾌﾟ体" panose="040B0A00000000000000" pitchFamily="50" charset="-128"/>
              </a:rPr>
              <a:t>　と</a:t>
            </a:r>
            <a:r>
              <a:rPr lang="en-US" altLang="ja-JP" sz="4000" dirty="0">
                <a:latin typeface="HGP創英角ﾎﾟｯﾌﾟ体" panose="040B0A00000000000000" pitchFamily="50" charset="-128"/>
                <a:ea typeface="HGP創英角ﾎﾟｯﾌﾟ体" panose="040B0A00000000000000" pitchFamily="50" charset="-128"/>
              </a:rPr>
              <a:t>CM</a:t>
            </a:r>
          </a:p>
          <a:p>
            <a:pPr algn="ctr" eaLnBrk="1" hangingPunct="1">
              <a:spcBef>
                <a:spcPct val="0"/>
              </a:spcBef>
              <a:buFontTx/>
              <a:buNone/>
            </a:pPr>
            <a:r>
              <a:rPr lang="ja-JP" altLang="en-US" sz="2000" dirty="0">
                <a:solidFill>
                  <a:schemeClr val="bg1"/>
                </a:solidFill>
                <a:latin typeface="HGP創英角ﾎﾟｯﾌﾟ体" panose="040B0A00000000000000" pitchFamily="50" charset="-128"/>
                <a:ea typeface="HGP創英角ﾎﾟｯﾌﾟ体" panose="040B0A00000000000000" pitchFamily="50" charset="-128"/>
              </a:rPr>
              <a:t>ちょうど２０００年。</a:t>
            </a:r>
            <a:endParaRPr lang="en-US" altLang="ja-JP" sz="2000" dirty="0">
              <a:solidFill>
                <a:schemeClr val="bg1"/>
              </a:solidFill>
              <a:latin typeface="HGP創英角ﾎﾟｯﾌﾟ体" panose="040B0A00000000000000" pitchFamily="50" charset="-128"/>
              <a:ea typeface="HGP創英角ﾎﾟｯﾌﾟ体" panose="040B0A00000000000000" pitchFamily="50" charset="-128"/>
            </a:endParaRPr>
          </a:p>
          <a:p>
            <a:pPr algn="ctr" eaLnBrk="1" hangingPunct="1">
              <a:spcBef>
                <a:spcPct val="0"/>
              </a:spcBef>
              <a:buFontTx/>
              <a:buNone/>
            </a:pPr>
            <a:endParaRPr lang="ja-JP" altLang="en-US" sz="2000" dirty="0">
              <a:solidFill>
                <a:schemeClr val="bg1"/>
              </a:solidFill>
              <a:latin typeface="HGP創英角ﾎﾟｯﾌﾟ体" panose="040B0A00000000000000" pitchFamily="50" charset="-128"/>
              <a:ea typeface="HGP創英角ﾎﾟｯﾌﾟ体" panose="040B0A00000000000000" pitchFamily="50" charset="-128"/>
            </a:endParaRPr>
          </a:p>
        </p:txBody>
      </p:sp>
      <p:sp>
        <p:nvSpPr>
          <p:cNvPr id="2" name="テキスト ボックス 1"/>
          <p:cNvSpPr txBox="1"/>
          <p:nvPr/>
        </p:nvSpPr>
        <p:spPr>
          <a:xfrm>
            <a:off x="553988" y="4490943"/>
            <a:ext cx="8685262" cy="2609945"/>
          </a:xfrm>
          <a:prstGeom prst="rect">
            <a:avLst/>
          </a:prstGeom>
          <a:noFill/>
        </p:spPr>
        <p:txBody>
          <a:bodyPr wrap="square" rtlCol="0">
            <a:spAutoFit/>
          </a:bodyPr>
          <a:lstStyle/>
          <a:p>
            <a:r>
              <a:rPr lang="ja-JP" altLang="en-US" dirty="0"/>
              <a:t>新たな「しくみ」の導入が必要となる！</a:t>
            </a:r>
            <a:r>
              <a:rPr kumimoji="1" lang="en-US" altLang="ja-JP" dirty="0"/>
              <a:t>PPP/PFI</a:t>
            </a:r>
            <a:r>
              <a:rPr kumimoji="1" lang="ja-JP" altLang="en-US" dirty="0"/>
              <a:t>もその一つの手法。</a:t>
            </a:r>
            <a:endParaRPr kumimoji="1" lang="en-US" altLang="ja-JP" dirty="0"/>
          </a:p>
          <a:p>
            <a:r>
              <a:rPr kumimoji="1" lang="en-US" altLang="ja-JP" dirty="0"/>
              <a:t>CM</a:t>
            </a:r>
            <a:r>
              <a:rPr kumimoji="1" lang="ja-JP" altLang="en-US" dirty="0"/>
              <a:t>もそうである。</a:t>
            </a:r>
            <a:endParaRPr kumimoji="1" lang="en-US" altLang="ja-JP" dirty="0"/>
          </a:p>
          <a:p>
            <a:r>
              <a:rPr kumimoji="1" lang="ja-JP" altLang="en-US" dirty="0"/>
              <a:t>２０００年に韓国で実施。「テグ</a:t>
            </a:r>
            <a:r>
              <a:rPr kumimoji="1" lang="en-US" altLang="ja-JP" dirty="0"/>
              <a:t>~</a:t>
            </a:r>
            <a:r>
              <a:rPr kumimoji="1" lang="ja-JP" altLang="en-US" dirty="0"/>
              <a:t>ブサン高速道路民資事業」</a:t>
            </a:r>
            <a:endParaRPr kumimoji="1" lang="en-US" altLang="ja-JP" dirty="0"/>
          </a:p>
          <a:p>
            <a:r>
              <a:rPr kumimoji="1" lang="ja-JP" altLang="en-US" dirty="0"/>
              <a:t>橋梁１０５橋トンネル１３本。延長</a:t>
            </a:r>
            <a:r>
              <a:rPr kumimoji="1" lang="en-US" altLang="ja-JP" dirty="0"/>
              <a:t>85km</a:t>
            </a:r>
            <a:r>
              <a:rPr kumimoji="1" lang="ja-JP" altLang="en-US" dirty="0"/>
              <a:t>。</a:t>
            </a:r>
            <a:r>
              <a:rPr kumimoji="1" lang="en-US" altLang="ja-JP" dirty="0"/>
              <a:t>1</a:t>
            </a:r>
            <a:r>
              <a:rPr kumimoji="1" lang="ja-JP" altLang="en-US" dirty="0"/>
              <a:t>年間の設計照査、４年間のモニタリング。</a:t>
            </a:r>
            <a:endParaRPr kumimoji="1" lang="en-US" altLang="ja-JP" dirty="0"/>
          </a:p>
          <a:p>
            <a:r>
              <a:rPr kumimoji="1" lang="ja-JP" altLang="en-US" dirty="0"/>
              <a:t>我が国では、インフラでの実行例がない。</a:t>
            </a:r>
            <a:endParaRPr kumimoji="1" lang="en-US" altLang="ja-JP" dirty="0"/>
          </a:p>
          <a:p>
            <a:endParaRPr kumimoji="1" lang="en-US" altLang="ja-JP" dirty="0"/>
          </a:p>
          <a:p>
            <a:endParaRPr kumimoji="1" lang="ja-JP" altLang="en-US" dirty="0"/>
          </a:p>
        </p:txBody>
      </p:sp>
    </p:spTree>
    <p:extLst>
      <p:ext uri="{BB962C8B-B14F-4D97-AF65-F5344CB8AC3E}">
        <p14:creationId xmlns:p14="http://schemas.microsoft.com/office/powerpoint/2010/main" val="43823403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Line 2">
            <a:extLst>
              <a:ext uri="{FF2B5EF4-FFF2-40B4-BE49-F238E27FC236}">
                <a16:creationId xmlns:a16="http://schemas.microsoft.com/office/drawing/2014/main" id="{B3670C88-F733-B9D9-FD77-01ADC914F3EA}"/>
              </a:ext>
            </a:extLst>
          </p:cNvPr>
          <p:cNvSpPr>
            <a:spLocks noChangeShapeType="1"/>
          </p:cNvSpPr>
          <p:nvPr/>
        </p:nvSpPr>
        <p:spPr bwMode="auto">
          <a:xfrm>
            <a:off x="1238250" y="2960688"/>
            <a:ext cx="6934200" cy="46037"/>
          </a:xfrm>
          <a:prstGeom prst="line">
            <a:avLst/>
          </a:prstGeom>
          <a:noFill/>
          <a:ln w="38100">
            <a:solidFill>
              <a:srgbClr val="008000"/>
            </a:solidFill>
            <a:prstDash val="lgDashDot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3" name="Rectangle 3">
            <a:extLst>
              <a:ext uri="{FF2B5EF4-FFF2-40B4-BE49-F238E27FC236}">
                <a16:creationId xmlns:a16="http://schemas.microsoft.com/office/drawing/2014/main" id="{E36ECBD9-ABBB-57D5-A497-D0BF9B0F642B}"/>
              </a:ext>
            </a:extLst>
          </p:cNvPr>
          <p:cNvSpPr>
            <a:spLocks noChangeArrowheads="1"/>
          </p:cNvSpPr>
          <p:nvPr/>
        </p:nvSpPr>
        <p:spPr bwMode="auto">
          <a:xfrm>
            <a:off x="3143250" y="1724025"/>
            <a:ext cx="2374900" cy="708025"/>
          </a:xfrm>
          <a:prstGeom prst="rect">
            <a:avLst/>
          </a:prstGeom>
          <a:solidFill>
            <a:srgbClr val="FFFF00"/>
          </a:solidFill>
          <a:ln w="381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latin typeface="ＭＳ Ｐゴシック" panose="020B0600070205080204" pitchFamily="50" charset="-128"/>
              </a:rPr>
              <a:t>プロジェクトプロモーター</a:t>
            </a:r>
          </a:p>
          <a:p>
            <a:pPr algn="ctr">
              <a:spcBef>
                <a:spcPct val="0"/>
              </a:spcBef>
              <a:buFontTx/>
              <a:buNone/>
            </a:pPr>
            <a:r>
              <a:rPr lang="ja-JP" altLang="en-US" sz="1600" b="1">
                <a:latin typeface="ＭＳ Ｐゴシック" panose="020B0600070205080204" pitchFamily="50" charset="-128"/>
              </a:rPr>
              <a:t>（官公庁・地方自治体）</a:t>
            </a:r>
          </a:p>
          <a:p>
            <a:pPr>
              <a:spcBef>
                <a:spcPct val="0"/>
              </a:spcBef>
              <a:buFontTx/>
              <a:buNone/>
            </a:pPr>
            <a:endParaRPr lang="en-US" altLang="ja-JP" sz="2400">
              <a:latin typeface="Times New Roman" panose="02020603050405020304" pitchFamily="18" charset="0"/>
            </a:endParaRPr>
          </a:p>
        </p:txBody>
      </p:sp>
      <p:sp>
        <p:nvSpPr>
          <p:cNvPr id="56324" name="Rectangle 4">
            <a:extLst>
              <a:ext uri="{FF2B5EF4-FFF2-40B4-BE49-F238E27FC236}">
                <a16:creationId xmlns:a16="http://schemas.microsoft.com/office/drawing/2014/main" id="{BA182408-C427-8AD0-F8BE-9586B253D91E}"/>
              </a:ext>
            </a:extLst>
          </p:cNvPr>
          <p:cNvSpPr>
            <a:spLocks noChangeArrowheads="1"/>
          </p:cNvSpPr>
          <p:nvPr/>
        </p:nvSpPr>
        <p:spPr bwMode="auto">
          <a:xfrm>
            <a:off x="3390900" y="3190875"/>
            <a:ext cx="1981200" cy="685800"/>
          </a:xfrm>
          <a:prstGeom prst="rect">
            <a:avLst/>
          </a:prstGeom>
          <a:solidFill>
            <a:srgbClr val="FF0000"/>
          </a:solidFill>
          <a:ln w="5715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b="1">
                <a:latin typeface="HGS創英角ﾎﾟｯﾌﾟ体" panose="040B0A00000000000000" pitchFamily="50" charset="-128"/>
                <a:ea typeface="HGS創英角ﾎﾟｯﾌﾟ体" panose="040B0A00000000000000" pitchFamily="50" charset="-128"/>
              </a:rPr>
              <a:t>マネジメント</a:t>
            </a:r>
            <a:endParaRPr lang="en-US" altLang="ja-JP" sz="2000" b="1">
              <a:latin typeface="HGS創英角ﾎﾟｯﾌﾟ体" panose="040B0A00000000000000" pitchFamily="50" charset="-128"/>
              <a:ea typeface="HGS創英角ﾎﾟｯﾌﾟ体" panose="040B0A00000000000000" pitchFamily="50" charset="-128"/>
            </a:endParaRPr>
          </a:p>
          <a:p>
            <a:pPr eaLnBrk="1" hangingPunct="1">
              <a:spcBef>
                <a:spcPct val="0"/>
              </a:spcBef>
              <a:buFontTx/>
              <a:buNone/>
            </a:pPr>
            <a:r>
              <a:rPr lang="ja-JP" altLang="en-US" sz="2000" b="1">
                <a:latin typeface="HGS創英角ﾎﾟｯﾌﾟ体" panose="040B0A00000000000000" pitchFamily="50" charset="-128"/>
                <a:ea typeface="HGS創英角ﾎﾟｯﾌﾟ体" panose="040B0A00000000000000" pitchFamily="50" charset="-128"/>
              </a:rPr>
              <a:t>会　社</a:t>
            </a:r>
          </a:p>
          <a:p>
            <a:pPr>
              <a:spcBef>
                <a:spcPct val="0"/>
              </a:spcBef>
              <a:buFontTx/>
              <a:buNone/>
            </a:pPr>
            <a:endParaRPr lang="en-US" altLang="ja-JP" sz="1400">
              <a:latin typeface="Times New Roman" panose="02020603050405020304" pitchFamily="18" charset="0"/>
            </a:endParaRPr>
          </a:p>
        </p:txBody>
      </p:sp>
      <p:sp>
        <p:nvSpPr>
          <p:cNvPr id="56325" name="Rectangle 5">
            <a:extLst>
              <a:ext uri="{FF2B5EF4-FFF2-40B4-BE49-F238E27FC236}">
                <a16:creationId xmlns:a16="http://schemas.microsoft.com/office/drawing/2014/main" id="{B28B6738-5830-FBE3-9A24-6FB2CD0254E4}"/>
              </a:ext>
            </a:extLst>
          </p:cNvPr>
          <p:cNvSpPr>
            <a:spLocks noChangeArrowheads="1"/>
          </p:cNvSpPr>
          <p:nvPr/>
        </p:nvSpPr>
        <p:spPr bwMode="auto">
          <a:xfrm>
            <a:off x="5218113" y="4914900"/>
            <a:ext cx="1597025" cy="420688"/>
          </a:xfrm>
          <a:prstGeom prst="rect">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オペレーター</a:t>
            </a: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26" name="Line 8">
            <a:extLst>
              <a:ext uri="{FF2B5EF4-FFF2-40B4-BE49-F238E27FC236}">
                <a16:creationId xmlns:a16="http://schemas.microsoft.com/office/drawing/2014/main" id="{9B99970F-8FA2-0F8B-5091-A0775F0792B7}"/>
              </a:ext>
            </a:extLst>
          </p:cNvPr>
          <p:cNvSpPr>
            <a:spLocks noChangeShapeType="1"/>
          </p:cNvSpPr>
          <p:nvPr/>
        </p:nvSpPr>
        <p:spPr bwMode="auto">
          <a:xfrm>
            <a:off x="33147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7" name="Oval 10">
            <a:extLst>
              <a:ext uri="{FF2B5EF4-FFF2-40B4-BE49-F238E27FC236}">
                <a16:creationId xmlns:a16="http://schemas.microsoft.com/office/drawing/2014/main" id="{B985FE31-3DF8-EF80-494A-7F93F32E9D4F}"/>
              </a:ext>
            </a:extLst>
          </p:cNvPr>
          <p:cNvSpPr>
            <a:spLocks noChangeArrowheads="1"/>
          </p:cNvSpPr>
          <p:nvPr/>
        </p:nvSpPr>
        <p:spPr bwMode="auto">
          <a:xfrm>
            <a:off x="5372100" y="5457825"/>
            <a:ext cx="2066925" cy="457200"/>
          </a:xfrm>
          <a:prstGeom prst="ellipse">
            <a:avLst/>
          </a:prstGeom>
          <a:solidFill>
            <a:srgbClr val="FFFFFF"/>
          </a:solidFill>
          <a:ln w="9525">
            <a:solidFill>
              <a:srgbClr val="000000"/>
            </a:solidFill>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a:latin typeface="Times New Roman" panose="02020603050405020304" pitchFamily="18" charset="0"/>
                <a:ea typeface="ＭＳ 明朝" panose="02020609040205080304" pitchFamily="17" charset="-128"/>
              </a:rPr>
              <a:t>運営・管理</a:t>
            </a:r>
          </a:p>
          <a:p>
            <a:pPr>
              <a:spcBef>
                <a:spcPct val="0"/>
              </a:spcBef>
              <a:buFontTx/>
              <a:buNone/>
            </a:pPr>
            <a:endParaRPr lang="en-US" altLang="ja-JP" sz="2400">
              <a:latin typeface="Times New Roman" panose="02020603050405020304" pitchFamily="18" charset="0"/>
            </a:endParaRPr>
          </a:p>
        </p:txBody>
      </p:sp>
      <p:sp>
        <p:nvSpPr>
          <p:cNvPr id="56328" name="Line 15">
            <a:extLst>
              <a:ext uri="{FF2B5EF4-FFF2-40B4-BE49-F238E27FC236}">
                <a16:creationId xmlns:a16="http://schemas.microsoft.com/office/drawing/2014/main" id="{42642B87-A7E9-787D-A74D-A8FCF2D4BA94}"/>
              </a:ext>
            </a:extLst>
          </p:cNvPr>
          <p:cNvSpPr>
            <a:spLocks noChangeShapeType="1"/>
          </p:cNvSpPr>
          <p:nvPr/>
        </p:nvSpPr>
        <p:spPr bwMode="auto">
          <a:xfrm>
            <a:off x="46863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9" name="Oval 16">
            <a:extLst>
              <a:ext uri="{FF2B5EF4-FFF2-40B4-BE49-F238E27FC236}">
                <a16:creationId xmlns:a16="http://schemas.microsoft.com/office/drawing/2014/main" id="{3CA77597-2D39-C835-A915-0F2681646616}"/>
              </a:ext>
            </a:extLst>
          </p:cNvPr>
          <p:cNvSpPr>
            <a:spLocks noChangeArrowheads="1"/>
          </p:cNvSpPr>
          <p:nvPr/>
        </p:nvSpPr>
        <p:spPr bwMode="auto">
          <a:xfrm>
            <a:off x="7137400" y="4900613"/>
            <a:ext cx="1597025" cy="633412"/>
          </a:xfrm>
          <a:prstGeom prst="ellipse">
            <a:avLst/>
          </a:prstGeom>
          <a:solidFill>
            <a:srgbClr val="FFFFFF"/>
          </a:solidFill>
          <a:ln w="9525">
            <a:solidFill>
              <a:srgbClr val="000000"/>
            </a:solidFill>
            <a:prstDash val="dash"/>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ファイナンス</a:t>
            </a:r>
          </a:p>
          <a:p>
            <a:pPr>
              <a:spcBef>
                <a:spcPct val="0"/>
              </a:spcBef>
              <a:buFontTx/>
              <a:buNone/>
            </a:pPr>
            <a:endParaRPr lang="en-US" altLang="ja-JP" sz="2400">
              <a:latin typeface="Times New Roman" panose="02020603050405020304" pitchFamily="18" charset="0"/>
            </a:endParaRPr>
          </a:p>
        </p:txBody>
      </p:sp>
      <p:sp>
        <p:nvSpPr>
          <p:cNvPr id="56330" name="Line 20">
            <a:extLst>
              <a:ext uri="{FF2B5EF4-FFF2-40B4-BE49-F238E27FC236}">
                <a16:creationId xmlns:a16="http://schemas.microsoft.com/office/drawing/2014/main" id="{B0C46507-442C-2E17-9A48-E075D708FCF5}"/>
              </a:ext>
            </a:extLst>
          </p:cNvPr>
          <p:cNvSpPr>
            <a:spLocks noChangeShapeType="1"/>
          </p:cNvSpPr>
          <p:nvPr/>
        </p:nvSpPr>
        <p:spPr bwMode="auto">
          <a:xfrm>
            <a:off x="2533650" y="4495800"/>
            <a:ext cx="0" cy="6858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31" name="Oval 21">
            <a:extLst>
              <a:ext uri="{FF2B5EF4-FFF2-40B4-BE49-F238E27FC236}">
                <a16:creationId xmlns:a16="http://schemas.microsoft.com/office/drawing/2014/main" id="{AD8B0E48-7FA3-AB35-36E1-2F2AB1E78AE5}"/>
              </a:ext>
            </a:extLst>
          </p:cNvPr>
          <p:cNvSpPr>
            <a:spLocks noChangeArrowheads="1"/>
          </p:cNvSpPr>
          <p:nvPr/>
        </p:nvSpPr>
        <p:spPr bwMode="auto">
          <a:xfrm>
            <a:off x="3035300" y="5513388"/>
            <a:ext cx="2366963" cy="457200"/>
          </a:xfrm>
          <a:prstGeom prst="ellipse">
            <a:avLst/>
          </a:prstGeom>
          <a:solidFill>
            <a:srgbClr val="FFFFFF"/>
          </a:solidFill>
          <a:ln w="9525">
            <a:solidFill>
              <a:srgbClr val="000000"/>
            </a:solidFill>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a:latin typeface="Times New Roman" panose="02020603050405020304" pitchFamily="18" charset="0"/>
                <a:ea typeface="ＭＳ 明朝" panose="02020609040205080304" pitchFamily="17" charset="-128"/>
              </a:rPr>
              <a:t>建設・施工</a:t>
            </a: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2" name="Text Box 24">
            <a:extLst>
              <a:ext uri="{FF2B5EF4-FFF2-40B4-BE49-F238E27FC236}">
                <a16:creationId xmlns:a16="http://schemas.microsoft.com/office/drawing/2014/main" id="{73C32233-3C56-E8C4-A2A6-7EAA3937F623}"/>
              </a:ext>
            </a:extLst>
          </p:cNvPr>
          <p:cNvSpPr txBox="1">
            <a:spLocks noChangeArrowheads="1"/>
          </p:cNvSpPr>
          <p:nvPr/>
        </p:nvSpPr>
        <p:spPr bwMode="auto">
          <a:xfrm>
            <a:off x="7643813" y="2322513"/>
            <a:ext cx="14001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bIns="0"/>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ja-JP" altLang="en-US" sz="2800" b="1" i="1">
                <a:solidFill>
                  <a:srgbClr val="339966"/>
                </a:solidFill>
                <a:latin typeface="ＭＳ ゴシック" panose="020B0609070205080204" pitchFamily="49" charset="-128"/>
                <a:ea typeface="ＭＳ ゴシック" panose="020B0609070205080204" pitchFamily="49" charset="-128"/>
              </a:rPr>
              <a:t>官　側</a:t>
            </a:r>
            <a:endParaRPr lang="ja-JP" altLang="en-US" sz="2000" b="1" i="1">
              <a:solidFill>
                <a:srgbClr val="0000FF"/>
              </a:solidFill>
              <a:latin typeface="Arial" panose="020B0604020202020204" pitchFamily="34" charset="0"/>
              <a:cs typeface="Arial" panose="020B0604020202020204" pitchFamily="34" charset="0"/>
            </a:endParaRPr>
          </a:p>
          <a:p>
            <a:pPr>
              <a:spcBef>
                <a:spcPct val="0"/>
              </a:spcBef>
              <a:buFontTx/>
              <a:buNone/>
            </a:pPr>
            <a:endParaRPr lang="en-US" altLang="ja-JP" sz="2400">
              <a:latin typeface="Times New Roman" panose="02020603050405020304" pitchFamily="18" charset="0"/>
            </a:endParaRPr>
          </a:p>
        </p:txBody>
      </p:sp>
      <p:sp>
        <p:nvSpPr>
          <p:cNvPr id="56333" name="Text Box 25">
            <a:extLst>
              <a:ext uri="{FF2B5EF4-FFF2-40B4-BE49-F238E27FC236}">
                <a16:creationId xmlns:a16="http://schemas.microsoft.com/office/drawing/2014/main" id="{5A2F0CBC-A7EC-DCB3-7810-6F1432458B00}"/>
              </a:ext>
            </a:extLst>
          </p:cNvPr>
          <p:cNvSpPr txBox="1">
            <a:spLocks noChangeArrowheads="1"/>
          </p:cNvSpPr>
          <p:nvPr/>
        </p:nvSpPr>
        <p:spPr bwMode="auto">
          <a:xfrm>
            <a:off x="7267575" y="5513388"/>
            <a:ext cx="1466850"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b="1" i="1">
                <a:solidFill>
                  <a:srgbClr val="339966"/>
                </a:solidFill>
                <a:latin typeface="ＭＳ ゴシック" panose="020B0609070205080204" pitchFamily="49" charset="-128"/>
                <a:ea typeface="ＭＳ ゴシック" panose="020B0609070205080204" pitchFamily="49" charset="-128"/>
              </a:rPr>
              <a:t>民　側</a:t>
            </a:r>
            <a:endParaRPr lang="ja-JP" altLang="en-US" sz="2000" b="1" i="1">
              <a:solidFill>
                <a:srgbClr val="0000FF"/>
              </a:solidFill>
              <a:latin typeface="Arial" panose="020B0604020202020204" pitchFamily="34" charset="0"/>
              <a:cs typeface="Arial" panose="020B0604020202020204" pitchFamily="34" charset="0"/>
            </a:endParaRPr>
          </a:p>
          <a:p>
            <a:pPr>
              <a:spcBef>
                <a:spcPct val="0"/>
              </a:spcBef>
              <a:buFontTx/>
              <a:buNone/>
            </a:pPr>
            <a:endParaRPr lang="en-US" altLang="ja-JP" sz="2400">
              <a:latin typeface="Times New Roman" panose="02020603050405020304" pitchFamily="18" charset="0"/>
            </a:endParaRPr>
          </a:p>
        </p:txBody>
      </p:sp>
      <p:sp>
        <p:nvSpPr>
          <p:cNvPr id="56334" name="Rectangle 27">
            <a:extLst>
              <a:ext uri="{FF2B5EF4-FFF2-40B4-BE49-F238E27FC236}">
                <a16:creationId xmlns:a16="http://schemas.microsoft.com/office/drawing/2014/main" id="{FF69F167-3CDB-B009-2777-A29AF46A66AB}"/>
              </a:ext>
            </a:extLst>
          </p:cNvPr>
          <p:cNvSpPr>
            <a:spLocks noChangeArrowheads="1"/>
          </p:cNvSpPr>
          <p:nvPr/>
        </p:nvSpPr>
        <p:spPr bwMode="auto">
          <a:xfrm>
            <a:off x="1116013" y="4962525"/>
            <a:ext cx="2084387" cy="398463"/>
          </a:xfrm>
          <a:prstGeom prst="rect">
            <a:avLst/>
          </a:prstGeom>
          <a:noFill/>
          <a:ln w="2857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latin typeface="Century" panose="02040604050505020304" pitchFamily="18" charset="0"/>
                <a:ea typeface="ＭＳ 明朝" panose="02020609040205080304" pitchFamily="17" charset="-128"/>
              </a:rPr>
              <a:t>技術コンサルタント</a:t>
            </a:r>
            <a:endParaRPr lang="ja-JP" altLang="en-US" sz="1600">
              <a:latin typeface="Century" panose="02040604050505020304" pitchFamily="18" charset="0"/>
              <a:ea typeface="ＭＳ 明朝" panose="02020609040205080304" pitchFamily="17" charset="-128"/>
            </a:endParaRP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5" name="Rectangle 28">
            <a:extLst>
              <a:ext uri="{FF2B5EF4-FFF2-40B4-BE49-F238E27FC236}">
                <a16:creationId xmlns:a16="http://schemas.microsoft.com/office/drawing/2014/main" id="{0D8746AC-6425-6727-C4E1-A308A5F8E1B3}"/>
              </a:ext>
            </a:extLst>
          </p:cNvPr>
          <p:cNvSpPr>
            <a:spLocks noChangeArrowheads="1"/>
          </p:cNvSpPr>
          <p:nvPr/>
        </p:nvSpPr>
        <p:spPr bwMode="auto">
          <a:xfrm>
            <a:off x="3321050" y="4922838"/>
            <a:ext cx="1798638" cy="446087"/>
          </a:xfrm>
          <a:prstGeom prst="rect">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コントラクター</a:t>
            </a:r>
          </a:p>
          <a:p>
            <a:pPr>
              <a:spcBef>
                <a:spcPct val="0"/>
              </a:spcBef>
              <a:buFontTx/>
              <a:buNone/>
            </a:pPr>
            <a:endParaRPr lang="en-US" altLang="ja-JP" sz="2400">
              <a:latin typeface="Times New Roman" panose="02020603050405020304" pitchFamily="18" charset="0"/>
            </a:endParaRPr>
          </a:p>
        </p:txBody>
      </p:sp>
      <p:sp>
        <p:nvSpPr>
          <p:cNvPr id="56336" name="Rectangle 31">
            <a:extLst>
              <a:ext uri="{FF2B5EF4-FFF2-40B4-BE49-F238E27FC236}">
                <a16:creationId xmlns:a16="http://schemas.microsoft.com/office/drawing/2014/main" id="{59784029-FD79-E54E-35DC-49BF7CE2A840}"/>
              </a:ext>
            </a:extLst>
          </p:cNvPr>
          <p:cNvSpPr>
            <a:spLocks noChangeArrowheads="1"/>
          </p:cNvSpPr>
          <p:nvPr/>
        </p:nvSpPr>
        <p:spPr bwMode="auto">
          <a:xfrm>
            <a:off x="6057900" y="3211513"/>
            <a:ext cx="2019300" cy="685800"/>
          </a:xfrm>
          <a:prstGeom prst="rect">
            <a:avLst/>
          </a:prstGeom>
          <a:solidFill>
            <a:srgbClr val="FFFFFF"/>
          </a:solidFill>
          <a:ln w="57150">
            <a:solidFill>
              <a:srgbClr val="000000"/>
            </a:solidFill>
            <a:prstDash val="sysDash"/>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200">
                <a:latin typeface="Times New Roman" panose="02020603050405020304" pitchFamily="18" charset="0"/>
                <a:ea typeface="ＭＳ ゴシック" panose="020B0609070205080204" pitchFamily="49" charset="-128"/>
              </a:rPr>
              <a:t> </a:t>
            </a:r>
            <a:endParaRPr lang="en-US" altLang="ja-JP" sz="1000">
              <a:latin typeface="Century" panose="02040604050505020304" pitchFamily="18" charset="0"/>
              <a:ea typeface="ＭＳ 明朝" panose="02020609040205080304" pitchFamily="17" charset="-128"/>
            </a:endParaRPr>
          </a:p>
          <a:p>
            <a:pPr>
              <a:spcBef>
                <a:spcPct val="0"/>
              </a:spcBef>
              <a:buFontTx/>
              <a:buNone/>
            </a:pPr>
            <a:r>
              <a:rPr lang="ja-JP" altLang="en-US" sz="2400">
                <a:latin typeface="Times New Roman" panose="02020603050405020304" pitchFamily="18" charset="0"/>
              </a:rPr>
              <a:t>民間資金　等</a:t>
            </a:r>
            <a:endParaRPr lang="en-US" altLang="ja-JP" sz="2400">
              <a:latin typeface="Times New Roman" panose="02020603050405020304" pitchFamily="18" charset="0"/>
            </a:endParaRPr>
          </a:p>
        </p:txBody>
      </p:sp>
      <p:sp>
        <p:nvSpPr>
          <p:cNvPr id="56337" name="Text Box 32">
            <a:extLst>
              <a:ext uri="{FF2B5EF4-FFF2-40B4-BE49-F238E27FC236}">
                <a16:creationId xmlns:a16="http://schemas.microsoft.com/office/drawing/2014/main" id="{65722EF0-197F-5745-18D3-A4541655CF60}"/>
              </a:ext>
            </a:extLst>
          </p:cNvPr>
          <p:cNvSpPr txBox="1">
            <a:spLocks noChangeArrowheads="1"/>
          </p:cNvSpPr>
          <p:nvPr/>
        </p:nvSpPr>
        <p:spPr bwMode="auto">
          <a:xfrm>
            <a:off x="2057400" y="3490913"/>
            <a:ext cx="21717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000" b="1">
                <a:solidFill>
                  <a:srgbClr val="008000"/>
                </a:solidFill>
                <a:latin typeface="Times New Roman" panose="02020603050405020304" pitchFamily="18" charset="0"/>
                <a:ea typeface="ＭＳ ゴシック" panose="020B0609070205080204" pitchFamily="49" charset="-128"/>
              </a:rPr>
              <a:t> </a:t>
            </a:r>
            <a:endParaRPr lang="en-US" altLang="ja-JP" sz="1000">
              <a:latin typeface="Times New Roman" panose="02020603050405020304" pitchFamily="18" charset="0"/>
              <a:ea typeface="ＭＳ 明朝" panose="02020609040205080304" pitchFamily="17" charset="-128"/>
            </a:endParaRPr>
          </a:p>
          <a:p>
            <a:pPr>
              <a:spcBef>
                <a:spcPct val="0"/>
              </a:spcBef>
              <a:buFontTx/>
              <a:buNone/>
            </a:pPr>
            <a:r>
              <a:rPr lang="en-US" altLang="ja-JP"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8" name="AutoShape 33">
            <a:extLst>
              <a:ext uri="{FF2B5EF4-FFF2-40B4-BE49-F238E27FC236}">
                <a16:creationId xmlns:a16="http://schemas.microsoft.com/office/drawing/2014/main" id="{7E4FDC00-4C80-547B-D0BB-A5067A284628}"/>
              </a:ext>
            </a:extLst>
          </p:cNvPr>
          <p:cNvSpPr>
            <a:spLocks noChangeArrowheads="1"/>
          </p:cNvSpPr>
          <p:nvPr/>
        </p:nvSpPr>
        <p:spPr bwMode="auto">
          <a:xfrm>
            <a:off x="5410200" y="1973263"/>
            <a:ext cx="457200" cy="22860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39" name="AutoShape 34">
            <a:extLst>
              <a:ext uri="{FF2B5EF4-FFF2-40B4-BE49-F238E27FC236}">
                <a16:creationId xmlns:a16="http://schemas.microsoft.com/office/drawing/2014/main" id="{75600F18-4D21-AC0A-A773-1D47267462D3}"/>
              </a:ext>
            </a:extLst>
          </p:cNvPr>
          <p:cNvSpPr>
            <a:spLocks noChangeArrowheads="1"/>
          </p:cNvSpPr>
          <p:nvPr/>
        </p:nvSpPr>
        <p:spPr bwMode="auto">
          <a:xfrm>
            <a:off x="2486025" y="1981200"/>
            <a:ext cx="685800" cy="228600"/>
          </a:xfrm>
          <a:prstGeom prst="leftRightArrow">
            <a:avLst>
              <a:gd name="adj1" fmla="val 50000"/>
              <a:gd name="adj2" fmla="val 60000"/>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0" name="AutoShape 36">
            <a:extLst>
              <a:ext uri="{FF2B5EF4-FFF2-40B4-BE49-F238E27FC236}">
                <a16:creationId xmlns:a16="http://schemas.microsoft.com/office/drawing/2014/main" id="{AB83A528-683A-20E0-D783-F56AD466C4EA}"/>
              </a:ext>
            </a:extLst>
          </p:cNvPr>
          <p:cNvSpPr>
            <a:spLocks noChangeArrowheads="1"/>
          </p:cNvSpPr>
          <p:nvPr/>
        </p:nvSpPr>
        <p:spPr bwMode="auto">
          <a:xfrm>
            <a:off x="2840038" y="3429000"/>
            <a:ext cx="495300" cy="228600"/>
          </a:xfrm>
          <a:prstGeom prst="leftRightArrow">
            <a:avLst>
              <a:gd name="adj1" fmla="val 50000"/>
              <a:gd name="adj2" fmla="val 43333"/>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1" name="AutoShape 37">
            <a:extLst>
              <a:ext uri="{FF2B5EF4-FFF2-40B4-BE49-F238E27FC236}">
                <a16:creationId xmlns:a16="http://schemas.microsoft.com/office/drawing/2014/main" id="{43B32C09-69C3-41B3-657F-8C4EC3C5DC8D}"/>
              </a:ext>
            </a:extLst>
          </p:cNvPr>
          <p:cNvSpPr>
            <a:spLocks noChangeArrowheads="1"/>
          </p:cNvSpPr>
          <p:nvPr/>
        </p:nvSpPr>
        <p:spPr bwMode="auto">
          <a:xfrm>
            <a:off x="5538788" y="3397250"/>
            <a:ext cx="361950" cy="238125"/>
          </a:xfrm>
          <a:prstGeom prst="leftRightArrow">
            <a:avLst>
              <a:gd name="adj1" fmla="val 50000"/>
              <a:gd name="adj2" fmla="val 39999"/>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2" name="AutoShape 38">
            <a:extLst>
              <a:ext uri="{FF2B5EF4-FFF2-40B4-BE49-F238E27FC236}">
                <a16:creationId xmlns:a16="http://schemas.microsoft.com/office/drawing/2014/main" id="{34D1C161-0758-EC75-70C7-6A6C0526AFC1}"/>
              </a:ext>
            </a:extLst>
          </p:cNvPr>
          <p:cNvSpPr>
            <a:spLocks noChangeArrowheads="1"/>
          </p:cNvSpPr>
          <p:nvPr/>
        </p:nvSpPr>
        <p:spPr bwMode="auto">
          <a:xfrm>
            <a:off x="3819525" y="2465388"/>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3" name="AutoShape 39">
            <a:extLst>
              <a:ext uri="{FF2B5EF4-FFF2-40B4-BE49-F238E27FC236}">
                <a16:creationId xmlns:a16="http://schemas.microsoft.com/office/drawing/2014/main" id="{7692ECC4-409D-85DE-14C7-1EEFD7BD380A}"/>
              </a:ext>
            </a:extLst>
          </p:cNvPr>
          <p:cNvSpPr>
            <a:spLocks noChangeArrowheads="1"/>
          </p:cNvSpPr>
          <p:nvPr/>
        </p:nvSpPr>
        <p:spPr bwMode="auto">
          <a:xfrm>
            <a:off x="3838575" y="3924300"/>
            <a:ext cx="414338" cy="976313"/>
          </a:xfrm>
          <a:prstGeom prst="downArrow">
            <a:avLst>
              <a:gd name="adj1" fmla="val 50000"/>
              <a:gd name="adj2" fmla="val 50028"/>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4" name="AutoShape 40">
            <a:extLst>
              <a:ext uri="{FF2B5EF4-FFF2-40B4-BE49-F238E27FC236}">
                <a16:creationId xmlns:a16="http://schemas.microsoft.com/office/drawing/2014/main" id="{E002DFF8-9688-975E-9DEF-2009BAE393B3}"/>
              </a:ext>
            </a:extLst>
          </p:cNvPr>
          <p:cNvSpPr>
            <a:spLocks noChangeArrowheads="1"/>
          </p:cNvSpPr>
          <p:nvPr/>
        </p:nvSpPr>
        <p:spPr bwMode="auto">
          <a:xfrm>
            <a:off x="5573713" y="4392613"/>
            <a:ext cx="358775" cy="508000"/>
          </a:xfrm>
          <a:prstGeom prst="downArrow">
            <a:avLst>
              <a:gd name="adj1" fmla="val 50000"/>
              <a:gd name="adj2" fmla="val 24969"/>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5" name="AutoShape 41">
            <a:extLst>
              <a:ext uri="{FF2B5EF4-FFF2-40B4-BE49-F238E27FC236}">
                <a16:creationId xmlns:a16="http://schemas.microsoft.com/office/drawing/2014/main" id="{F087AB04-82E9-67A1-8C88-15CBEFF157C4}"/>
              </a:ext>
            </a:extLst>
          </p:cNvPr>
          <p:cNvSpPr>
            <a:spLocks noChangeArrowheads="1"/>
          </p:cNvSpPr>
          <p:nvPr/>
        </p:nvSpPr>
        <p:spPr bwMode="auto">
          <a:xfrm>
            <a:off x="2085975" y="4549775"/>
            <a:ext cx="342900" cy="342900"/>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6" name="AutoShape 42">
            <a:extLst>
              <a:ext uri="{FF2B5EF4-FFF2-40B4-BE49-F238E27FC236}">
                <a16:creationId xmlns:a16="http://schemas.microsoft.com/office/drawing/2014/main" id="{AC6A59AC-875D-8F8B-BE60-DD5A0C7C36E0}"/>
              </a:ext>
            </a:extLst>
          </p:cNvPr>
          <p:cNvSpPr>
            <a:spLocks noChangeArrowheads="1"/>
          </p:cNvSpPr>
          <p:nvPr/>
        </p:nvSpPr>
        <p:spPr bwMode="auto">
          <a:xfrm>
            <a:off x="4124325" y="4343400"/>
            <a:ext cx="1714500" cy="228600"/>
          </a:xfrm>
          <a:prstGeom prst="rightArrow">
            <a:avLst>
              <a:gd name="adj1" fmla="val 50000"/>
              <a:gd name="adj2" fmla="val 187500"/>
            </a:avLst>
          </a:prstGeom>
          <a:solidFill>
            <a:srgbClr val="000000"/>
          </a:solidFill>
          <a:ln w="952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7" name="AutoShape 43">
            <a:extLst>
              <a:ext uri="{FF2B5EF4-FFF2-40B4-BE49-F238E27FC236}">
                <a16:creationId xmlns:a16="http://schemas.microsoft.com/office/drawing/2014/main" id="{A7E2CB91-9F3D-E432-259D-B82531985C08}"/>
              </a:ext>
            </a:extLst>
          </p:cNvPr>
          <p:cNvSpPr>
            <a:spLocks noChangeArrowheads="1"/>
          </p:cNvSpPr>
          <p:nvPr/>
        </p:nvSpPr>
        <p:spPr bwMode="auto">
          <a:xfrm>
            <a:off x="2171700" y="4392613"/>
            <a:ext cx="1600200" cy="228600"/>
          </a:xfrm>
          <a:prstGeom prst="leftArrow">
            <a:avLst>
              <a:gd name="adj1" fmla="val 50000"/>
              <a:gd name="adj2" fmla="val 175000"/>
            </a:avLst>
          </a:prstGeom>
          <a:solidFill>
            <a:srgbClr val="000000"/>
          </a:solidFill>
          <a:ln w="952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8" name="AutoShape 44">
            <a:extLst>
              <a:ext uri="{FF2B5EF4-FFF2-40B4-BE49-F238E27FC236}">
                <a16:creationId xmlns:a16="http://schemas.microsoft.com/office/drawing/2014/main" id="{3CF1DE4A-3296-F2F1-F61C-17C898D60F63}"/>
              </a:ext>
            </a:extLst>
          </p:cNvPr>
          <p:cNvSpPr>
            <a:spLocks noChangeArrowheads="1"/>
          </p:cNvSpPr>
          <p:nvPr/>
        </p:nvSpPr>
        <p:spPr bwMode="auto">
          <a:xfrm>
            <a:off x="4362450" y="2409825"/>
            <a:ext cx="1447800" cy="533400"/>
          </a:xfrm>
          <a:prstGeom prst="wedgeRoundRectCallout">
            <a:avLst>
              <a:gd name="adj1" fmla="val -33176"/>
              <a:gd name="adj2" fmla="val 85417"/>
              <a:gd name="adj3" fmla="val 16667"/>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民間資本の</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発注者</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49" name="Rectangle 46">
            <a:extLst>
              <a:ext uri="{FF2B5EF4-FFF2-40B4-BE49-F238E27FC236}">
                <a16:creationId xmlns:a16="http://schemas.microsoft.com/office/drawing/2014/main" id="{1ABBED7C-5677-609C-EC28-B321DC4110C7}"/>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tabLst>
                <a:tab pos="533400" algn="r"/>
                <a:tab pos="2700338" algn="ctr"/>
                <a:tab pos="5400675" algn="r"/>
              </a:tabLst>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tabLst>
                <a:tab pos="533400" algn="r"/>
                <a:tab pos="2700338" algn="ctr"/>
                <a:tab pos="5400675" algn="r"/>
              </a:tabLst>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tabLst>
                <a:tab pos="533400" algn="r"/>
                <a:tab pos="2700338" algn="ctr"/>
                <a:tab pos="5400675" algn="r"/>
              </a:tabLst>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en-US" altLang="ja-JP"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50" name="Rectangle 47">
            <a:extLst>
              <a:ext uri="{FF2B5EF4-FFF2-40B4-BE49-F238E27FC236}">
                <a16:creationId xmlns:a16="http://schemas.microsoft.com/office/drawing/2014/main" id="{0004E500-EE0E-620B-22FD-50F6607A7576}"/>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en-US" altLang="ja-JP" sz="1000">
                <a:latin typeface="Times New Roman" panose="02020603050405020304" pitchFamily="18" charset="0"/>
                <a:ea typeface="ＭＳ 明朝" panose="02020609040205080304" pitchFamily="17" charset="-128"/>
              </a:rPr>
              <a:t> </a:t>
            </a:r>
            <a:endParaRPr lang="en-US" altLang="ja-JP" sz="1000">
              <a:latin typeface="Century" panose="020406040505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51" name="AutoShape 50">
            <a:extLst>
              <a:ext uri="{FF2B5EF4-FFF2-40B4-BE49-F238E27FC236}">
                <a16:creationId xmlns:a16="http://schemas.microsoft.com/office/drawing/2014/main" id="{5AA6527C-F620-00D8-A42C-A11426C1C998}"/>
              </a:ext>
            </a:extLst>
          </p:cNvPr>
          <p:cNvSpPr>
            <a:spLocks noChangeArrowheads="1"/>
          </p:cNvSpPr>
          <p:nvPr/>
        </p:nvSpPr>
        <p:spPr bwMode="auto">
          <a:xfrm>
            <a:off x="3729038" y="1209675"/>
            <a:ext cx="1471612" cy="327025"/>
          </a:xfrm>
          <a:prstGeom prst="wedgeRoundRectCallout">
            <a:avLst>
              <a:gd name="adj1" fmla="val -27361"/>
              <a:gd name="adj2" fmla="val 103125"/>
              <a:gd name="adj3" fmla="val 16667"/>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従来の発注者</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52" name="テキスト ボックス 1">
            <a:extLst>
              <a:ext uri="{FF2B5EF4-FFF2-40B4-BE49-F238E27FC236}">
                <a16:creationId xmlns:a16="http://schemas.microsoft.com/office/drawing/2014/main" id="{3F50F1C4-FCAE-DA10-553C-BE761E4CA635}"/>
              </a:ext>
            </a:extLst>
          </p:cNvPr>
          <p:cNvSpPr txBox="1">
            <a:spLocks noChangeArrowheads="1"/>
          </p:cNvSpPr>
          <p:nvPr/>
        </p:nvSpPr>
        <p:spPr bwMode="auto">
          <a:xfrm>
            <a:off x="1789113" y="65088"/>
            <a:ext cx="572452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a:latin typeface="HG創英角ﾎﾟｯﾌﾟ体" panose="040B0A09000000000000" pitchFamily="49" charset="-128"/>
                <a:ea typeface="HG創英角ﾎﾟｯﾌﾟ体" panose="040B0A09000000000000" pitchFamily="49" charset="-128"/>
              </a:rPr>
              <a:t>新たな「仕組み」の導入の可能性（例）</a:t>
            </a:r>
            <a:endParaRPr lang="en-US" altLang="ja-JP" sz="24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r>
              <a:rPr lang="ja-JP" altLang="en-US" sz="2400">
                <a:latin typeface="HG創英角ﾎﾟｯﾌﾟ体" panose="040B0A09000000000000" pitchFamily="49" charset="-128"/>
                <a:ea typeface="HG創英角ﾎﾟｯﾌﾟ体" panose="040B0A09000000000000" pitchFamily="49" charset="-128"/>
              </a:rPr>
              <a:t>民間の技術力と資金力、効率性など。</a:t>
            </a:r>
          </a:p>
        </p:txBody>
      </p:sp>
      <p:sp>
        <p:nvSpPr>
          <p:cNvPr id="2" name="楕円 1">
            <a:extLst>
              <a:ext uri="{FF2B5EF4-FFF2-40B4-BE49-F238E27FC236}">
                <a16:creationId xmlns:a16="http://schemas.microsoft.com/office/drawing/2014/main" id="{27F73F40-99DD-E62E-DDE5-1649AC0E3863}"/>
              </a:ext>
            </a:extLst>
          </p:cNvPr>
          <p:cNvSpPr/>
          <p:nvPr/>
        </p:nvSpPr>
        <p:spPr>
          <a:xfrm>
            <a:off x="585788" y="4430713"/>
            <a:ext cx="495300" cy="151765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a:t>地元</a:t>
            </a:r>
          </a:p>
        </p:txBody>
      </p:sp>
      <p:sp>
        <p:nvSpPr>
          <p:cNvPr id="56354" name="スライド番号プレースホルダー 3">
            <a:extLst>
              <a:ext uri="{FF2B5EF4-FFF2-40B4-BE49-F238E27FC236}">
                <a16:creationId xmlns:a16="http://schemas.microsoft.com/office/drawing/2014/main" id="{346356D5-7A1F-0CB8-2773-B67687337933}"/>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8C78E72B-9068-4811-B998-864429948199}" type="slidenum">
              <a:rPr lang="ja-JP" altLang="en-US" sz="1200" smtClean="0">
                <a:solidFill>
                  <a:srgbClr val="898989"/>
                </a:solidFill>
                <a:latin typeface="Arial" panose="020B0604020202020204" pitchFamily="34" charset="0"/>
              </a:rPr>
              <a:pPr>
                <a:spcBef>
                  <a:spcPct val="0"/>
                </a:spcBef>
                <a:buFontTx/>
                <a:buNone/>
              </a:pPr>
              <a:t>67</a:t>
            </a:fld>
            <a:endParaRPr lang="ja-JP" altLang="en-US" sz="1200">
              <a:solidFill>
                <a:srgbClr val="898989"/>
              </a:solidFill>
              <a:latin typeface="Arial" panose="020B0604020202020204" pitchFamily="34" charset="0"/>
            </a:endParaRPr>
          </a:p>
        </p:txBody>
      </p:sp>
      <p:sp>
        <p:nvSpPr>
          <p:cNvPr id="56355" name="テキスト ボックス 1">
            <a:extLst>
              <a:ext uri="{FF2B5EF4-FFF2-40B4-BE49-F238E27FC236}">
                <a16:creationId xmlns:a16="http://schemas.microsoft.com/office/drawing/2014/main" id="{FCC9DB78-AE44-D8A5-AD4E-1613901A3842}"/>
              </a:ext>
            </a:extLst>
          </p:cNvPr>
          <p:cNvSpPr txBox="1">
            <a:spLocks noChangeArrowheads="1"/>
          </p:cNvSpPr>
          <p:nvPr/>
        </p:nvSpPr>
        <p:spPr bwMode="auto">
          <a:xfrm>
            <a:off x="2114550" y="6053138"/>
            <a:ext cx="5570538" cy="1077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000">
                <a:latin typeface="HG創英角ﾎﾟｯﾌﾟ体" panose="040B0A09000000000000" pitchFamily="49" charset="-128"/>
                <a:ea typeface="HG創英角ﾎﾟｯﾌﾟ体" panose="040B0A09000000000000" pitchFamily="49" charset="-128"/>
              </a:rPr>
              <a:t>発注の仕組みも変える必要性。</a:t>
            </a:r>
            <a:endParaRPr lang="en-US" altLang="ja-JP" sz="20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r>
              <a:rPr lang="ja-JP" altLang="en-US" sz="2000">
                <a:latin typeface="HG創英角ﾎﾟｯﾌﾟ体" panose="040B0A09000000000000" pitchFamily="49" charset="-128"/>
                <a:ea typeface="HG創英角ﾎﾟｯﾌﾟ体" panose="040B0A09000000000000" pitchFamily="49" charset="-128"/>
              </a:rPr>
              <a:t>それぞれの、立ち位置を考える必要性がある。</a:t>
            </a:r>
            <a:endParaRPr lang="en-US" altLang="ja-JP" sz="20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endParaRPr lang="ja-JP" altLang="en-US" sz="2400">
              <a:latin typeface="HG創英角ﾎﾟｯﾌﾟ体" panose="040B0A09000000000000" pitchFamily="49" charset="-128"/>
              <a:ea typeface="HG創英角ﾎﾟｯﾌﾟ体" panose="040B0A09000000000000" pitchFamily="49" charset="-128"/>
            </a:endParaRPr>
          </a:p>
        </p:txBody>
      </p:sp>
      <p:sp>
        <p:nvSpPr>
          <p:cNvPr id="56356" name="テキスト ボックス 5">
            <a:extLst>
              <a:ext uri="{FF2B5EF4-FFF2-40B4-BE49-F238E27FC236}">
                <a16:creationId xmlns:a16="http://schemas.microsoft.com/office/drawing/2014/main" id="{6361F24A-19C9-35CD-A208-7CDE2E032FC9}"/>
              </a:ext>
            </a:extLst>
          </p:cNvPr>
          <p:cNvSpPr txBox="1">
            <a:spLocks noChangeArrowheads="1"/>
          </p:cNvSpPr>
          <p:nvPr/>
        </p:nvSpPr>
        <p:spPr bwMode="auto">
          <a:xfrm>
            <a:off x="5810250" y="2463800"/>
            <a:ext cx="180022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a:solidFill>
                  <a:srgbClr val="0070C0"/>
                </a:solidFill>
                <a:latin typeface="Arial" panose="020B0604020202020204" pitchFamily="34" charset="0"/>
              </a:rPr>
              <a:t>官の財政難も！</a:t>
            </a:r>
          </a:p>
        </p:txBody>
      </p:sp>
      <p:sp>
        <p:nvSpPr>
          <p:cNvPr id="56357" name="テキスト ボックス 55">
            <a:extLst>
              <a:ext uri="{FF2B5EF4-FFF2-40B4-BE49-F238E27FC236}">
                <a16:creationId xmlns:a16="http://schemas.microsoft.com/office/drawing/2014/main" id="{9B66288D-4F37-F9E6-FD55-BC7D659CD36A}"/>
              </a:ext>
            </a:extLst>
          </p:cNvPr>
          <p:cNvSpPr txBox="1">
            <a:spLocks noChangeArrowheads="1"/>
          </p:cNvSpPr>
          <p:nvPr/>
        </p:nvSpPr>
        <p:spPr bwMode="auto">
          <a:xfrm>
            <a:off x="4398963" y="4006850"/>
            <a:ext cx="34163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b="1">
                <a:solidFill>
                  <a:srgbClr val="FF0000"/>
                </a:solidFill>
                <a:latin typeface="Arial" panose="020B0604020202020204" pitchFamily="34" charset="0"/>
              </a:rPr>
              <a:t>民の合理性、経営力への期待！</a:t>
            </a:r>
          </a:p>
        </p:txBody>
      </p:sp>
      <p:sp>
        <p:nvSpPr>
          <p:cNvPr id="56358" name="テキスト ボックス 6">
            <a:extLst>
              <a:ext uri="{FF2B5EF4-FFF2-40B4-BE49-F238E27FC236}">
                <a16:creationId xmlns:a16="http://schemas.microsoft.com/office/drawing/2014/main" id="{B9B90D8D-7611-72B1-52B7-8511C382A3EA}"/>
              </a:ext>
            </a:extLst>
          </p:cNvPr>
          <p:cNvSpPr txBox="1">
            <a:spLocks noChangeArrowheads="1"/>
          </p:cNvSpPr>
          <p:nvPr/>
        </p:nvSpPr>
        <p:spPr bwMode="auto">
          <a:xfrm>
            <a:off x="549275" y="1639888"/>
            <a:ext cx="1938338" cy="1385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事業化に関する</a:t>
            </a:r>
          </a:p>
          <a:p>
            <a:pPr>
              <a:spcBef>
                <a:spcPct val="0"/>
              </a:spcBef>
              <a:buFontTx/>
              <a:buNone/>
            </a:pPr>
            <a:r>
              <a:rPr lang="en-US" altLang="ja-JP" sz="1800" b="1">
                <a:latin typeface="Century" panose="02040604050505020304" pitchFamily="18" charset="0"/>
                <a:ea typeface="ＭＳ 明朝" panose="02020609040205080304" pitchFamily="17" charset="-128"/>
              </a:rPr>
              <a:t>FS</a:t>
            </a:r>
            <a:r>
              <a:rPr lang="ja-JP" altLang="en-US" sz="1800" b="1">
                <a:latin typeface="Century" panose="02040604050505020304" pitchFamily="18" charset="0"/>
                <a:ea typeface="ＭＳ 明朝" panose="02020609040205080304" pitchFamily="17" charset="-128"/>
              </a:rPr>
              <a:t>／アドバイザリー業務</a:t>
            </a:r>
          </a:p>
          <a:p>
            <a:pPr>
              <a:spcBef>
                <a:spcPct val="0"/>
              </a:spcBef>
              <a:buFontTx/>
              <a:buNone/>
            </a:pPr>
            <a:endParaRPr lang="ja-JP" altLang="en-US" sz="1200" b="1">
              <a:latin typeface="Century" panose="02040604050505020304" pitchFamily="18" charset="0"/>
              <a:ea typeface="ＭＳ 明朝" panose="02020609040205080304" pitchFamily="17" charset="-128"/>
            </a:endParaRPr>
          </a:p>
          <a:p>
            <a:pPr>
              <a:spcBef>
                <a:spcPct val="0"/>
              </a:spcBef>
              <a:buFontTx/>
              <a:buNone/>
            </a:pPr>
            <a:endParaRPr lang="ja-JP" altLang="en-US" sz="1400">
              <a:latin typeface="Arial" panose="020B0604020202020204" pitchFamily="34" charset="0"/>
            </a:endParaRPr>
          </a:p>
        </p:txBody>
      </p:sp>
      <p:sp>
        <p:nvSpPr>
          <p:cNvPr id="56359" name="テキスト ボックス 9">
            <a:extLst>
              <a:ext uri="{FF2B5EF4-FFF2-40B4-BE49-F238E27FC236}">
                <a16:creationId xmlns:a16="http://schemas.microsoft.com/office/drawing/2014/main" id="{B5DB020F-C073-340B-B69C-36413C7B25C4}"/>
              </a:ext>
            </a:extLst>
          </p:cNvPr>
          <p:cNvSpPr txBox="1">
            <a:spLocks noChangeArrowheads="1"/>
          </p:cNvSpPr>
          <p:nvPr/>
        </p:nvSpPr>
        <p:spPr bwMode="auto">
          <a:xfrm>
            <a:off x="6016625" y="1606550"/>
            <a:ext cx="45720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マネジメント業務</a:t>
            </a:r>
          </a:p>
          <a:p>
            <a:pPr>
              <a:spcBef>
                <a:spcPct val="0"/>
              </a:spcBef>
              <a:buFontTx/>
              <a:buNone/>
            </a:pP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CM</a:t>
            </a: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PM</a:t>
            </a:r>
            <a:r>
              <a:rPr lang="ja-JP" altLang="en-US" sz="1800" b="1">
                <a:latin typeface="Century" panose="02040604050505020304" pitchFamily="18" charset="0"/>
                <a:ea typeface="ＭＳ 明朝" panose="02020609040205080304" pitchFamily="17" charset="-128"/>
              </a:rPr>
              <a:t>含む）</a:t>
            </a:r>
          </a:p>
        </p:txBody>
      </p:sp>
      <p:sp>
        <p:nvSpPr>
          <p:cNvPr id="56360" name="テキスト ボックス 10">
            <a:extLst>
              <a:ext uri="{FF2B5EF4-FFF2-40B4-BE49-F238E27FC236}">
                <a16:creationId xmlns:a16="http://schemas.microsoft.com/office/drawing/2014/main" id="{3CFF88A1-FBC9-658B-B060-FAB47748DA26}"/>
              </a:ext>
            </a:extLst>
          </p:cNvPr>
          <p:cNvSpPr txBox="1">
            <a:spLocks noChangeArrowheads="1"/>
          </p:cNvSpPr>
          <p:nvPr/>
        </p:nvSpPr>
        <p:spPr bwMode="auto">
          <a:xfrm>
            <a:off x="542925" y="3292475"/>
            <a:ext cx="2290763"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マネジメント業務</a:t>
            </a:r>
          </a:p>
          <a:p>
            <a:pPr>
              <a:spcBef>
                <a:spcPct val="0"/>
              </a:spcBef>
              <a:buFontTx/>
              <a:buNone/>
            </a:pP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CM</a:t>
            </a: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PM</a:t>
            </a:r>
            <a:r>
              <a:rPr lang="ja-JP" altLang="en-US" sz="1800" b="1">
                <a:latin typeface="Century" panose="02040604050505020304" pitchFamily="18" charset="0"/>
                <a:ea typeface="ＭＳ 明朝" panose="02020609040205080304" pitchFamily="17" charset="-128"/>
              </a:rPr>
              <a:t>含む）</a:t>
            </a:r>
          </a:p>
        </p:txBody>
      </p:sp>
      <p:sp>
        <p:nvSpPr>
          <p:cNvPr id="56361" name="Oval 16">
            <a:extLst>
              <a:ext uri="{FF2B5EF4-FFF2-40B4-BE49-F238E27FC236}">
                <a16:creationId xmlns:a16="http://schemas.microsoft.com/office/drawing/2014/main" id="{2A577BED-97A4-0083-F8FC-16520264E9A6}"/>
              </a:ext>
            </a:extLst>
          </p:cNvPr>
          <p:cNvSpPr>
            <a:spLocks noChangeArrowheads="1"/>
          </p:cNvSpPr>
          <p:nvPr/>
        </p:nvSpPr>
        <p:spPr bwMode="auto">
          <a:xfrm>
            <a:off x="7196138" y="4376738"/>
            <a:ext cx="1371600" cy="457200"/>
          </a:xfrm>
          <a:prstGeom prst="ellipse">
            <a:avLst/>
          </a:prstGeom>
          <a:solidFill>
            <a:srgbClr val="FFFFFF"/>
          </a:solidFill>
          <a:ln w="9525">
            <a:solidFill>
              <a:srgbClr val="000000"/>
            </a:solidFill>
            <a:prstDash val="dash"/>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法務</a:t>
            </a:r>
          </a:p>
          <a:p>
            <a:pPr>
              <a:spcBef>
                <a:spcPct val="0"/>
              </a:spcBef>
              <a:buFontTx/>
              <a:buNone/>
            </a:pPr>
            <a:endParaRPr lang="en-US" altLang="ja-JP" sz="2400">
              <a:latin typeface="Times New Roman" panose="02020603050405020304" pitchFamily="18" charset="0"/>
            </a:endParaRPr>
          </a:p>
        </p:txBody>
      </p:sp>
    </p:spTree>
    <p:extLst>
      <p:ext uri="{BB962C8B-B14F-4D97-AF65-F5344CB8AC3E}">
        <p14:creationId xmlns:p14="http://schemas.microsoft.com/office/powerpoint/2010/main" val="38362251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6BF684E-7CE0-4890-9F99-9AF12F387B6B}"/>
              </a:ext>
            </a:extLst>
          </p:cNvPr>
          <p:cNvSpPr>
            <a:spLocks noGrp="1"/>
          </p:cNvSpPr>
          <p:nvPr>
            <p:ph type="title"/>
          </p:nvPr>
        </p:nvSpPr>
        <p:spPr>
          <a:xfrm>
            <a:off x="940209" y="253092"/>
            <a:ext cx="6172200" cy="627534"/>
          </a:xfrm>
        </p:spPr>
        <p:txBody>
          <a:bodyPr>
            <a:normAutofit fontScale="90000"/>
          </a:bodyPr>
          <a:lstStyle/>
          <a:p>
            <a:r>
              <a:rPr kumimoji="1" lang="ja-JP" altLang="en-US"/>
              <a:t>今後の課題</a:t>
            </a:r>
            <a:endParaRPr kumimoji="1" lang="ja-JP" altLang="en-US" dirty="0"/>
          </a:p>
        </p:txBody>
      </p:sp>
      <p:sp>
        <p:nvSpPr>
          <p:cNvPr id="3" name="テキスト ボックス 2">
            <a:extLst>
              <a:ext uri="{FF2B5EF4-FFF2-40B4-BE49-F238E27FC236}">
                <a16:creationId xmlns:a16="http://schemas.microsoft.com/office/drawing/2014/main" id="{5947CF7B-6D11-4F5C-860D-FB2C59F3029A}"/>
              </a:ext>
            </a:extLst>
          </p:cNvPr>
          <p:cNvSpPr txBox="1"/>
          <p:nvPr/>
        </p:nvSpPr>
        <p:spPr>
          <a:xfrm>
            <a:off x="829333" y="880626"/>
            <a:ext cx="7485333" cy="5632311"/>
          </a:xfrm>
          <a:prstGeom prst="rect">
            <a:avLst/>
          </a:prstGeom>
          <a:noFill/>
        </p:spPr>
        <p:txBody>
          <a:bodyPr wrap="square" rtlCol="0">
            <a:spAutoFit/>
          </a:bodyPr>
          <a:lstStyle/>
          <a:p>
            <a:r>
              <a:rPr lang="ja-JP" altLang="en-US" sz="2000"/>
              <a:t>●財政：地方の財政のひっ迫</a:t>
            </a:r>
            <a:endParaRPr lang="en-US" altLang="ja-JP" sz="2000"/>
          </a:p>
          <a:p>
            <a:r>
              <a:rPr lang="ja-JP" altLang="en-US" sz="2000"/>
              <a:t>　　　新設工事の抑制　⇒新設への批判と将来の維持管理費への不安</a:t>
            </a:r>
            <a:endParaRPr lang="en-US" altLang="ja-JP" sz="2000"/>
          </a:p>
          <a:p>
            <a:r>
              <a:rPr lang="ja-JP" altLang="en-US" sz="2000"/>
              <a:t>　　　維持管理の時代へ</a:t>
            </a:r>
            <a:endParaRPr lang="en-US" altLang="ja-JP" sz="2000"/>
          </a:p>
          <a:p>
            <a:endParaRPr lang="en-US" altLang="ja-JP" sz="2000"/>
          </a:p>
          <a:p>
            <a:r>
              <a:rPr lang="ja-JP" altLang="en-US" sz="2000"/>
              <a:t>●ミスリード</a:t>
            </a:r>
            <a:endParaRPr lang="en-US" altLang="ja-JP" sz="2000"/>
          </a:p>
          <a:p>
            <a:r>
              <a:rPr lang="ja-JP" altLang="en-US" sz="2000"/>
              <a:t>　　　最近、良く言われること</a:t>
            </a:r>
            <a:endParaRPr lang="en-US" altLang="ja-JP" sz="2000"/>
          </a:p>
          <a:p>
            <a:r>
              <a:rPr lang="ja-JP" altLang="en-US" sz="2000"/>
              <a:t>　　　「横展開」　⇒成功事例を作り、それを他にも導入拡大</a:t>
            </a:r>
            <a:endParaRPr lang="en-US" altLang="ja-JP" sz="2000"/>
          </a:p>
          <a:p>
            <a:r>
              <a:rPr lang="ja-JP" altLang="en-US" sz="2000"/>
              <a:t>　　　しかしそんなに簡単にはいかない。成功事例ができない。</a:t>
            </a:r>
            <a:endParaRPr lang="en-US" altLang="ja-JP" sz="2000"/>
          </a:p>
          <a:p>
            <a:r>
              <a:rPr lang="ja-JP" altLang="en-US" sz="2000"/>
              <a:t>　　　おのおのの自治体の事情の違いが存在。インフラメンテ　　</a:t>
            </a:r>
            <a:endParaRPr lang="en-US" altLang="ja-JP" sz="2000"/>
          </a:p>
          <a:p>
            <a:r>
              <a:rPr lang="ja-JP" altLang="en-US" sz="2000"/>
              <a:t>　　　　ナンスは手作り</a:t>
            </a:r>
            <a:endParaRPr lang="en-US" altLang="ja-JP" sz="2000"/>
          </a:p>
          <a:p>
            <a:endParaRPr lang="en-US" altLang="ja-JP" sz="2000"/>
          </a:p>
          <a:p>
            <a:r>
              <a:rPr lang="ja-JP" altLang="en-US" sz="2000"/>
              <a:t>●技術力の低下</a:t>
            </a:r>
            <a:endParaRPr lang="en-US" altLang="ja-JP" sz="2000"/>
          </a:p>
          <a:p>
            <a:r>
              <a:rPr lang="ja-JP" altLang="en-US" sz="2000"/>
              <a:t>　　　官も民も技術力の低下。経験のある技術者の不足。「ハード」離れ</a:t>
            </a:r>
            <a:endParaRPr lang="en-US" altLang="ja-JP" sz="2000"/>
          </a:p>
          <a:p>
            <a:r>
              <a:rPr lang="ja-JP" altLang="en-US" sz="2000"/>
              <a:t>　　　「デザイン」や「景観」では解決できない。</a:t>
            </a:r>
            <a:endParaRPr lang="en-US" altLang="ja-JP" sz="2000"/>
          </a:p>
          <a:p>
            <a:r>
              <a:rPr lang="ja-JP" altLang="en-US" sz="2000"/>
              <a:t>　　　育成には時間がかかる。実務経験の重要性。</a:t>
            </a:r>
            <a:endParaRPr lang="en-US" altLang="ja-JP" sz="2000"/>
          </a:p>
          <a:p>
            <a:r>
              <a:rPr lang="ja-JP" altLang="en-US" sz="2000"/>
              <a:t>　　　大学の先生は「材料系」が多数。</a:t>
            </a:r>
            <a:endParaRPr lang="en-US" altLang="ja-JP" sz="2000" dirty="0"/>
          </a:p>
        </p:txBody>
      </p:sp>
    </p:spTree>
    <p:extLst>
      <p:ext uri="{BB962C8B-B14F-4D97-AF65-F5344CB8AC3E}">
        <p14:creationId xmlns:p14="http://schemas.microsoft.com/office/powerpoint/2010/main" val="346285674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4D4CDE7-8DCA-7556-BC5B-F4574F2C659A}"/>
              </a:ext>
            </a:extLst>
          </p:cNvPr>
          <p:cNvSpPr txBox="1"/>
          <p:nvPr/>
        </p:nvSpPr>
        <p:spPr>
          <a:xfrm>
            <a:off x="1426907" y="2162483"/>
            <a:ext cx="5897768" cy="854080"/>
          </a:xfrm>
          <a:prstGeom prst="rect">
            <a:avLst/>
          </a:prstGeom>
          <a:noFill/>
        </p:spPr>
        <p:txBody>
          <a:bodyPr wrap="none" rtlCol="0">
            <a:spAutoFit/>
          </a:bodyPr>
          <a:lstStyle/>
          <a:p>
            <a:r>
              <a:rPr lang="ja-JP" altLang="en-US" sz="4950" dirty="0"/>
              <a:t>お疲れさまでした！</a:t>
            </a:r>
          </a:p>
        </p:txBody>
      </p:sp>
      <p:sp>
        <p:nvSpPr>
          <p:cNvPr id="3" name="スライド番号プレースホルダー 2">
            <a:extLst>
              <a:ext uri="{FF2B5EF4-FFF2-40B4-BE49-F238E27FC236}">
                <a16:creationId xmlns:a16="http://schemas.microsoft.com/office/drawing/2014/main" id="{54C334B2-722C-AB76-224F-521606FC08EE}"/>
              </a:ext>
            </a:extLst>
          </p:cNvPr>
          <p:cNvSpPr>
            <a:spLocks noGrp="1"/>
          </p:cNvSpPr>
          <p:nvPr>
            <p:ph type="sldNum" sz="quarter" idx="12"/>
          </p:nvPr>
        </p:nvSpPr>
        <p:spPr/>
        <p:txBody>
          <a:bodyPr/>
          <a:lstStyle/>
          <a:p>
            <a:fld id="{66545E97-F017-4993-8E0F-1F0B98A93716}" type="slidenum">
              <a:rPr kumimoji="1" lang="ja-JP" altLang="en-US" smtClean="0"/>
              <a:t>69</a:t>
            </a:fld>
            <a:endParaRPr kumimoji="1" lang="ja-JP" altLang="en-US"/>
          </a:p>
        </p:txBody>
      </p:sp>
      <p:sp>
        <p:nvSpPr>
          <p:cNvPr id="4" name="テキスト ボックス 3">
            <a:extLst>
              <a:ext uri="{FF2B5EF4-FFF2-40B4-BE49-F238E27FC236}">
                <a16:creationId xmlns:a16="http://schemas.microsoft.com/office/drawing/2014/main" id="{86E0F395-C31D-A019-89DC-66E647A7C6FA}"/>
              </a:ext>
            </a:extLst>
          </p:cNvPr>
          <p:cNvSpPr txBox="1"/>
          <p:nvPr/>
        </p:nvSpPr>
        <p:spPr>
          <a:xfrm>
            <a:off x="1681317" y="3998657"/>
            <a:ext cx="6417141" cy="1338828"/>
          </a:xfrm>
          <a:prstGeom prst="rect">
            <a:avLst/>
          </a:prstGeom>
          <a:noFill/>
        </p:spPr>
        <p:txBody>
          <a:bodyPr wrap="none" rtlCol="0">
            <a:spAutoFit/>
          </a:bodyPr>
          <a:lstStyle/>
          <a:p>
            <a:r>
              <a:rPr lang="ja-JP" altLang="en-US" sz="2700"/>
              <a:t>ご質問、相談などは、どうぞお気軽に！</a:t>
            </a:r>
            <a:endParaRPr lang="en-US" altLang="ja-JP" sz="2700" dirty="0"/>
          </a:p>
          <a:p>
            <a:endParaRPr lang="en-US" altLang="ja-JP" sz="2700" dirty="0"/>
          </a:p>
          <a:p>
            <a:r>
              <a:rPr lang="en-US" altLang="ja-JP" sz="2700" dirty="0"/>
              <a:t>ueno.1956yoshi@gmail.com</a:t>
            </a:r>
            <a:endParaRPr lang="ja-JP" altLang="en-US" sz="2700" dirty="0"/>
          </a:p>
        </p:txBody>
      </p:sp>
    </p:spTree>
    <p:extLst>
      <p:ext uri="{BB962C8B-B14F-4D97-AF65-F5344CB8AC3E}">
        <p14:creationId xmlns:p14="http://schemas.microsoft.com/office/powerpoint/2010/main" val="239246487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p:nvPr/>
        </p:nvSpPr>
        <p:spPr>
          <a:xfrm>
            <a:off x="889639" y="6095859"/>
            <a:ext cx="6262337" cy="317323"/>
          </a:xfrm>
          <a:prstGeom prst="rect">
            <a:avLst/>
          </a:prstGeom>
        </p:spPr>
        <p:txBody>
          <a:bodyPr vert="horz" wrap="square" lIns="0" tIns="14661" rIns="0" bIns="0" rtlCol="0">
            <a:spAutoFit/>
          </a:bodyPr>
          <a:lstStyle/>
          <a:p>
            <a:pPr marL="10860">
              <a:spcBef>
                <a:spcPts val="115"/>
              </a:spcBef>
            </a:pPr>
            <a:r>
              <a:rPr sz="983" dirty="0">
                <a:latin typeface="ＭＳ Ｐゴシック"/>
                <a:cs typeface="ＭＳ Ｐゴシック"/>
              </a:rPr>
              <a:t>（出典）</a:t>
            </a:r>
            <a:r>
              <a:rPr sz="983" dirty="0">
                <a:latin typeface="Arial"/>
                <a:cs typeface="Arial"/>
              </a:rPr>
              <a:t>2015</a:t>
            </a:r>
            <a:r>
              <a:rPr sz="983" dirty="0">
                <a:latin typeface="ＭＳ Ｐゴシック"/>
                <a:cs typeface="ＭＳ Ｐゴシック"/>
              </a:rPr>
              <a:t>年までは総務省「国勢調査」（年齢不詳人口を除く）</a:t>
            </a:r>
            <a:r>
              <a:rPr sz="983" spc="-43" dirty="0">
                <a:latin typeface="ＭＳ Ｐゴシック"/>
                <a:cs typeface="ＭＳ Ｐゴシック"/>
              </a:rPr>
              <a:t>、</a:t>
            </a:r>
            <a:endParaRPr sz="983">
              <a:latin typeface="ＭＳ Ｐゴシック"/>
              <a:cs typeface="ＭＳ Ｐゴシック"/>
            </a:endParaRPr>
          </a:p>
          <a:p>
            <a:pPr marL="10860">
              <a:spcBef>
                <a:spcPts val="43"/>
              </a:spcBef>
            </a:pPr>
            <a:r>
              <a:rPr sz="983" dirty="0">
                <a:latin typeface="Arial"/>
                <a:cs typeface="Arial"/>
              </a:rPr>
              <a:t>2020</a:t>
            </a:r>
            <a:r>
              <a:rPr sz="983" dirty="0">
                <a:latin typeface="ＭＳ Ｐゴシック"/>
                <a:cs typeface="ＭＳ Ｐゴシック"/>
              </a:rPr>
              <a:t>年以降は国立社会保障・人口問題研究所「日本の将来推計人口（平成</a:t>
            </a:r>
            <a:r>
              <a:rPr sz="983" dirty="0">
                <a:latin typeface="Arial"/>
                <a:cs typeface="Arial"/>
              </a:rPr>
              <a:t>29</a:t>
            </a:r>
            <a:r>
              <a:rPr sz="983" dirty="0">
                <a:latin typeface="ＭＳ Ｐゴシック"/>
                <a:cs typeface="ＭＳ Ｐゴシック"/>
              </a:rPr>
              <a:t>年推計）」（出生中位・死亡中位推計</a:t>
            </a:r>
            <a:r>
              <a:rPr sz="983" spc="-43" dirty="0">
                <a:latin typeface="ＭＳ Ｐゴシック"/>
                <a:cs typeface="ＭＳ Ｐゴシック"/>
              </a:rPr>
              <a:t>）</a:t>
            </a:r>
            <a:endParaRPr sz="983">
              <a:latin typeface="ＭＳ Ｐゴシック"/>
              <a:cs typeface="ＭＳ Ｐゴシック"/>
            </a:endParaRPr>
          </a:p>
        </p:txBody>
      </p:sp>
      <p:sp>
        <p:nvSpPr>
          <p:cNvPr id="4" name="object 4"/>
          <p:cNvSpPr txBox="1">
            <a:spLocks noGrp="1"/>
          </p:cNvSpPr>
          <p:nvPr>
            <p:ph type="title"/>
          </p:nvPr>
        </p:nvSpPr>
        <p:spPr>
          <a:xfrm>
            <a:off x="261503" y="126287"/>
            <a:ext cx="5502039" cy="691364"/>
          </a:xfrm>
          <a:prstGeom prst="rect">
            <a:avLst/>
          </a:prstGeom>
        </p:spPr>
        <p:txBody>
          <a:bodyPr vert="horz" wrap="square" lIns="0" tIns="14118" rIns="0" bIns="0" rtlCol="0" anchor="ctr">
            <a:spAutoFit/>
          </a:bodyPr>
          <a:lstStyle/>
          <a:p>
            <a:pPr marL="10860">
              <a:lnSpc>
                <a:spcPct val="100000"/>
              </a:lnSpc>
              <a:spcBef>
                <a:spcPts val="111"/>
              </a:spcBef>
            </a:pPr>
            <a:r>
              <a:rPr spc="-9" dirty="0">
                <a:solidFill>
                  <a:srgbClr val="3D8ACA"/>
                </a:solidFill>
              </a:rPr>
              <a:t>総人口の推移</a:t>
            </a:r>
          </a:p>
        </p:txBody>
      </p:sp>
      <p:sp>
        <p:nvSpPr>
          <p:cNvPr id="5" name="object 5"/>
          <p:cNvSpPr txBox="1"/>
          <p:nvPr/>
        </p:nvSpPr>
        <p:spPr>
          <a:xfrm>
            <a:off x="8475468" y="6153200"/>
            <a:ext cx="139549" cy="266415"/>
          </a:xfrm>
          <a:prstGeom prst="rect">
            <a:avLst/>
          </a:prstGeom>
        </p:spPr>
        <p:txBody>
          <a:bodyPr vert="horz" wrap="square" lIns="0" tIns="9774" rIns="0" bIns="0" rtlCol="0">
            <a:spAutoFit/>
          </a:bodyPr>
          <a:lstStyle/>
          <a:p>
            <a:pPr marL="10860">
              <a:spcBef>
                <a:spcPts val="77"/>
              </a:spcBef>
            </a:pPr>
            <a:r>
              <a:rPr sz="1667" spc="-43" dirty="0">
                <a:latin typeface="Arial"/>
                <a:cs typeface="Arial"/>
              </a:rPr>
              <a:t>1</a:t>
            </a:r>
            <a:endParaRPr sz="1667">
              <a:latin typeface="Arial"/>
              <a:cs typeface="Arial"/>
            </a:endParaRPr>
          </a:p>
        </p:txBody>
      </p:sp>
      <p:grpSp>
        <p:nvGrpSpPr>
          <p:cNvPr id="6" name="object 6"/>
          <p:cNvGrpSpPr/>
          <p:nvPr/>
        </p:nvGrpSpPr>
        <p:grpSpPr>
          <a:xfrm>
            <a:off x="925693" y="1191109"/>
            <a:ext cx="7632308" cy="4307019"/>
            <a:chOff x="1082547" y="1164336"/>
            <a:chExt cx="8925560" cy="5036820"/>
          </a:xfrm>
        </p:grpSpPr>
        <p:sp>
          <p:nvSpPr>
            <p:cNvPr id="7" name="object 7"/>
            <p:cNvSpPr/>
            <p:nvPr/>
          </p:nvSpPr>
          <p:spPr>
            <a:xfrm>
              <a:off x="1085088"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6096" y="0"/>
                  </a:lnTo>
                  <a:lnTo>
                    <a:pt x="6096"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19812" y="0"/>
                  </a:lnTo>
                  <a:lnTo>
                    <a:pt x="19812"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3528" y="0"/>
                  </a:lnTo>
                  <a:lnTo>
                    <a:pt x="33528"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7244" y="0"/>
                  </a:lnTo>
                  <a:lnTo>
                    <a:pt x="47244"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0960" y="0"/>
                  </a:lnTo>
                  <a:lnTo>
                    <a:pt x="60960"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4676" y="0"/>
                  </a:lnTo>
                  <a:lnTo>
                    <a:pt x="74676"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8392" y="0"/>
                  </a:lnTo>
                  <a:lnTo>
                    <a:pt x="88392"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2108" y="0"/>
                  </a:lnTo>
                  <a:lnTo>
                    <a:pt x="102108"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5824" y="0"/>
                  </a:lnTo>
                  <a:lnTo>
                    <a:pt x="115824"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29540" y="0"/>
                  </a:lnTo>
                  <a:lnTo>
                    <a:pt x="129540"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6972" y="0"/>
                  </a:lnTo>
                  <a:lnTo>
                    <a:pt x="156972"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0688" y="0"/>
                  </a:lnTo>
                  <a:lnTo>
                    <a:pt x="170688"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4404" y="0"/>
                  </a:lnTo>
                  <a:lnTo>
                    <a:pt x="184404"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8120" y="0"/>
                  </a:lnTo>
                  <a:lnTo>
                    <a:pt x="198120"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1836" y="0"/>
                  </a:lnTo>
                  <a:lnTo>
                    <a:pt x="211836"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5552" y="0"/>
                  </a:lnTo>
                  <a:lnTo>
                    <a:pt x="225552"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39268" y="0"/>
                  </a:lnTo>
                  <a:lnTo>
                    <a:pt x="239268"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2984" y="0"/>
                  </a:lnTo>
                  <a:lnTo>
                    <a:pt x="252984"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6700" y="0"/>
                  </a:lnTo>
                  <a:lnTo>
                    <a:pt x="266700"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0416" y="0"/>
                  </a:lnTo>
                  <a:lnTo>
                    <a:pt x="280416"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4132" y="0"/>
                  </a:lnTo>
                  <a:lnTo>
                    <a:pt x="294132"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7848" y="0"/>
                  </a:lnTo>
                  <a:lnTo>
                    <a:pt x="307848"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1564" y="0"/>
                  </a:lnTo>
                  <a:lnTo>
                    <a:pt x="321564"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5280" y="0"/>
                  </a:lnTo>
                  <a:lnTo>
                    <a:pt x="335280"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48996" y="0"/>
                  </a:lnTo>
                  <a:lnTo>
                    <a:pt x="348996"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2712" y="0"/>
                  </a:lnTo>
                  <a:lnTo>
                    <a:pt x="362712"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6428" y="0"/>
                  </a:lnTo>
                  <a:lnTo>
                    <a:pt x="376428"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0144" y="0"/>
                  </a:lnTo>
                  <a:lnTo>
                    <a:pt x="390144"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3860" y="0"/>
                  </a:lnTo>
                  <a:lnTo>
                    <a:pt x="403860"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7576" y="0"/>
                  </a:lnTo>
                  <a:lnTo>
                    <a:pt x="417576"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1292" y="0"/>
                  </a:lnTo>
                  <a:lnTo>
                    <a:pt x="431292"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5008" y="0"/>
                  </a:lnTo>
                  <a:lnTo>
                    <a:pt x="445008"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58724" y="0"/>
                  </a:lnTo>
                  <a:lnTo>
                    <a:pt x="458724"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2440" y="0"/>
                  </a:lnTo>
                  <a:lnTo>
                    <a:pt x="472440"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8" name="object 8"/>
            <p:cNvSpPr/>
            <p:nvPr/>
          </p:nvSpPr>
          <p:spPr>
            <a:xfrm>
              <a:off x="1565148"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47" y="0"/>
                  </a:lnTo>
                  <a:lnTo>
                    <a:pt x="60947" y="3048"/>
                  </a:lnTo>
                  <a:lnTo>
                    <a:pt x="65532" y="3048"/>
                  </a:lnTo>
                  <a:lnTo>
                    <a:pt x="65532" y="0"/>
                  </a:lnTo>
                  <a:close/>
                </a:path>
                <a:path w="483235" h="3175">
                  <a:moveTo>
                    <a:pt x="71628" y="0"/>
                  </a:moveTo>
                  <a:lnTo>
                    <a:pt x="68567" y="0"/>
                  </a:lnTo>
                  <a:lnTo>
                    <a:pt x="68567" y="3048"/>
                  </a:lnTo>
                  <a:lnTo>
                    <a:pt x="71628" y="3048"/>
                  </a:lnTo>
                  <a:lnTo>
                    <a:pt x="71628" y="0"/>
                  </a:lnTo>
                  <a:close/>
                </a:path>
                <a:path w="483235" h="3175">
                  <a:moveTo>
                    <a:pt x="79235" y="0"/>
                  </a:moveTo>
                  <a:lnTo>
                    <a:pt x="74676" y="0"/>
                  </a:lnTo>
                  <a:lnTo>
                    <a:pt x="74676" y="3048"/>
                  </a:lnTo>
                  <a:lnTo>
                    <a:pt x="79235" y="3048"/>
                  </a:lnTo>
                  <a:lnTo>
                    <a:pt x="79235" y="0"/>
                  </a:lnTo>
                  <a:close/>
                </a:path>
                <a:path w="483235" h="3175">
                  <a:moveTo>
                    <a:pt x="85344" y="0"/>
                  </a:moveTo>
                  <a:lnTo>
                    <a:pt x="82296" y="0"/>
                  </a:lnTo>
                  <a:lnTo>
                    <a:pt x="82296" y="3048"/>
                  </a:lnTo>
                  <a:lnTo>
                    <a:pt x="85344" y="3048"/>
                  </a:lnTo>
                  <a:lnTo>
                    <a:pt x="85344" y="0"/>
                  </a:lnTo>
                  <a:close/>
                </a:path>
                <a:path w="483235" h="3175">
                  <a:moveTo>
                    <a:pt x="92964" y="0"/>
                  </a:moveTo>
                  <a:lnTo>
                    <a:pt x="88379" y="0"/>
                  </a:lnTo>
                  <a:lnTo>
                    <a:pt x="88379" y="3048"/>
                  </a:lnTo>
                  <a:lnTo>
                    <a:pt x="92964" y="3048"/>
                  </a:lnTo>
                  <a:lnTo>
                    <a:pt x="92964" y="0"/>
                  </a:lnTo>
                  <a:close/>
                </a:path>
                <a:path w="483235" h="3175">
                  <a:moveTo>
                    <a:pt x="99047" y="0"/>
                  </a:moveTo>
                  <a:lnTo>
                    <a:pt x="96012" y="0"/>
                  </a:lnTo>
                  <a:lnTo>
                    <a:pt x="96012" y="3048"/>
                  </a:lnTo>
                  <a:lnTo>
                    <a:pt x="99047" y="3048"/>
                  </a:lnTo>
                  <a:lnTo>
                    <a:pt x="99047"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4320" y="0"/>
                  </a:lnTo>
                  <a:lnTo>
                    <a:pt x="274320"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8036" y="0"/>
                  </a:lnTo>
                  <a:lnTo>
                    <a:pt x="288036"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1752" y="0"/>
                  </a:lnTo>
                  <a:lnTo>
                    <a:pt x="301752"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5468" y="0"/>
                  </a:lnTo>
                  <a:lnTo>
                    <a:pt x="315468"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9184" y="0"/>
                  </a:lnTo>
                  <a:lnTo>
                    <a:pt x="329184"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2900" y="0"/>
                  </a:lnTo>
                  <a:lnTo>
                    <a:pt x="342900"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6616" y="0"/>
                  </a:lnTo>
                  <a:lnTo>
                    <a:pt x="356616"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70332" y="0"/>
                  </a:lnTo>
                  <a:lnTo>
                    <a:pt x="370332"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4048" y="0"/>
                  </a:lnTo>
                  <a:lnTo>
                    <a:pt x="384048"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7764" y="0"/>
                  </a:lnTo>
                  <a:lnTo>
                    <a:pt x="397764"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11480" y="0"/>
                  </a:lnTo>
                  <a:lnTo>
                    <a:pt x="411480"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5196" y="0"/>
                  </a:lnTo>
                  <a:lnTo>
                    <a:pt x="425196"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8912" y="0"/>
                  </a:lnTo>
                  <a:lnTo>
                    <a:pt x="438912"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2628" y="0"/>
                  </a:lnTo>
                  <a:lnTo>
                    <a:pt x="452628"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6344" y="0"/>
                  </a:lnTo>
                  <a:lnTo>
                    <a:pt x="466344"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9" name="object 9"/>
            <p:cNvSpPr/>
            <p:nvPr/>
          </p:nvSpPr>
          <p:spPr>
            <a:xfrm>
              <a:off x="2045208"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9144" y="0"/>
                  </a:moveTo>
                  <a:lnTo>
                    <a:pt x="6096" y="0"/>
                  </a:lnTo>
                  <a:lnTo>
                    <a:pt x="6096" y="3048"/>
                  </a:lnTo>
                  <a:lnTo>
                    <a:pt x="9144" y="3048"/>
                  </a:lnTo>
                  <a:lnTo>
                    <a:pt x="9144" y="0"/>
                  </a:lnTo>
                  <a:close/>
                </a:path>
                <a:path w="483235" h="3175">
                  <a:moveTo>
                    <a:pt x="16764" y="0"/>
                  </a:moveTo>
                  <a:lnTo>
                    <a:pt x="13716" y="0"/>
                  </a:lnTo>
                  <a:lnTo>
                    <a:pt x="13716" y="3048"/>
                  </a:lnTo>
                  <a:lnTo>
                    <a:pt x="16764" y="3048"/>
                  </a:lnTo>
                  <a:lnTo>
                    <a:pt x="16764" y="0"/>
                  </a:lnTo>
                  <a:close/>
                </a:path>
                <a:path w="483235" h="3175">
                  <a:moveTo>
                    <a:pt x="22860" y="0"/>
                  </a:moveTo>
                  <a:lnTo>
                    <a:pt x="19812" y="0"/>
                  </a:lnTo>
                  <a:lnTo>
                    <a:pt x="19812" y="3048"/>
                  </a:lnTo>
                  <a:lnTo>
                    <a:pt x="22860" y="3048"/>
                  </a:lnTo>
                  <a:lnTo>
                    <a:pt x="22860" y="0"/>
                  </a:lnTo>
                  <a:close/>
                </a:path>
                <a:path w="483235" h="3175">
                  <a:moveTo>
                    <a:pt x="30480" y="0"/>
                  </a:moveTo>
                  <a:lnTo>
                    <a:pt x="27432" y="0"/>
                  </a:lnTo>
                  <a:lnTo>
                    <a:pt x="27432" y="3048"/>
                  </a:lnTo>
                  <a:lnTo>
                    <a:pt x="30480" y="3048"/>
                  </a:lnTo>
                  <a:lnTo>
                    <a:pt x="30480" y="0"/>
                  </a:lnTo>
                  <a:close/>
                </a:path>
                <a:path w="483235" h="3175">
                  <a:moveTo>
                    <a:pt x="36576" y="0"/>
                  </a:moveTo>
                  <a:lnTo>
                    <a:pt x="33528" y="0"/>
                  </a:lnTo>
                  <a:lnTo>
                    <a:pt x="33528" y="3048"/>
                  </a:lnTo>
                  <a:lnTo>
                    <a:pt x="36576" y="3048"/>
                  </a:lnTo>
                  <a:lnTo>
                    <a:pt x="36576" y="0"/>
                  </a:lnTo>
                  <a:close/>
                </a:path>
                <a:path w="483235" h="3175">
                  <a:moveTo>
                    <a:pt x="44196" y="0"/>
                  </a:moveTo>
                  <a:lnTo>
                    <a:pt x="41148" y="0"/>
                  </a:lnTo>
                  <a:lnTo>
                    <a:pt x="41148" y="3048"/>
                  </a:lnTo>
                  <a:lnTo>
                    <a:pt x="44196" y="3048"/>
                  </a:lnTo>
                  <a:lnTo>
                    <a:pt x="44196" y="0"/>
                  </a:lnTo>
                  <a:close/>
                </a:path>
                <a:path w="483235" h="3175">
                  <a:moveTo>
                    <a:pt x="50292" y="0"/>
                  </a:moveTo>
                  <a:lnTo>
                    <a:pt x="47244" y="0"/>
                  </a:lnTo>
                  <a:lnTo>
                    <a:pt x="47244" y="3048"/>
                  </a:lnTo>
                  <a:lnTo>
                    <a:pt x="50292" y="3048"/>
                  </a:lnTo>
                  <a:lnTo>
                    <a:pt x="50292" y="0"/>
                  </a:lnTo>
                  <a:close/>
                </a:path>
                <a:path w="483235" h="3175">
                  <a:moveTo>
                    <a:pt x="57912" y="0"/>
                  </a:moveTo>
                  <a:lnTo>
                    <a:pt x="54864" y="0"/>
                  </a:lnTo>
                  <a:lnTo>
                    <a:pt x="54864" y="3048"/>
                  </a:lnTo>
                  <a:lnTo>
                    <a:pt x="57912" y="3048"/>
                  </a:lnTo>
                  <a:lnTo>
                    <a:pt x="57912" y="0"/>
                  </a:lnTo>
                  <a:close/>
                </a:path>
                <a:path w="483235" h="3175">
                  <a:moveTo>
                    <a:pt x="64008" y="0"/>
                  </a:moveTo>
                  <a:lnTo>
                    <a:pt x="60960" y="0"/>
                  </a:lnTo>
                  <a:lnTo>
                    <a:pt x="60960" y="3048"/>
                  </a:lnTo>
                  <a:lnTo>
                    <a:pt x="64008" y="3048"/>
                  </a:lnTo>
                  <a:lnTo>
                    <a:pt x="64008" y="0"/>
                  </a:lnTo>
                  <a:close/>
                </a:path>
                <a:path w="483235" h="3175">
                  <a:moveTo>
                    <a:pt x="71628" y="0"/>
                  </a:moveTo>
                  <a:lnTo>
                    <a:pt x="68580" y="0"/>
                  </a:lnTo>
                  <a:lnTo>
                    <a:pt x="68580" y="3048"/>
                  </a:lnTo>
                  <a:lnTo>
                    <a:pt x="71628" y="3048"/>
                  </a:lnTo>
                  <a:lnTo>
                    <a:pt x="71628" y="0"/>
                  </a:lnTo>
                  <a:close/>
                </a:path>
                <a:path w="483235" h="3175">
                  <a:moveTo>
                    <a:pt x="77724" y="0"/>
                  </a:moveTo>
                  <a:lnTo>
                    <a:pt x="74676" y="0"/>
                  </a:lnTo>
                  <a:lnTo>
                    <a:pt x="74676" y="3048"/>
                  </a:lnTo>
                  <a:lnTo>
                    <a:pt x="77724" y="3048"/>
                  </a:lnTo>
                  <a:lnTo>
                    <a:pt x="77724" y="0"/>
                  </a:lnTo>
                  <a:close/>
                </a:path>
                <a:path w="483235" h="3175">
                  <a:moveTo>
                    <a:pt x="85344" y="0"/>
                  </a:moveTo>
                  <a:lnTo>
                    <a:pt x="82296" y="0"/>
                  </a:lnTo>
                  <a:lnTo>
                    <a:pt x="82296" y="3048"/>
                  </a:lnTo>
                  <a:lnTo>
                    <a:pt x="85344" y="3048"/>
                  </a:lnTo>
                  <a:lnTo>
                    <a:pt x="85344" y="0"/>
                  </a:lnTo>
                  <a:close/>
                </a:path>
                <a:path w="483235" h="3175">
                  <a:moveTo>
                    <a:pt x="91440" y="0"/>
                  </a:moveTo>
                  <a:lnTo>
                    <a:pt x="88392" y="0"/>
                  </a:lnTo>
                  <a:lnTo>
                    <a:pt x="88392" y="3048"/>
                  </a:lnTo>
                  <a:lnTo>
                    <a:pt x="91440" y="3048"/>
                  </a:lnTo>
                  <a:lnTo>
                    <a:pt x="91440" y="0"/>
                  </a:lnTo>
                  <a:close/>
                </a:path>
                <a:path w="483235" h="3175">
                  <a:moveTo>
                    <a:pt x="99060" y="0"/>
                  </a:moveTo>
                  <a:lnTo>
                    <a:pt x="96012" y="0"/>
                  </a:lnTo>
                  <a:lnTo>
                    <a:pt x="96012" y="3048"/>
                  </a:lnTo>
                  <a:lnTo>
                    <a:pt x="99060" y="3048"/>
                  </a:lnTo>
                  <a:lnTo>
                    <a:pt x="99060" y="0"/>
                  </a:lnTo>
                  <a:close/>
                </a:path>
                <a:path w="483235" h="3175">
                  <a:moveTo>
                    <a:pt x="105156" y="0"/>
                  </a:moveTo>
                  <a:lnTo>
                    <a:pt x="102108" y="0"/>
                  </a:lnTo>
                  <a:lnTo>
                    <a:pt x="102108" y="3048"/>
                  </a:lnTo>
                  <a:lnTo>
                    <a:pt x="105156" y="3048"/>
                  </a:lnTo>
                  <a:lnTo>
                    <a:pt x="105156" y="0"/>
                  </a:lnTo>
                  <a:close/>
                </a:path>
                <a:path w="483235" h="3175">
                  <a:moveTo>
                    <a:pt x="112776" y="0"/>
                  </a:moveTo>
                  <a:lnTo>
                    <a:pt x="109728" y="0"/>
                  </a:lnTo>
                  <a:lnTo>
                    <a:pt x="109728" y="3048"/>
                  </a:lnTo>
                  <a:lnTo>
                    <a:pt x="112776" y="3048"/>
                  </a:lnTo>
                  <a:lnTo>
                    <a:pt x="112776" y="0"/>
                  </a:lnTo>
                  <a:close/>
                </a:path>
                <a:path w="483235" h="3175">
                  <a:moveTo>
                    <a:pt x="118872" y="0"/>
                  </a:moveTo>
                  <a:lnTo>
                    <a:pt x="115824" y="0"/>
                  </a:lnTo>
                  <a:lnTo>
                    <a:pt x="115824" y="3048"/>
                  </a:lnTo>
                  <a:lnTo>
                    <a:pt x="118872" y="3048"/>
                  </a:lnTo>
                  <a:lnTo>
                    <a:pt x="118872"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2796" y="0"/>
                  </a:lnTo>
                  <a:lnTo>
                    <a:pt x="272796"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6512" y="0"/>
                  </a:lnTo>
                  <a:lnTo>
                    <a:pt x="286512"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0228" y="0"/>
                  </a:lnTo>
                  <a:lnTo>
                    <a:pt x="300228"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3944" y="0"/>
                  </a:lnTo>
                  <a:lnTo>
                    <a:pt x="313944"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7660" y="0"/>
                  </a:lnTo>
                  <a:lnTo>
                    <a:pt x="327660"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1376" y="0"/>
                  </a:lnTo>
                  <a:lnTo>
                    <a:pt x="341376"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5092" y="0"/>
                  </a:lnTo>
                  <a:lnTo>
                    <a:pt x="355092"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68808" y="0"/>
                  </a:lnTo>
                  <a:lnTo>
                    <a:pt x="368808"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2524" y="0"/>
                  </a:lnTo>
                  <a:lnTo>
                    <a:pt x="382524"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6240" y="0"/>
                  </a:lnTo>
                  <a:lnTo>
                    <a:pt x="396240"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09956" y="0"/>
                  </a:lnTo>
                  <a:lnTo>
                    <a:pt x="409956"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3672" y="0"/>
                  </a:lnTo>
                  <a:lnTo>
                    <a:pt x="423672"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7388" y="0"/>
                  </a:lnTo>
                  <a:lnTo>
                    <a:pt x="437388"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1104" y="0"/>
                  </a:lnTo>
                  <a:lnTo>
                    <a:pt x="451104"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4820" y="0"/>
                  </a:lnTo>
                  <a:lnTo>
                    <a:pt x="464820"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10" name="object 10"/>
            <p:cNvSpPr/>
            <p:nvPr/>
          </p:nvSpPr>
          <p:spPr>
            <a:xfrm>
              <a:off x="2523744" y="6196583"/>
              <a:ext cx="483234" cy="3175"/>
            </a:xfrm>
            <a:custGeom>
              <a:avLst/>
              <a:gdLst/>
              <a:ahLst/>
              <a:cxnLst/>
              <a:rect l="l" t="t" r="r" b="b"/>
              <a:pathLst>
                <a:path w="483235" h="3175">
                  <a:moveTo>
                    <a:pt x="4572" y="0"/>
                  </a:moveTo>
                  <a:lnTo>
                    <a:pt x="0" y="0"/>
                  </a:lnTo>
                  <a:lnTo>
                    <a:pt x="0" y="3048"/>
                  </a:lnTo>
                  <a:lnTo>
                    <a:pt x="4572" y="3048"/>
                  </a:lnTo>
                  <a:lnTo>
                    <a:pt x="4572" y="0"/>
                  </a:lnTo>
                  <a:close/>
                </a:path>
                <a:path w="483235" h="3175">
                  <a:moveTo>
                    <a:pt x="10668" y="0"/>
                  </a:moveTo>
                  <a:lnTo>
                    <a:pt x="7620" y="0"/>
                  </a:lnTo>
                  <a:lnTo>
                    <a:pt x="7620" y="3048"/>
                  </a:lnTo>
                  <a:lnTo>
                    <a:pt x="10668" y="3048"/>
                  </a:lnTo>
                  <a:lnTo>
                    <a:pt x="10668" y="0"/>
                  </a:lnTo>
                  <a:close/>
                </a:path>
                <a:path w="483235" h="3175">
                  <a:moveTo>
                    <a:pt x="18288" y="0"/>
                  </a:moveTo>
                  <a:lnTo>
                    <a:pt x="13716" y="0"/>
                  </a:lnTo>
                  <a:lnTo>
                    <a:pt x="13716" y="3048"/>
                  </a:lnTo>
                  <a:lnTo>
                    <a:pt x="18288" y="3048"/>
                  </a:lnTo>
                  <a:lnTo>
                    <a:pt x="18288" y="0"/>
                  </a:lnTo>
                  <a:close/>
                </a:path>
                <a:path w="483235" h="3175">
                  <a:moveTo>
                    <a:pt x="24384" y="0"/>
                  </a:moveTo>
                  <a:lnTo>
                    <a:pt x="21336" y="0"/>
                  </a:lnTo>
                  <a:lnTo>
                    <a:pt x="21336" y="3048"/>
                  </a:lnTo>
                  <a:lnTo>
                    <a:pt x="24384" y="3048"/>
                  </a:lnTo>
                  <a:lnTo>
                    <a:pt x="24384" y="0"/>
                  </a:lnTo>
                  <a:close/>
                </a:path>
                <a:path w="483235" h="3175">
                  <a:moveTo>
                    <a:pt x="32004" y="0"/>
                  </a:moveTo>
                  <a:lnTo>
                    <a:pt x="27432" y="0"/>
                  </a:lnTo>
                  <a:lnTo>
                    <a:pt x="27432" y="3048"/>
                  </a:lnTo>
                  <a:lnTo>
                    <a:pt x="32004" y="3048"/>
                  </a:lnTo>
                  <a:lnTo>
                    <a:pt x="32004" y="0"/>
                  </a:lnTo>
                  <a:close/>
                </a:path>
                <a:path w="483235" h="3175">
                  <a:moveTo>
                    <a:pt x="38100" y="0"/>
                  </a:moveTo>
                  <a:lnTo>
                    <a:pt x="35052" y="0"/>
                  </a:lnTo>
                  <a:lnTo>
                    <a:pt x="35052" y="3048"/>
                  </a:lnTo>
                  <a:lnTo>
                    <a:pt x="38100" y="3048"/>
                  </a:lnTo>
                  <a:lnTo>
                    <a:pt x="38100" y="0"/>
                  </a:lnTo>
                  <a:close/>
                </a:path>
                <a:path w="483235" h="3175">
                  <a:moveTo>
                    <a:pt x="45720" y="0"/>
                  </a:moveTo>
                  <a:lnTo>
                    <a:pt x="41148" y="0"/>
                  </a:lnTo>
                  <a:lnTo>
                    <a:pt x="41148" y="3048"/>
                  </a:lnTo>
                  <a:lnTo>
                    <a:pt x="45720" y="3048"/>
                  </a:lnTo>
                  <a:lnTo>
                    <a:pt x="45720" y="0"/>
                  </a:lnTo>
                  <a:close/>
                </a:path>
                <a:path w="483235" h="3175">
                  <a:moveTo>
                    <a:pt x="51816" y="0"/>
                  </a:moveTo>
                  <a:lnTo>
                    <a:pt x="48768" y="0"/>
                  </a:lnTo>
                  <a:lnTo>
                    <a:pt x="48768" y="3048"/>
                  </a:lnTo>
                  <a:lnTo>
                    <a:pt x="51816" y="3048"/>
                  </a:lnTo>
                  <a:lnTo>
                    <a:pt x="51816" y="0"/>
                  </a:lnTo>
                  <a:close/>
                </a:path>
                <a:path w="483235" h="3175">
                  <a:moveTo>
                    <a:pt x="59436" y="0"/>
                  </a:moveTo>
                  <a:lnTo>
                    <a:pt x="54864" y="0"/>
                  </a:lnTo>
                  <a:lnTo>
                    <a:pt x="54864" y="3048"/>
                  </a:lnTo>
                  <a:lnTo>
                    <a:pt x="59436" y="3048"/>
                  </a:lnTo>
                  <a:lnTo>
                    <a:pt x="59436" y="0"/>
                  </a:lnTo>
                  <a:close/>
                </a:path>
                <a:path w="483235" h="3175">
                  <a:moveTo>
                    <a:pt x="65532" y="0"/>
                  </a:moveTo>
                  <a:lnTo>
                    <a:pt x="62484" y="0"/>
                  </a:lnTo>
                  <a:lnTo>
                    <a:pt x="62484" y="3048"/>
                  </a:lnTo>
                  <a:lnTo>
                    <a:pt x="65532" y="3048"/>
                  </a:lnTo>
                  <a:lnTo>
                    <a:pt x="65532" y="0"/>
                  </a:lnTo>
                  <a:close/>
                </a:path>
                <a:path w="483235" h="3175">
                  <a:moveTo>
                    <a:pt x="73152" y="0"/>
                  </a:moveTo>
                  <a:lnTo>
                    <a:pt x="68580" y="0"/>
                  </a:lnTo>
                  <a:lnTo>
                    <a:pt x="68580" y="3048"/>
                  </a:lnTo>
                  <a:lnTo>
                    <a:pt x="73152" y="3048"/>
                  </a:lnTo>
                  <a:lnTo>
                    <a:pt x="73152" y="0"/>
                  </a:lnTo>
                  <a:close/>
                </a:path>
                <a:path w="483235" h="3175">
                  <a:moveTo>
                    <a:pt x="79248" y="0"/>
                  </a:moveTo>
                  <a:lnTo>
                    <a:pt x="76200" y="0"/>
                  </a:lnTo>
                  <a:lnTo>
                    <a:pt x="76200" y="3048"/>
                  </a:lnTo>
                  <a:lnTo>
                    <a:pt x="79248" y="3048"/>
                  </a:lnTo>
                  <a:lnTo>
                    <a:pt x="79248" y="0"/>
                  </a:lnTo>
                  <a:close/>
                </a:path>
                <a:path w="483235" h="3175">
                  <a:moveTo>
                    <a:pt x="86868" y="0"/>
                  </a:moveTo>
                  <a:lnTo>
                    <a:pt x="82296" y="0"/>
                  </a:lnTo>
                  <a:lnTo>
                    <a:pt x="82296" y="3048"/>
                  </a:lnTo>
                  <a:lnTo>
                    <a:pt x="86868" y="3048"/>
                  </a:lnTo>
                  <a:lnTo>
                    <a:pt x="86868" y="0"/>
                  </a:lnTo>
                  <a:close/>
                </a:path>
                <a:path w="483235" h="3175">
                  <a:moveTo>
                    <a:pt x="92964" y="0"/>
                  </a:moveTo>
                  <a:lnTo>
                    <a:pt x="89916" y="0"/>
                  </a:lnTo>
                  <a:lnTo>
                    <a:pt x="89916" y="3048"/>
                  </a:lnTo>
                  <a:lnTo>
                    <a:pt x="92964" y="3048"/>
                  </a:lnTo>
                  <a:lnTo>
                    <a:pt x="92964" y="0"/>
                  </a:lnTo>
                  <a:close/>
                </a:path>
                <a:path w="483235" h="3175">
                  <a:moveTo>
                    <a:pt x="100584" y="0"/>
                  </a:moveTo>
                  <a:lnTo>
                    <a:pt x="96012" y="0"/>
                  </a:lnTo>
                  <a:lnTo>
                    <a:pt x="96012" y="3048"/>
                  </a:lnTo>
                  <a:lnTo>
                    <a:pt x="100584" y="3048"/>
                  </a:lnTo>
                  <a:lnTo>
                    <a:pt x="100584" y="0"/>
                  </a:lnTo>
                  <a:close/>
                </a:path>
                <a:path w="483235" h="3175">
                  <a:moveTo>
                    <a:pt x="106680" y="0"/>
                  </a:moveTo>
                  <a:lnTo>
                    <a:pt x="103632" y="0"/>
                  </a:lnTo>
                  <a:lnTo>
                    <a:pt x="103632" y="3048"/>
                  </a:lnTo>
                  <a:lnTo>
                    <a:pt x="106680" y="3048"/>
                  </a:lnTo>
                  <a:lnTo>
                    <a:pt x="106680" y="0"/>
                  </a:lnTo>
                  <a:close/>
                </a:path>
                <a:path w="483235" h="3175">
                  <a:moveTo>
                    <a:pt x="114300" y="0"/>
                  </a:moveTo>
                  <a:lnTo>
                    <a:pt x="109728" y="0"/>
                  </a:lnTo>
                  <a:lnTo>
                    <a:pt x="109728" y="3048"/>
                  </a:lnTo>
                  <a:lnTo>
                    <a:pt x="114300" y="3048"/>
                  </a:lnTo>
                  <a:lnTo>
                    <a:pt x="114300" y="0"/>
                  </a:lnTo>
                  <a:close/>
                </a:path>
                <a:path w="483235" h="3175">
                  <a:moveTo>
                    <a:pt x="120396" y="0"/>
                  </a:moveTo>
                  <a:lnTo>
                    <a:pt x="117348" y="0"/>
                  </a:lnTo>
                  <a:lnTo>
                    <a:pt x="117348" y="3048"/>
                  </a:lnTo>
                  <a:lnTo>
                    <a:pt x="120396" y="3048"/>
                  </a:lnTo>
                  <a:lnTo>
                    <a:pt x="120396" y="0"/>
                  </a:lnTo>
                  <a:close/>
                </a:path>
                <a:path w="483235" h="3175">
                  <a:moveTo>
                    <a:pt x="128016" y="0"/>
                  </a:moveTo>
                  <a:lnTo>
                    <a:pt x="123444" y="0"/>
                  </a:lnTo>
                  <a:lnTo>
                    <a:pt x="123444" y="3048"/>
                  </a:lnTo>
                  <a:lnTo>
                    <a:pt x="128016" y="3048"/>
                  </a:lnTo>
                  <a:lnTo>
                    <a:pt x="128016" y="0"/>
                  </a:lnTo>
                  <a:close/>
                </a:path>
                <a:path w="483235" h="3175">
                  <a:moveTo>
                    <a:pt x="134112" y="0"/>
                  </a:moveTo>
                  <a:lnTo>
                    <a:pt x="131064" y="0"/>
                  </a:lnTo>
                  <a:lnTo>
                    <a:pt x="131064" y="3048"/>
                  </a:lnTo>
                  <a:lnTo>
                    <a:pt x="134112" y="3048"/>
                  </a:lnTo>
                  <a:lnTo>
                    <a:pt x="134112" y="0"/>
                  </a:lnTo>
                  <a:close/>
                </a:path>
                <a:path w="483235" h="3175">
                  <a:moveTo>
                    <a:pt x="141732" y="0"/>
                  </a:moveTo>
                  <a:lnTo>
                    <a:pt x="137160" y="0"/>
                  </a:lnTo>
                  <a:lnTo>
                    <a:pt x="137160" y="3048"/>
                  </a:lnTo>
                  <a:lnTo>
                    <a:pt x="141732" y="3048"/>
                  </a:lnTo>
                  <a:lnTo>
                    <a:pt x="141732" y="0"/>
                  </a:lnTo>
                  <a:close/>
                </a:path>
                <a:path w="483235" h="3175">
                  <a:moveTo>
                    <a:pt x="147828" y="0"/>
                  </a:moveTo>
                  <a:lnTo>
                    <a:pt x="144780" y="0"/>
                  </a:lnTo>
                  <a:lnTo>
                    <a:pt x="144780" y="3048"/>
                  </a:lnTo>
                  <a:lnTo>
                    <a:pt x="147828" y="3048"/>
                  </a:lnTo>
                  <a:lnTo>
                    <a:pt x="147828" y="0"/>
                  </a:lnTo>
                  <a:close/>
                </a:path>
                <a:path w="483235" h="3175">
                  <a:moveTo>
                    <a:pt x="155448" y="0"/>
                  </a:moveTo>
                  <a:lnTo>
                    <a:pt x="150876" y="0"/>
                  </a:lnTo>
                  <a:lnTo>
                    <a:pt x="150876" y="3048"/>
                  </a:lnTo>
                  <a:lnTo>
                    <a:pt x="155448" y="3048"/>
                  </a:lnTo>
                  <a:lnTo>
                    <a:pt x="155448" y="0"/>
                  </a:lnTo>
                  <a:close/>
                </a:path>
                <a:path w="483235" h="3175">
                  <a:moveTo>
                    <a:pt x="161544" y="0"/>
                  </a:moveTo>
                  <a:lnTo>
                    <a:pt x="158496" y="0"/>
                  </a:lnTo>
                  <a:lnTo>
                    <a:pt x="158496" y="3048"/>
                  </a:lnTo>
                  <a:lnTo>
                    <a:pt x="161544" y="3048"/>
                  </a:lnTo>
                  <a:lnTo>
                    <a:pt x="161544" y="0"/>
                  </a:lnTo>
                  <a:close/>
                </a:path>
                <a:path w="483235" h="3175">
                  <a:moveTo>
                    <a:pt x="169164" y="0"/>
                  </a:moveTo>
                  <a:lnTo>
                    <a:pt x="164592" y="0"/>
                  </a:lnTo>
                  <a:lnTo>
                    <a:pt x="164592" y="3048"/>
                  </a:lnTo>
                  <a:lnTo>
                    <a:pt x="169164" y="3048"/>
                  </a:lnTo>
                  <a:lnTo>
                    <a:pt x="169164" y="0"/>
                  </a:lnTo>
                  <a:close/>
                </a:path>
                <a:path w="483235" h="3175">
                  <a:moveTo>
                    <a:pt x="175260" y="0"/>
                  </a:moveTo>
                  <a:lnTo>
                    <a:pt x="172212" y="0"/>
                  </a:lnTo>
                  <a:lnTo>
                    <a:pt x="172212" y="3048"/>
                  </a:lnTo>
                  <a:lnTo>
                    <a:pt x="175260" y="3048"/>
                  </a:lnTo>
                  <a:lnTo>
                    <a:pt x="175260" y="0"/>
                  </a:lnTo>
                  <a:close/>
                </a:path>
                <a:path w="483235" h="3175">
                  <a:moveTo>
                    <a:pt x="182880" y="0"/>
                  </a:moveTo>
                  <a:lnTo>
                    <a:pt x="178308" y="0"/>
                  </a:lnTo>
                  <a:lnTo>
                    <a:pt x="178308" y="3048"/>
                  </a:lnTo>
                  <a:lnTo>
                    <a:pt x="182880" y="3048"/>
                  </a:lnTo>
                  <a:lnTo>
                    <a:pt x="182880" y="0"/>
                  </a:lnTo>
                  <a:close/>
                </a:path>
                <a:path w="483235" h="3175">
                  <a:moveTo>
                    <a:pt x="188976" y="0"/>
                  </a:moveTo>
                  <a:lnTo>
                    <a:pt x="185928" y="0"/>
                  </a:lnTo>
                  <a:lnTo>
                    <a:pt x="185928" y="3048"/>
                  </a:lnTo>
                  <a:lnTo>
                    <a:pt x="188976" y="3048"/>
                  </a:lnTo>
                  <a:lnTo>
                    <a:pt x="188976" y="0"/>
                  </a:lnTo>
                  <a:close/>
                </a:path>
                <a:path w="483235" h="3175">
                  <a:moveTo>
                    <a:pt x="196596" y="0"/>
                  </a:moveTo>
                  <a:lnTo>
                    <a:pt x="192024" y="0"/>
                  </a:lnTo>
                  <a:lnTo>
                    <a:pt x="192024" y="3048"/>
                  </a:lnTo>
                  <a:lnTo>
                    <a:pt x="196596" y="3048"/>
                  </a:lnTo>
                  <a:lnTo>
                    <a:pt x="196596" y="0"/>
                  </a:lnTo>
                  <a:close/>
                </a:path>
                <a:path w="483235" h="3175">
                  <a:moveTo>
                    <a:pt x="202692" y="0"/>
                  </a:moveTo>
                  <a:lnTo>
                    <a:pt x="199644" y="0"/>
                  </a:lnTo>
                  <a:lnTo>
                    <a:pt x="199644" y="3048"/>
                  </a:lnTo>
                  <a:lnTo>
                    <a:pt x="202692" y="3048"/>
                  </a:lnTo>
                  <a:lnTo>
                    <a:pt x="202692" y="0"/>
                  </a:lnTo>
                  <a:close/>
                </a:path>
                <a:path w="483235" h="3175">
                  <a:moveTo>
                    <a:pt x="210312" y="0"/>
                  </a:moveTo>
                  <a:lnTo>
                    <a:pt x="205740" y="0"/>
                  </a:lnTo>
                  <a:lnTo>
                    <a:pt x="205740" y="3048"/>
                  </a:lnTo>
                  <a:lnTo>
                    <a:pt x="210312" y="3048"/>
                  </a:lnTo>
                  <a:lnTo>
                    <a:pt x="210312" y="0"/>
                  </a:lnTo>
                  <a:close/>
                </a:path>
                <a:path w="483235" h="3175">
                  <a:moveTo>
                    <a:pt x="216408" y="0"/>
                  </a:moveTo>
                  <a:lnTo>
                    <a:pt x="213360" y="0"/>
                  </a:lnTo>
                  <a:lnTo>
                    <a:pt x="213360" y="3048"/>
                  </a:lnTo>
                  <a:lnTo>
                    <a:pt x="216408" y="3048"/>
                  </a:lnTo>
                  <a:lnTo>
                    <a:pt x="216408" y="0"/>
                  </a:lnTo>
                  <a:close/>
                </a:path>
                <a:path w="483235" h="3175">
                  <a:moveTo>
                    <a:pt x="224028" y="0"/>
                  </a:moveTo>
                  <a:lnTo>
                    <a:pt x="219456" y="0"/>
                  </a:lnTo>
                  <a:lnTo>
                    <a:pt x="219456" y="3048"/>
                  </a:lnTo>
                  <a:lnTo>
                    <a:pt x="224028" y="3048"/>
                  </a:lnTo>
                  <a:lnTo>
                    <a:pt x="224028" y="0"/>
                  </a:lnTo>
                  <a:close/>
                </a:path>
                <a:path w="483235" h="3175">
                  <a:moveTo>
                    <a:pt x="230124" y="0"/>
                  </a:moveTo>
                  <a:lnTo>
                    <a:pt x="227076" y="0"/>
                  </a:lnTo>
                  <a:lnTo>
                    <a:pt x="227076" y="3048"/>
                  </a:lnTo>
                  <a:lnTo>
                    <a:pt x="230124" y="3048"/>
                  </a:lnTo>
                  <a:lnTo>
                    <a:pt x="230124" y="0"/>
                  </a:lnTo>
                  <a:close/>
                </a:path>
                <a:path w="483235" h="3175">
                  <a:moveTo>
                    <a:pt x="237744" y="0"/>
                  </a:moveTo>
                  <a:lnTo>
                    <a:pt x="233172" y="0"/>
                  </a:lnTo>
                  <a:lnTo>
                    <a:pt x="233172" y="3048"/>
                  </a:lnTo>
                  <a:lnTo>
                    <a:pt x="237744" y="3048"/>
                  </a:lnTo>
                  <a:lnTo>
                    <a:pt x="237744" y="0"/>
                  </a:lnTo>
                  <a:close/>
                </a:path>
                <a:path w="483235" h="3175">
                  <a:moveTo>
                    <a:pt x="243840" y="0"/>
                  </a:moveTo>
                  <a:lnTo>
                    <a:pt x="240792" y="0"/>
                  </a:lnTo>
                  <a:lnTo>
                    <a:pt x="240792" y="3048"/>
                  </a:lnTo>
                  <a:lnTo>
                    <a:pt x="243840" y="3048"/>
                  </a:lnTo>
                  <a:lnTo>
                    <a:pt x="243840" y="0"/>
                  </a:lnTo>
                  <a:close/>
                </a:path>
                <a:path w="483235" h="3175">
                  <a:moveTo>
                    <a:pt x="251460" y="0"/>
                  </a:moveTo>
                  <a:lnTo>
                    <a:pt x="246888" y="0"/>
                  </a:lnTo>
                  <a:lnTo>
                    <a:pt x="246888" y="3048"/>
                  </a:lnTo>
                  <a:lnTo>
                    <a:pt x="251460" y="3048"/>
                  </a:lnTo>
                  <a:lnTo>
                    <a:pt x="251460" y="0"/>
                  </a:lnTo>
                  <a:close/>
                </a:path>
                <a:path w="483235" h="3175">
                  <a:moveTo>
                    <a:pt x="257556" y="0"/>
                  </a:moveTo>
                  <a:lnTo>
                    <a:pt x="254508" y="0"/>
                  </a:lnTo>
                  <a:lnTo>
                    <a:pt x="254508" y="3048"/>
                  </a:lnTo>
                  <a:lnTo>
                    <a:pt x="257556" y="3048"/>
                  </a:lnTo>
                  <a:lnTo>
                    <a:pt x="257556" y="0"/>
                  </a:lnTo>
                  <a:close/>
                </a:path>
                <a:path w="483235" h="3175">
                  <a:moveTo>
                    <a:pt x="265176" y="0"/>
                  </a:moveTo>
                  <a:lnTo>
                    <a:pt x="260604" y="0"/>
                  </a:lnTo>
                  <a:lnTo>
                    <a:pt x="260604" y="3048"/>
                  </a:lnTo>
                  <a:lnTo>
                    <a:pt x="265176" y="3048"/>
                  </a:lnTo>
                  <a:lnTo>
                    <a:pt x="265176" y="0"/>
                  </a:lnTo>
                  <a:close/>
                </a:path>
                <a:path w="483235" h="3175">
                  <a:moveTo>
                    <a:pt x="271272" y="0"/>
                  </a:moveTo>
                  <a:lnTo>
                    <a:pt x="268224" y="0"/>
                  </a:lnTo>
                  <a:lnTo>
                    <a:pt x="268224" y="3048"/>
                  </a:lnTo>
                  <a:lnTo>
                    <a:pt x="271272" y="3048"/>
                  </a:lnTo>
                  <a:lnTo>
                    <a:pt x="271272" y="0"/>
                  </a:lnTo>
                  <a:close/>
                </a:path>
                <a:path w="483235" h="3175">
                  <a:moveTo>
                    <a:pt x="278892" y="0"/>
                  </a:moveTo>
                  <a:lnTo>
                    <a:pt x="274320" y="0"/>
                  </a:lnTo>
                  <a:lnTo>
                    <a:pt x="274320" y="3048"/>
                  </a:lnTo>
                  <a:lnTo>
                    <a:pt x="278892" y="3048"/>
                  </a:lnTo>
                  <a:lnTo>
                    <a:pt x="278892" y="0"/>
                  </a:lnTo>
                  <a:close/>
                </a:path>
                <a:path w="483235" h="3175">
                  <a:moveTo>
                    <a:pt x="284988" y="0"/>
                  </a:moveTo>
                  <a:lnTo>
                    <a:pt x="281940" y="0"/>
                  </a:lnTo>
                  <a:lnTo>
                    <a:pt x="281940" y="3048"/>
                  </a:lnTo>
                  <a:lnTo>
                    <a:pt x="284988" y="3048"/>
                  </a:lnTo>
                  <a:lnTo>
                    <a:pt x="284988" y="0"/>
                  </a:lnTo>
                  <a:close/>
                </a:path>
                <a:path w="483235" h="3175">
                  <a:moveTo>
                    <a:pt x="292608" y="0"/>
                  </a:moveTo>
                  <a:lnTo>
                    <a:pt x="288036" y="0"/>
                  </a:lnTo>
                  <a:lnTo>
                    <a:pt x="288036" y="3048"/>
                  </a:lnTo>
                  <a:lnTo>
                    <a:pt x="292608" y="3048"/>
                  </a:lnTo>
                  <a:lnTo>
                    <a:pt x="292608" y="0"/>
                  </a:lnTo>
                  <a:close/>
                </a:path>
                <a:path w="483235" h="3175">
                  <a:moveTo>
                    <a:pt x="298704" y="0"/>
                  </a:moveTo>
                  <a:lnTo>
                    <a:pt x="295656" y="0"/>
                  </a:lnTo>
                  <a:lnTo>
                    <a:pt x="295656" y="3048"/>
                  </a:lnTo>
                  <a:lnTo>
                    <a:pt x="298704" y="3048"/>
                  </a:lnTo>
                  <a:lnTo>
                    <a:pt x="298704" y="0"/>
                  </a:lnTo>
                  <a:close/>
                </a:path>
                <a:path w="483235" h="3175">
                  <a:moveTo>
                    <a:pt x="306324" y="0"/>
                  </a:moveTo>
                  <a:lnTo>
                    <a:pt x="301752" y="0"/>
                  </a:lnTo>
                  <a:lnTo>
                    <a:pt x="301752" y="3048"/>
                  </a:lnTo>
                  <a:lnTo>
                    <a:pt x="306324" y="3048"/>
                  </a:lnTo>
                  <a:lnTo>
                    <a:pt x="306324" y="0"/>
                  </a:lnTo>
                  <a:close/>
                </a:path>
                <a:path w="483235" h="3175">
                  <a:moveTo>
                    <a:pt x="312420" y="0"/>
                  </a:moveTo>
                  <a:lnTo>
                    <a:pt x="309372" y="0"/>
                  </a:lnTo>
                  <a:lnTo>
                    <a:pt x="309372" y="3048"/>
                  </a:lnTo>
                  <a:lnTo>
                    <a:pt x="312420" y="3048"/>
                  </a:lnTo>
                  <a:lnTo>
                    <a:pt x="312420" y="0"/>
                  </a:lnTo>
                  <a:close/>
                </a:path>
                <a:path w="483235" h="3175">
                  <a:moveTo>
                    <a:pt x="320040" y="0"/>
                  </a:moveTo>
                  <a:lnTo>
                    <a:pt x="315468" y="0"/>
                  </a:lnTo>
                  <a:lnTo>
                    <a:pt x="315468" y="3048"/>
                  </a:lnTo>
                  <a:lnTo>
                    <a:pt x="320040" y="3048"/>
                  </a:lnTo>
                  <a:lnTo>
                    <a:pt x="320040" y="0"/>
                  </a:lnTo>
                  <a:close/>
                </a:path>
                <a:path w="483235" h="3175">
                  <a:moveTo>
                    <a:pt x="326136" y="0"/>
                  </a:moveTo>
                  <a:lnTo>
                    <a:pt x="323088" y="0"/>
                  </a:lnTo>
                  <a:lnTo>
                    <a:pt x="323088" y="3048"/>
                  </a:lnTo>
                  <a:lnTo>
                    <a:pt x="326136" y="3048"/>
                  </a:lnTo>
                  <a:lnTo>
                    <a:pt x="326136" y="0"/>
                  </a:lnTo>
                  <a:close/>
                </a:path>
                <a:path w="483235" h="3175">
                  <a:moveTo>
                    <a:pt x="333756" y="0"/>
                  </a:moveTo>
                  <a:lnTo>
                    <a:pt x="329184" y="0"/>
                  </a:lnTo>
                  <a:lnTo>
                    <a:pt x="329184" y="3048"/>
                  </a:lnTo>
                  <a:lnTo>
                    <a:pt x="333756" y="3048"/>
                  </a:lnTo>
                  <a:lnTo>
                    <a:pt x="333756" y="0"/>
                  </a:lnTo>
                  <a:close/>
                </a:path>
                <a:path w="483235" h="3175">
                  <a:moveTo>
                    <a:pt x="339852" y="0"/>
                  </a:moveTo>
                  <a:lnTo>
                    <a:pt x="336804" y="0"/>
                  </a:lnTo>
                  <a:lnTo>
                    <a:pt x="336804" y="3048"/>
                  </a:lnTo>
                  <a:lnTo>
                    <a:pt x="339852" y="3048"/>
                  </a:lnTo>
                  <a:lnTo>
                    <a:pt x="339852" y="0"/>
                  </a:lnTo>
                  <a:close/>
                </a:path>
                <a:path w="483235" h="3175">
                  <a:moveTo>
                    <a:pt x="347472" y="0"/>
                  </a:moveTo>
                  <a:lnTo>
                    <a:pt x="342900" y="0"/>
                  </a:lnTo>
                  <a:lnTo>
                    <a:pt x="342900" y="3048"/>
                  </a:lnTo>
                  <a:lnTo>
                    <a:pt x="347472" y="3048"/>
                  </a:lnTo>
                  <a:lnTo>
                    <a:pt x="347472" y="0"/>
                  </a:lnTo>
                  <a:close/>
                </a:path>
                <a:path w="483235" h="3175">
                  <a:moveTo>
                    <a:pt x="353568" y="0"/>
                  </a:moveTo>
                  <a:lnTo>
                    <a:pt x="350520" y="0"/>
                  </a:lnTo>
                  <a:lnTo>
                    <a:pt x="350520" y="3048"/>
                  </a:lnTo>
                  <a:lnTo>
                    <a:pt x="353568" y="3048"/>
                  </a:lnTo>
                  <a:lnTo>
                    <a:pt x="353568" y="0"/>
                  </a:lnTo>
                  <a:close/>
                </a:path>
                <a:path w="483235" h="3175">
                  <a:moveTo>
                    <a:pt x="361188" y="0"/>
                  </a:moveTo>
                  <a:lnTo>
                    <a:pt x="356616" y="0"/>
                  </a:lnTo>
                  <a:lnTo>
                    <a:pt x="356616" y="3048"/>
                  </a:lnTo>
                  <a:lnTo>
                    <a:pt x="361188" y="3048"/>
                  </a:lnTo>
                  <a:lnTo>
                    <a:pt x="361188" y="0"/>
                  </a:lnTo>
                  <a:close/>
                </a:path>
                <a:path w="483235" h="3175">
                  <a:moveTo>
                    <a:pt x="367284" y="0"/>
                  </a:moveTo>
                  <a:lnTo>
                    <a:pt x="364236" y="0"/>
                  </a:lnTo>
                  <a:lnTo>
                    <a:pt x="364236" y="3048"/>
                  </a:lnTo>
                  <a:lnTo>
                    <a:pt x="367284" y="3048"/>
                  </a:lnTo>
                  <a:lnTo>
                    <a:pt x="367284" y="0"/>
                  </a:lnTo>
                  <a:close/>
                </a:path>
                <a:path w="483235" h="3175">
                  <a:moveTo>
                    <a:pt x="374904" y="0"/>
                  </a:moveTo>
                  <a:lnTo>
                    <a:pt x="370332" y="0"/>
                  </a:lnTo>
                  <a:lnTo>
                    <a:pt x="370332" y="3048"/>
                  </a:lnTo>
                  <a:lnTo>
                    <a:pt x="374904" y="3048"/>
                  </a:lnTo>
                  <a:lnTo>
                    <a:pt x="374904" y="0"/>
                  </a:lnTo>
                  <a:close/>
                </a:path>
                <a:path w="483235" h="3175">
                  <a:moveTo>
                    <a:pt x="381000" y="0"/>
                  </a:moveTo>
                  <a:lnTo>
                    <a:pt x="377952" y="0"/>
                  </a:lnTo>
                  <a:lnTo>
                    <a:pt x="377952" y="3048"/>
                  </a:lnTo>
                  <a:lnTo>
                    <a:pt x="381000" y="3048"/>
                  </a:lnTo>
                  <a:lnTo>
                    <a:pt x="381000" y="0"/>
                  </a:lnTo>
                  <a:close/>
                </a:path>
                <a:path w="483235" h="3175">
                  <a:moveTo>
                    <a:pt x="388620" y="0"/>
                  </a:moveTo>
                  <a:lnTo>
                    <a:pt x="384048" y="0"/>
                  </a:lnTo>
                  <a:lnTo>
                    <a:pt x="384048" y="3048"/>
                  </a:lnTo>
                  <a:lnTo>
                    <a:pt x="388620" y="3048"/>
                  </a:lnTo>
                  <a:lnTo>
                    <a:pt x="388620"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1" name="object 11"/>
            <p:cNvSpPr/>
            <p:nvPr/>
          </p:nvSpPr>
          <p:spPr>
            <a:xfrm>
              <a:off x="3003804"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8768" y="0"/>
                  </a:lnTo>
                  <a:lnTo>
                    <a:pt x="48768"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2484" y="0"/>
                  </a:lnTo>
                  <a:lnTo>
                    <a:pt x="62484"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6200" y="0"/>
                  </a:lnTo>
                  <a:lnTo>
                    <a:pt x="76200"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9916" y="0"/>
                  </a:lnTo>
                  <a:lnTo>
                    <a:pt x="89916"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3632" y="0"/>
                  </a:lnTo>
                  <a:lnTo>
                    <a:pt x="103632"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7348" y="0"/>
                  </a:lnTo>
                  <a:lnTo>
                    <a:pt x="117348"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31064" y="0"/>
                  </a:lnTo>
                  <a:lnTo>
                    <a:pt x="131064"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4780" y="0"/>
                  </a:lnTo>
                  <a:lnTo>
                    <a:pt x="144780"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8496" y="0"/>
                  </a:lnTo>
                  <a:lnTo>
                    <a:pt x="158496"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2212" y="0"/>
                  </a:lnTo>
                  <a:lnTo>
                    <a:pt x="172212"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5928" y="0"/>
                  </a:lnTo>
                  <a:lnTo>
                    <a:pt x="185928"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9644" y="0"/>
                  </a:lnTo>
                  <a:lnTo>
                    <a:pt x="199644"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3360" y="0"/>
                  </a:lnTo>
                  <a:lnTo>
                    <a:pt x="213360"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7076" y="0"/>
                  </a:lnTo>
                  <a:lnTo>
                    <a:pt x="227076"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40792" y="0"/>
                  </a:lnTo>
                  <a:lnTo>
                    <a:pt x="240792"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4508" y="0"/>
                  </a:lnTo>
                  <a:lnTo>
                    <a:pt x="254508" y="3048"/>
                  </a:lnTo>
                  <a:lnTo>
                    <a:pt x="257556" y="3048"/>
                  </a:lnTo>
                  <a:lnTo>
                    <a:pt x="257556" y="0"/>
                  </a:lnTo>
                  <a:close/>
                </a:path>
                <a:path w="483235" h="3175">
                  <a:moveTo>
                    <a:pt x="263639" y="0"/>
                  </a:moveTo>
                  <a:lnTo>
                    <a:pt x="260604" y="0"/>
                  </a:lnTo>
                  <a:lnTo>
                    <a:pt x="260604" y="3048"/>
                  </a:lnTo>
                  <a:lnTo>
                    <a:pt x="263639" y="3048"/>
                  </a:lnTo>
                  <a:lnTo>
                    <a:pt x="263639" y="0"/>
                  </a:lnTo>
                  <a:close/>
                </a:path>
                <a:path w="483235" h="3175">
                  <a:moveTo>
                    <a:pt x="271272" y="0"/>
                  </a:moveTo>
                  <a:lnTo>
                    <a:pt x="268224" y="0"/>
                  </a:lnTo>
                  <a:lnTo>
                    <a:pt x="268224"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75" y="0"/>
                  </a:moveTo>
                  <a:lnTo>
                    <a:pt x="281940" y="0"/>
                  </a:lnTo>
                  <a:lnTo>
                    <a:pt x="281940" y="3048"/>
                  </a:lnTo>
                  <a:lnTo>
                    <a:pt x="284975" y="3048"/>
                  </a:lnTo>
                  <a:lnTo>
                    <a:pt x="284975" y="0"/>
                  </a:lnTo>
                  <a:close/>
                </a:path>
                <a:path w="483235" h="3175">
                  <a:moveTo>
                    <a:pt x="291084" y="0"/>
                  </a:moveTo>
                  <a:lnTo>
                    <a:pt x="288036" y="0"/>
                  </a:lnTo>
                  <a:lnTo>
                    <a:pt x="288036" y="3048"/>
                  </a:lnTo>
                  <a:lnTo>
                    <a:pt x="291084" y="3048"/>
                  </a:lnTo>
                  <a:lnTo>
                    <a:pt x="291084" y="0"/>
                  </a:lnTo>
                  <a:close/>
                </a:path>
                <a:path w="483235" h="3175">
                  <a:moveTo>
                    <a:pt x="298704" y="0"/>
                  </a:moveTo>
                  <a:lnTo>
                    <a:pt x="295656" y="0"/>
                  </a:lnTo>
                  <a:lnTo>
                    <a:pt x="295656" y="3048"/>
                  </a:lnTo>
                  <a:lnTo>
                    <a:pt x="298704" y="3048"/>
                  </a:lnTo>
                  <a:lnTo>
                    <a:pt x="298704" y="0"/>
                  </a:lnTo>
                  <a:close/>
                </a:path>
                <a:path w="483235" h="3175">
                  <a:moveTo>
                    <a:pt x="304787" y="0"/>
                  </a:moveTo>
                  <a:lnTo>
                    <a:pt x="301739" y="0"/>
                  </a:lnTo>
                  <a:lnTo>
                    <a:pt x="301739" y="3048"/>
                  </a:lnTo>
                  <a:lnTo>
                    <a:pt x="304787" y="3048"/>
                  </a:lnTo>
                  <a:lnTo>
                    <a:pt x="304787" y="0"/>
                  </a:lnTo>
                  <a:close/>
                </a:path>
                <a:path w="483235" h="3175">
                  <a:moveTo>
                    <a:pt x="312420" y="0"/>
                  </a:moveTo>
                  <a:lnTo>
                    <a:pt x="309372" y="0"/>
                  </a:lnTo>
                  <a:lnTo>
                    <a:pt x="309372"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3075" y="0"/>
                  </a:lnTo>
                  <a:lnTo>
                    <a:pt x="323075"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2" name="object 12"/>
            <p:cNvSpPr/>
            <p:nvPr/>
          </p:nvSpPr>
          <p:spPr>
            <a:xfrm>
              <a:off x="3483864"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4676" y="0"/>
                  </a:lnTo>
                  <a:lnTo>
                    <a:pt x="74676"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29540" y="0"/>
                  </a:lnTo>
                  <a:lnTo>
                    <a:pt x="129540"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3256" y="0"/>
                  </a:lnTo>
                  <a:lnTo>
                    <a:pt x="143256"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6972" y="0"/>
                  </a:lnTo>
                  <a:lnTo>
                    <a:pt x="156972"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0688" y="0"/>
                  </a:lnTo>
                  <a:lnTo>
                    <a:pt x="170688"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4404" y="0"/>
                  </a:lnTo>
                  <a:lnTo>
                    <a:pt x="184404"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8120" y="0"/>
                  </a:lnTo>
                  <a:lnTo>
                    <a:pt x="198120"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1836" y="0"/>
                  </a:lnTo>
                  <a:lnTo>
                    <a:pt x="211836"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5552" y="0"/>
                  </a:lnTo>
                  <a:lnTo>
                    <a:pt x="225552"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39268" y="0"/>
                  </a:lnTo>
                  <a:lnTo>
                    <a:pt x="239268"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2984" y="0"/>
                  </a:lnTo>
                  <a:lnTo>
                    <a:pt x="252984"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6700" y="0"/>
                  </a:lnTo>
                  <a:lnTo>
                    <a:pt x="266700"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0416" y="0"/>
                  </a:lnTo>
                  <a:lnTo>
                    <a:pt x="280416"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4132" y="0"/>
                  </a:lnTo>
                  <a:lnTo>
                    <a:pt x="294132"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7848" y="0"/>
                  </a:lnTo>
                  <a:lnTo>
                    <a:pt x="307848"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1564" y="0"/>
                  </a:lnTo>
                  <a:lnTo>
                    <a:pt x="321564"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5280" y="0"/>
                  </a:lnTo>
                  <a:lnTo>
                    <a:pt x="335280"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48996" y="0"/>
                  </a:lnTo>
                  <a:lnTo>
                    <a:pt x="348996"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2712" y="0"/>
                  </a:lnTo>
                  <a:lnTo>
                    <a:pt x="362712"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6428" y="0"/>
                  </a:lnTo>
                  <a:lnTo>
                    <a:pt x="376428"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0144" y="0"/>
                  </a:lnTo>
                  <a:lnTo>
                    <a:pt x="390144"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3860" y="0"/>
                  </a:lnTo>
                  <a:lnTo>
                    <a:pt x="403860"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7576" y="0"/>
                  </a:lnTo>
                  <a:lnTo>
                    <a:pt x="417576"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1292" y="0"/>
                  </a:lnTo>
                  <a:lnTo>
                    <a:pt x="431292"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5008" y="0"/>
                  </a:lnTo>
                  <a:lnTo>
                    <a:pt x="445008"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58724" y="0"/>
                  </a:lnTo>
                  <a:lnTo>
                    <a:pt x="458724"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3" name="object 13"/>
            <p:cNvSpPr/>
            <p:nvPr/>
          </p:nvSpPr>
          <p:spPr>
            <a:xfrm>
              <a:off x="3963924"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4676" y="0"/>
                  </a:lnTo>
                  <a:lnTo>
                    <a:pt x="74676"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29540" y="0"/>
                  </a:lnTo>
                  <a:lnTo>
                    <a:pt x="129540"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3256" y="0"/>
                  </a:lnTo>
                  <a:lnTo>
                    <a:pt x="143256"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6972" y="0"/>
                  </a:lnTo>
                  <a:lnTo>
                    <a:pt x="156972"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4320" y="0"/>
                  </a:lnTo>
                  <a:lnTo>
                    <a:pt x="274320"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8036" y="0"/>
                  </a:lnTo>
                  <a:lnTo>
                    <a:pt x="288036"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1752" y="0"/>
                  </a:lnTo>
                  <a:lnTo>
                    <a:pt x="301752"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5468" y="0"/>
                  </a:lnTo>
                  <a:lnTo>
                    <a:pt x="315468"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9184" y="0"/>
                  </a:lnTo>
                  <a:lnTo>
                    <a:pt x="329184"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2900" y="0"/>
                  </a:lnTo>
                  <a:lnTo>
                    <a:pt x="342900"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6616" y="0"/>
                  </a:lnTo>
                  <a:lnTo>
                    <a:pt x="356616"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70332" y="0"/>
                  </a:lnTo>
                  <a:lnTo>
                    <a:pt x="370332"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4048" y="0"/>
                  </a:lnTo>
                  <a:lnTo>
                    <a:pt x="384048"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7764" y="0"/>
                  </a:lnTo>
                  <a:lnTo>
                    <a:pt x="397764"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11480" y="0"/>
                  </a:lnTo>
                  <a:lnTo>
                    <a:pt x="411480"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5196" y="0"/>
                  </a:lnTo>
                  <a:lnTo>
                    <a:pt x="425196"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8912" y="0"/>
                  </a:lnTo>
                  <a:lnTo>
                    <a:pt x="438912"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2628" y="0"/>
                  </a:lnTo>
                  <a:lnTo>
                    <a:pt x="452628"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6344" y="0"/>
                  </a:lnTo>
                  <a:lnTo>
                    <a:pt x="466344"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4" name="object 14"/>
            <p:cNvSpPr/>
            <p:nvPr/>
          </p:nvSpPr>
          <p:spPr>
            <a:xfrm>
              <a:off x="4443984"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9144" y="0"/>
                  </a:moveTo>
                  <a:lnTo>
                    <a:pt x="6096" y="0"/>
                  </a:lnTo>
                  <a:lnTo>
                    <a:pt x="6096" y="3048"/>
                  </a:lnTo>
                  <a:lnTo>
                    <a:pt x="9144" y="3048"/>
                  </a:lnTo>
                  <a:lnTo>
                    <a:pt x="9144" y="0"/>
                  </a:lnTo>
                  <a:close/>
                </a:path>
                <a:path w="483235" h="3175">
                  <a:moveTo>
                    <a:pt x="16764" y="0"/>
                  </a:moveTo>
                  <a:lnTo>
                    <a:pt x="13716" y="0"/>
                  </a:lnTo>
                  <a:lnTo>
                    <a:pt x="13716" y="3048"/>
                  </a:lnTo>
                  <a:lnTo>
                    <a:pt x="16764" y="3048"/>
                  </a:lnTo>
                  <a:lnTo>
                    <a:pt x="16764" y="0"/>
                  </a:lnTo>
                  <a:close/>
                </a:path>
                <a:path w="483235" h="3175">
                  <a:moveTo>
                    <a:pt x="22860" y="0"/>
                  </a:moveTo>
                  <a:lnTo>
                    <a:pt x="19812" y="0"/>
                  </a:lnTo>
                  <a:lnTo>
                    <a:pt x="19812" y="3048"/>
                  </a:lnTo>
                  <a:lnTo>
                    <a:pt x="22860" y="3048"/>
                  </a:lnTo>
                  <a:lnTo>
                    <a:pt x="22860" y="0"/>
                  </a:lnTo>
                  <a:close/>
                </a:path>
                <a:path w="483235" h="3175">
                  <a:moveTo>
                    <a:pt x="30480" y="0"/>
                  </a:moveTo>
                  <a:lnTo>
                    <a:pt x="27432" y="0"/>
                  </a:lnTo>
                  <a:lnTo>
                    <a:pt x="27432" y="3048"/>
                  </a:lnTo>
                  <a:lnTo>
                    <a:pt x="30480" y="3048"/>
                  </a:lnTo>
                  <a:lnTo>
                    <a:pt x="30480" y="0"/>
                  </a:lnTo>
                  <a:close/>
                </a:path>
                <a:path w="483235" h="3175">
                  <a:moveTo>
                    <a:pt x="36576" y="0"/>
                  </a:moveTo>
                  <a:lnTo>
                    <a:pt x="33528" y="0"/>
                  </a:lnTo>
                  <a:lnTo>
                    <a:pt x="33528" y="3048"/>
                  </a:lnTo>
                  <a:lnTo>
                    <a:pt x="36576" y="3048"/>
                  </a:lnTo>
                  <a:lnTo>
                    <a:pt x="36576" y="0"/>
                  </a:lnTo>
                  <a:close/>
                </a:path>
                <a:path w="483235" h="3175">
                  <a:moveTo>
                    <a:pt x="44196" y="0"/>
                  </a:moveTo>
                  <a:lnTo>
                    <a:pt x="41148" y="0"/>
                  </a:lnTo>
                  <a:lnTo>
                    <a:pt x="41148" y="3048"/>
                  </a:lnTo>
                  <a:lnTo>
                    <a:pt x="44196" y="3048"/>
                  </a:lnTo>
                  <a:lnTo>
                    <a:pt x="44196" y="0"/>
                  </a:lnTo>
                  <a:close/>
                </a:path>
                <a:path w="483235" h="3175">
                  <a:moveTo>
                    <a:pt x="50292" y="0"/>
                  </a:moveTo>
                  <a:lnTo>
                    <a:pt x="47244" y="0"/>
                  </a:lnTo>
                  <a:lnTo>
                    <a:pt x="47244" y="3048"/>
                  </a:lnTo>
                  <a:lnTo>
                    <a:pt x="50292" y="3048"/>
                  </a:lnTo>
                  <a:lnTo>
                    <a:pt x="50292" y="0"/>
                  </a:lnTo>
                  <a:close/>
                </a:path>
                <a:path w="483235" h="3175">
                  <a:moveTo>
                    <a:pt x="57912" y="0"/>
                  </a:moveTo>
                  <a:lnTo>
                    <a:pt x="54864" y="0"/>
                  </a:lnTo>
                  <a:lnTo>
                    <a:pt x="54864" y="3048"/>
                  </a:lnTo>
                  <a:lnTo>
                    <a:pt x="57912" y="3048"/>
                  </a:lnTo>
                  <a:lnTo>
                    <a:pt x="57912" y="0"/>
                  </a:lnTo>
                  <a:close/>
                </a:path>
                <a:path w="483235" h="3175">
                  <a:moveTo>
                    <a:pt x="64008" y="0"/>
                  </a:moveTo>
                  <a:lnTo>
                    <a:pt x="60960" y="0"/>
                  </a:lnTo>
                  <a:lnTo>
                    <a:pt x="60960" y="3048"/>
                  </a:lnTo>
                  <a:lnTo>
                    <a:pt x="64008" y="3048"/>
                  </a:lnTo>
                  <a:lnTo>
                    <a:pt x="64008" y="0"/>
                  </a:lnTo>
                  <a:close/>
                </a:path>
                <a:path w="483235" h="3175">
                  <a:moveTo>
                    <a:pt x="71628" y="0"/>
                  </a:moveTo>
                  <a:lnTo>
                    <a:pt x="68580" y="0"/>
                  </a:lnTo>
                  <a:lnTo>
                    <a:pt x="68580" y="3048"/>
                  </a:lnTo>
                  <a:lnTo>
                    <a:pt x="71628" y="3048"/>
                  </a:lnTo>
                  <a:lnTo>
                    <a:pt x="71628" y="0"/>
                  </a:lnTo>
                  <a:close/>
                </a:path>
                <a:path w="483235" h="3175">
                  <a:moveTo>
                    <a:pt x="77724" y="0"/>
                  </a:moveTo>
                  <a:lnTo>
                    <a:pt x="74676" y="0"/>
                  </a:lnTo>
                  <a:lnTo>
                    <a:pt x="74676" y="3048"/>
                  </a:lnTo>
                  <a:lnTo>
                    <a:pt x="77724" y="3048"/>
                  </a:lnTo>
                  <a:lnTo>
                    <a:pt x="77724" y="0"/>
                  </a:lnTo>
                  <a:close/>
                </a:path>
                <a:path w="483235" h="3175">
                  <a:moveTo>
                    <a:pt x="85344" y="0"/>
                  </a:moveTo>
                  <a:lnTo>
                    <a:pt x="82296" y="0"/>
                  </a:lnTo>
                  <a:lnTo>
                    <a:pt x="82296" y="3048"/>
                  </a:lnTo>
                  <a:lnTo>
                    <a:pt x="85344" y="3048"/>
                  </a:lnTo>
                  <a:lnTo>
                    <a:pt x="85344" y="0"/>
                  </a:lnTo>
                  <a:close/>
                </a:path>
                <a:path w="483235" h="3175">
                  <a:moveTo>
                    <a:pt x="91440" y="0"/>
                  </a:moveTo>
                  <a:lnTo>
                    <a:pt x="88392" y="0"/>
                  </a:lnTo>
                  <a:lnTo>
                    <a:pt x="88392" y="3048"/>
                  </a:lnTo>
                  <a:lnTo>
                    <a:pt x="91440" y="3048"/>
                  </a:lnTo>
                  <a:lnTo>
                    <a:pt x="91440" y="0"/>
                  </a:lnTo>
                  <a:close/>
                </a:path>
                <a:path w="483235" h="3175">
                  <a:moveTo>
                    <a:pt x="99060" y="0"/>
                  </a:moveTo>
                  <a:lnTo>
                    <a:pt x="96012" y="0"/>
                  </a:lnTo>
                  <a:lnTo>
                    <a:pt x="96012" y="3048"/>
                  </a:lnTo>
                  <a:lnTo>
                    <a:pt x="99060" y="3048"/>
                  </a:lnTo>
                  <a:lnTo>
                    <a:pt x="99060" y="0"/>
                  </a:lnTo>
                  <a:close/>
                </a:path>
                <a:path w="483235" h="3175">
                  <a:moveTo>
                    <a:pt x="105156" y="0"/>
                  </a:moveTo>
                  <a:lnTo>
                    <a:pt x="102108" y="0"/>
                  </a:lnTo>
                  <a:lnTo>
                    <a:pt x="102108" y="3048"/>
                  </a:lnTo>
                  <a:lnTo>
                    <a:pt x="105156" y="3048"/>
                  </a:lnTo>
                  <a:lnTo>
                    <a:pt x="105156" y="0"/>
                  </a:lnTo>
                  <a:close/>
                </a:path>
                <a:path w="483235" h="3175">
                  <a:moveTo>
                    <a:pt x="112776" y="0"/>
                  </a:moveTo>
                  <a:lnTo>
                    <a:pt x="109728" y="0"/>
                  </a:lnTo>
                  <a:lnTo>
                    <a:pt x="109728" y="3048"/>
                  </a:lnTo>
                  <a:lnTo>
                    <a:pt x="112776" y="3048"/>
                  </a:lnTo>
                  <a:lnTo>
                    <a:pt x="112776" y="0"/>
                  </a:lnTo>
                  <a:close/>
                </a:path>
                <a:path w="483235" h="3175">
                  <a:moveTo>
                    <a:pt x="118872" y="0"/>
                  </a:moveTo>
                  <a:lnTo>
                    <a:pt x="115824" y="0"/>
                  </a:lnTo>
                  <a:lnTo>
                    <a:pt x="115824" y="3048"/>
                  </a:lnTo>
                  <a:lnTo>
                    <a:pt x="118872" y="3048"/>
                  </a:lnTo>
                  <a:lnTo>
                    <a:pt x="118872"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4320" y="0"/>
                  </a:lnTo>
                  <a:lnTo>
                    <a:pt x="274320"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8036" y="0"/>
                  </a:lnTo>
                  <a:lnTo>
                    <a:pt x="288036"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1752" y="0"/>
                  </a:lnTo>
                  <a:lnTo>
                    <a:pt x="301752"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3944" y="0"/>
                  </a:lnTo>
                  <a:lnTo>
                    <a:pt x="313944"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7660" y="0"/>
                  </a:lnTo>
                  <a:lnTo>
                    <a:pt x="327660"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1376" y="0"/>
                  </a:lnTo>
                  <a:lnTo>
                    <a:pt x="341376"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5092" y="0"/>
                  </a:lnTo>
                  <a:lnTo>
                    <a:pt x="355092"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68808" y="0"/>
                  </a:lnTo>
                  <a:lnTo>
                    <a:pt x="368808"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2524" y="0"/>
                  </a:lnTo>
                  <a:lnTo>
                    <a:pt x="382524"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6240" y="0"/>
                  </a:lnTo>
                  <a:lnTo>
                    <a:pt x="396240"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09956" y="0"/>
                  </a:lnTo>
                  <a:lnTo>
                    <a:pt x="409956"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3672" y="0"/>
                  </a:lnTo>
                  <a:lnTo>
                    <a:pt x="423672"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7388" y="0"/>
                  </a:lnTo>
                  <a:lnTo>
                    <a:pt x="437388"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1104" y="0"/>
                  </a:lnTo>
                  <a:lnTo>
                    <a:pt x="451104"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4820" y="0"/>
                  </a:lnTo>
                  <a:lnTo>
                    <a:pt x="464820"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15" name="object 15"/>
            <p:cNvSpPr/>
            <p:nvPr/>
          </p:nvSpPr>
          <p:spPr>
            <a:xfrm>
              <a:off x="4922520" y="6196583"/>
              <a:ext cx="483234" cy="3175"/>
            </a:xfrm>
            <a:custGeom>
              <a:avLst/>
              <a:gdLst/>
              <a:ahLst/>
              <a:cxnLst/>
              <a:rect l="l" t="t" r="r" b="b"/>
              <a:pathLst>
                <a:path w="483235" h="3175">
                  <a:moveTo>
                    <a:pt x="4572" y="0"/>
                  </a:moveTo>
                  <a:lnTo>
                    <a:pt x="0" y="0"/>
                  </a:lnTo>
                  <a:lnTo>
                    <a:pt x="0" y="3048"/>
                  </a:lnTo>
                  <a:lnTo>
                    <a:pt x="4572" y="3048"/>
                  </a:lnTo>
                  <a:lnTo>
                    <a:pt x="4572" y="0"/>
                  </a:lnTo>
                  <a:close/>
                </a:path>
                <a:path w="483235" h="3175">
                  <a:moveTo>
                    <a:pt x="10668" y="0"/>
                  </a:moveTo>
                  <a:lnTo>
                    <a:pt x="7620" y="0"/>
                  </a:lnTo>
                  <a:lnTo>
                    <a:pt x="7620" y="3048"/>
                  </a:lnTo>
                  <a:lnTo>
                    <a:pt x="10668" y="3048"/>
                  </a:lnTo>
                  <a:lnTo>
                    <a:pt x="10668" y="0"/>
                  </a:lnTo>
                  <a:close/>
                </a:path>
                <a:path w="483235" h="3175">
                  <a:moveTo>
                    <a:pt x="18288" y="0"/>
                  </a:moveTo>
                  <a:lnTo>
                    <a:pt x="13716" y="0"/>
                  </a:lnTo>
                  <a:lnTo>
                    <a:pt x="13716" y="3048"/>
                  </a:lnTo>
                  <a:lnTo>
                    <a:pt x="18288" y="3048"/>
                  </a:lnTo>
                  <a:lnTo>
                    <a:pt x="18288" y="0"/>
                  </a:lnTo>
                  <a:close/>
                </a:path>
                <a:path w="483235" h="3175">
                  <a:moveTo>
                    <a:pt x="24384" y="0"/>
                  </a:moveTo>
                  <a:lnTo>
                    <a:pt x="21336" y="0"/>
                  </a:lnTo>
                  <a:lnTo>
                    <a:pt x="21336" y="3048"/>
                  </a:lnTo>
                  <a:lnTo>
                    <a:pt x="24384" y="3048"/>
                  </a:lnTo>
                  <a:lnTo>
                    <a:pt x="24384" y="0"/>
                  </a:lnTo>
                  <a:close/>
                </a:path>
                <a:path w="483235" h="3175">
                  <a:moveTo>
                    <a:pt x="32004" y="0"/>
                  </a:moveTo>
                  <a:lnTo>
                    <a:pt x="27432" y="0"/>
                  </a:lnTo>
                  <a:lnTo>
                    <a:pt x="27432" y="3048"/>
                  </a:lnTo>
                  <a:lnTo>
                    <a:pt x="32004" y="3048"/>
                  </a:lnTo>
                  <a:lnTo>
                    <a:pt x="32004" y="0"/>
                  </a:lnTo>
                  <a:close/>
                </a:path>
                <a:path w="483235" h="3175">
                  <a:moveTo>
                    <a:pt x="38100" y="0"/>
                  </a:moveTo>
                  <a:lnTo>
                    <a:pt x="35052" y="0"/>
                  </a:lnTo>
                  <a:lnTo>
                    <a:pt x="35052" y="3048"/>
                  </a:lnTo>
                  <a:lnTo>
                    <a:pt x="38100" y="3048"/>
                  </a:lnTo>
                  <a:lnTo>
                    <a:pt x="38100" y="0"/>
                  </a:lnTo>
                  <a:close/>
                </a:path>
                <a:path w="483235" h="3175">
                  <a:moveTo>
                    <a:pt x="45720" y="0"/>
                  </a:moveTo>
                  <a:lnTo>
                    <a:pt x="41148" y="0"/>
                  </a:lnTo>
                  <a:lnTo>
                    <a:pt x="41148" y="3048"/>
                  </a:lnTo>
                  <a:lnTo>
                    <a:pt x="45720" y="3048"/>
                  </a:lnTo>
                  <a:lnTo>
                    <a:pt x="45720" y="0"/>
                  </a:lnTo>
                  <a:close/>
                </a:path>
                <a:path w="483235" h="3175">
                  <a:moveTo>
                    <a:pt x="51816" y="0"/>
                  </a:moveTo>
                  <a:lnTo>
                    <a:pt x="48768" y="0"/>
                  </a:lnTo>
                  <a:lnTo>
                    <a:pt x="48768" y="3048"/>
                  </a:lnTo>
                  <a:lnTo>
                    <a:pt x="51816" y="3048"/>
                  </a:lnTo>
                  <a:lnTo>
                    <a:pt x="51816" y="0"/>
                  </a:lnTo>
                  <a:close/>
                </a:path>
                <a:path w="483235" h="3175">
                  <a:moveTo>
                    <a:pt x="59436" y="0"/>
                  </a:moveTo>
                  <a:lnTo>
                    <a:pt x="54864" y="0"/>
                  </a:lnTo>
                  <a:lnTo>
                    <a:pt x="54864" y="3048"/>
                  </a:lnTo>
                  <a:lnTo>
                    <a:pt x="59436" y="3048"/>
                  </a:lnTo>
                  <a:lnTo>
                    <a:pt x="59436" y="0"/>
                  </a:lnTo>
                  <a:close/>
                </a:path>
                <a:path w="483235" h="3175">
                  <a:moveTo>
                    <a:pt x="65532" y="0"/>
                  </a:moveTo>
                  <a:lnTo>
                    <a:pt x="62484" y="0"/>
                  </a:lnTo>
                  <a:lnTo>
                    <a:pt x="62484" y="3048"/>
                  </a:lnTo>
                  <a:lnTo>
                    <a:pt x="65532" y="3048"/>
                  </a:lnTo>
                  <a:lnTo>
                    <a:pt x="65532" y="0"/>
                  </a:lnTo>
                  <a:close/>
                </a:path>
                <a:path w="483235" h="3175">
                  <a:moveTo>
                    <a:pt x="73152" y="0"/>
                  </a:moveTo>
                  <a:lnTo>
                    <a:pt x="68580" y="0"/>
                  </a:lnTo>
                  <a:lnTo>
                    <a:pt x="68580" y="3048"/>
                  </a:lnTo>
                  <a:lnTo>
                    <a:pt x="73152" y="3048"/>
                  </a:lnTo>
                  <a:lnTo>
                    <a:pt x="73152" y="0"/>
                  </a:lnTo>
                  <a:close/>
                </a:path>
                <a:path w="483235" h="3175">
                  <a:moveTo>
                    <a:pt x="79248" y="0"/>
                  </a:moveTo>
                  <a:lnTo>
                    <a:pt x="76200" y="0"/>
                  </a:lnTo>
                  <a:lnTo>
                    <a:pt x="76200" y="3048"/>
                  </a:lnTo>
                  <a:lnTo>
                    <a:pt x="79248" y="3048"/>
                  </a:lnTo>
                  <a:lnTo>
                    <a:pt x="79248" y="0"/>
                  </a:lnTo>
                  <a:close/>
                </a:path>
                <a:path w="483235" h="3175">
                  <a:moveTo>
                    <a:pt x="86868" y="0"/>
                  </a:moveTo>
                  <a:lnTo>
                    <a:pt x="82296" y="0"/>
                  </a:lnTo>
                  <a:lnTo>
                    <a:pt x="82296" y="3048"/>
                  </a:lnTo>
                  <a:lnTo>
                    <a:pt x="86868" y="3048"/>
                  </a:lnTo>
                  <a:lnTo>
                    <a:pt x="86868" y="0"/>
                  </a:lnTo>
                  <a:close/>
                </a:path>
                <a:path w="483235" h="3175">
                  <a:moveTo>
                    <a:pt x="92964" y="0"/>
                  </a:moveTo>
                  <a:lnTo>
                    <a:pt x="89916" y="0"/>
                  </a:lnTo>
                  <a:lnTo>
                    <a:pt x="89916" y="3048"/>
                  </a:lnTo>
                  <a:lnTo>
                    <a:pt x="92964" y="3048"/>
                  </a:lnTo>
                  <a:lnTo>
                    <a:pt x="92964" y="0"/>
                  </a:lnTo>
                  <a:close/>
                </a:path>
                <a:path w="483235" h="3175">
                  <a:moveTo>
                    <a:pt x="100584" y="0"/>
                  </a:moveTo>
                  <a:lnTo>
                    <a:pt x="96012" y="0"/>
                  </a:lnTo>
                  <a:lnTo>
                    <a:pt x="96012" y="3048"/>
                  </a:lnTo>
                  <a:lnTo>
                    <a:pt x="100584" y="3048"/>
                  </a:lnTo>
                  <a:lnTo>
                    <a:pt x="100584" y="0"/>
                  </a:lnTo>
                  <a:close/>
                </a:path>
                <a:path w="483235" h="3175">
                  <a:moveTo>
                    <a:pt x="106680" y="0"/>
                  </a:moveTo>
                  <a:lnTo>
                    <a:pt x="103632" y="0"/>
                  </a:lnTo>
                  <a:lnTo>
                    <a:pt x="103632" y="3048"/>
                  </a:lnTo>
                  <a:lnTo>
                    <a:pt x="106680" y="3048"/>
                  </a:lnTo>
                  <a:lnTo>
                    <a:pt x="106680" y="0"/>
                  </a:lnTo>
                  <a:close/>
                </a:path>
                <a:path w="483235" h="3175">
                  <a:moveTo>
                    <a:pt x="114300" y="0"/>
                  </a:moveTo>
                  <a:lnTo>
                    <a:pt x="109728" y="0"/>
                  </a:lnTo>
                  <a:lnTo>
                    <a:pt x="109728" y="3048"/>
                  </a:lnTo>
                  <a:lnTo>
                    <a:pt x="114300" y="3048"/>
                  </a:lnTo>
                  <a:lnTo>
                    <a:pt x="114300" y="0"/>
                  </a:lnTo>
                  <a:close/>
                </a:path>
                <a:path w="483235" h="3175">
                  <a:moveTo>
                    <a:pt x="120396" y="0"/>
                  </a:moveTo>
                  <a:lnTo>
                    <a:pt x="117348" y="0"/>
                  </a:lnTo>
                  <a:lnTo>
                    <a:pt x="117348" y="3048"/>
                  </a:lnTo>
                  <a:lnTo>
                    <a:pt x="120396" y="3048"/>
                  </a:lnTo>
                  <a:lnTo>
                    <a:pt x="120396" y="0"/>
                  </a:lnTo>
                  <a:close/>
                </a:path>
                <a:path w="483235" h="3175">
                  <a:moveTo>
                    <a:pt x="128016" y="0"/>
                  </a:moveTo>
                  <a:lnTo>
                    <a:pt x="123444" y="0"/>
                  </a:lnTo>
                  <a:lnTo>
                    <a:pt x="123444" y="3048"/>
                  </a:lnTo>
                  <a:lnTo>
                    <a:pt x="128016" y="3048"/>
                  </a:lnTo>
                  <a:lnTo>
                    <a:pt x="128016" y="0"/>
                  </a:lnTo>
                  <a:close/>
                </a:path>
                <a:path w="483235" h="3175">
                  <a:moveTo>
                    <a:pt x="134112" y="0"/>
                  </a:moveTo>
                  <a:lnTo>
                    <a:pt x="131064" y="0"/>
                  </a:lnTo>
                  <a:lnTo>
                    <a:pt x="131064" y="3048"/>
                  </a:lnTo>
                  <a:lnTo>
                    <a:pt x="134112" y="3048"/>
                  </a:lnTo>
                  <a:lnTo>
                    <a:pt x="134112" y="0"/>
                  </a:lnTo>
                  <a:close/>
                </a:path>
                <a:path w="483235" h="3175">
                  <a:moveTo>
                    <a:pt x="141732" y="0"/>
                  </a:moveTo>
                  <a:lnTo>
                    <a:pt x="137160" y="0"/>
                  </a:lnTo>
                  <a:lnTo>
                    <a:pt x="137160" y="3048"/>
                  </a:lnTo>
                  <a:lnTo>
                    <a:pt x="141732" y="3048"/>
                  </a:lnTo>
                  <a:lnTo>
                    <a:pt x="141732" y="0"/>
                  </a:lnTo>
                  <a:close/>
                </a:path>
                <a:path w="483235" h="3175">
                  <a:moveTo>
                    <a:pt x="147828" y="0"/>
                  </a:moveTo>
                  <a:lnTo>
                    <a:pt x="144780" y="0"/>
                  </a:lnTo>
                  <a:lnTo>
                    <a:pt x="144780" y="3048"/>
                  </a:lnTo>
                  <a:lnTo>
                    <a:pt x="147828" y="3048"/>
                  </a:lnTo>
                  <a:lnTo>
                    <a:pt x="147828" y="0"/>
                  </a:lnTo>
                  <a:close/>
                </a:path>
                <a:path w="483235" h="3175">
                  <a:moveTo>
                    <a:pt x="155448" y="0"/>
                  </a:moveTo>
                  <a:lnTo>
                    <a:pt x="150876" y="0"/>
                  </a:lnTo>
                  <a:lnTo>
                    <a:pt x="150876" y="3048"/>
                  </a:lnTo>
                  <a:lnTo>
                    <a:pt x="155448" y="3048"/>
                  </a:lnTo>
                  <a:lnTo>
                    <a:pt x="155448" y="0"/>
                  </a:lnTo>
                  <a:close/>
                </a:path>
                <a:path w="483235" h="3175">
                  <a:moveTo>
                    <a:pt x="161544" y="0"/>
                  </a:moveTo>
                  <a:lnTo>
                    <a:pt x="158496" y="0"/>
                  </a:lnTo>
                  <a:lnTo>
                    <a:pt x="158496" y="3048"/>
                  </a:lnTo>
                  <a:lnTo>
                    <a:pt x="161544" y="3048"/>
                  </a:lnTo>
                  <a:lnTo>
                    <a:pt x="161544" y="0"/>
                  </a:lnTo>
                  <a:close/>
                </a:path>
                <a:path w="483235" h="3175">
                  <a:moveTo>
                    <a:pt x="169164" y="0"/>
                  </a:moveTo>
                  <a:lnTo>
                    <a:pt x="164592" y="0"/>
                  </a:lnTo>
                  <a:lnTo>
                    <a:pt x="164592" y="3048"/>
                  </a:lnTo>
                  <a:lnTo>
                    <a:pt x="169164" y="3048"/>
                  </a:lnTo>
                  <a:lnTo>
                    <a:pt x="169164" y="0"/>
                  </a:lnTo>
                  <a:close/>
                </a:path>
                <a:path w="483235" h="3175">
                  <a:moveTo>
                    <a:pt x="175260" y="0"/>
                  </a:moveTo>
                  <a:lnTo>
                    <a:pt x="172212" y="0"/>
                  </a:lnTo>
                  <a:lnTo>
                    <a:pt x="172212" y="3048"/>
                  </a:lnTo>
                  <a:lnTo>
                    <a:pt x="175260" y="3048"/>
                  </a:lnTo>
                  <a:lnTo>
                    <a:pt x="175260" y="0"/>
                  </a:lnTo>
                  <a:close/>
                </a:path>
                <a:path w="483235" h="3175">
                  <a:moveTo>
                    <a:pt x="182880" y="0"/>
                  </a:moveTo>
                  <a:lnTo>
                    <a:pt x="178308" y="0"/>
                  </a:lnTo>
                  <a:lnTo>
                    <a:pt x="178308" y="3048"/>
                  </a:lnTo>
                  <a:lnTo>
                    <a:pt x="182880" y="3048"/>
                  </a:lnTo>
                  <a:lnTo>
                    <a:pt x="182880" y="0"/>
                  </a:lnTo>
                  <a:close/>
                </a:path>
                <a:path w="483235" h="3175">
                  <a:moveTo>
                    <a:pt x="188976" y="0"/>
                  </a:moveTo>
                  <a:lnTo>
                    <a:pt x="185928" y="0"/>
                  </a:lnTo>
                  <a:lnTo>
                    <a:pt x="185928" y="3048"/>
                  </a:lnTo>
                  <a:lnTo>
                    <a:pt x="188976" y="3048"/>
                  </a:lnTo>
                  <a:lnTo>
                    <a:pt x="188976" y="0"/>
                  </a:lnTo>
                  <a:close/>
                </a:path>
                <a:path w="483235" h="3175">
                  <a:moveTo>
                    <a:pt x="196596" y="0"/>
                  </a:moveTo>
                  <a:lnTo>
                    <a:pt x="192024" y="0"/>
                  </a:lnTo>
                  <a:lnTo>
                    <a:pt x="192024" y="3048"/>
                  </a:lnTo>
                  <a:lnTo>
                    <a:pt x="196596" y="3048"/>
                  </a:lnTo>
                  <a:lnTo>
                    <a:pt x="196596" y="0"/>
                  </a:lnTo>
                  <a:close/>
                </a:path>
                <a:path w="483235" h="3175">
                  <a:moveTo>
                    <a:pt x="202692" y="0"/>
                  </a:moveTo>
                  <a:lnTo>
                    <a:pt x="199644" y="0"/>
                  </a:lnTo>
                  <a:lnTo>
                    <a:pt x="199644" y="3048"/>
                  </a:lnTo>
                  <a:lnTo>
                    <a:pt x="202692" y="3048"/>
                  </a:lnTo>
                  <a:lnTo>
                    <a:pt x="202692" y="0"/>
                  </a:lnTo>
                  <a:close/>
                </a:path>
                <a:path w="483235" h="3175">
                  <a:moveTo>
                    <a:pt x="210312" y="0"/>
                  </a:moveTo>
                  <a:lnTo>
                    <a:pt x="205740" y="0"/>
                  </a:lnTo>
                  <a:lnTo>
                    <a:pt x="205740" y="3048"/>
                  </a:lnTo>
                  <a:lnTo>
                    <a:pt x="210312" y="3048"/>
                  </a:lnTo>
                  <a:lnTo>
                    <a:pt x="210312" y="0"/>
                  </a:lnTo>
                  <a:close/>
                </a:path>
                <a:path w="483235" h="3175">
                  <a:moveTo>
                    <a:pt x="216408" y="0"/>
                  </a:moveTo>
                  <a:lnTo>
                    <a:pt x="213360" y="0"/>
                  </a:lnTo>
                  <a:lnTo>
                    <a:pt x="213360" y="3048"/>
                  </a:lnTo>
                  <a:lnTo>
                    <a:pt x="216408" y="3048"/>
                  </a:lnTo>
                  <a:lnTo>
                    <a:pt x="216408" y="0"/>
                  </a:lnTo>
                  <a:close/>
                </a:path>
                <a:path w="483235" h="3175">
                  <a:moveTo>
                    <a:pt x="224028" y="0"/>
                  </a:moveTo>
                  <a:lnTo>
                    <a:pt x="219456" y="0"/>
                  </a:lnTo>
                  <a:lnTo>
                    <a:pt x="219456" y="3048"/>
                  </a:lnTo>
                  <a:lnTo>
                    <a:pt x="224028" y="3048"/>
                  </a:lnTo>
                  <a:lnTo>
                    <a:pt x="224028" y="0"/>
                  </a:lnTo>
                  <a:close/>
                </a:path>
                <a:path w="483235" h="3175">
                  <a:moveTo>
                    <a:pt x="230124" y="0"/>
                  </a:moveTo>
                  <a:lnTo>
                    <a:pt x="227076" y="0"/>
                  </a:lnTo>
                  <a:lnTo>
                    <a:pt x="227076" y="3048"/>
                  </a:lnTo>
                  <a:lnTo>
                    <a:pt x="230124" y="3048"/>
                  </a:lnTo>
                  <a:lnTo>
                    <a:pt x="230124" y="0"/>
                  </a:lnTo>
                  <a:close/>
                </a:path>
                <a:path w="483235" h="3175">
                  <a:moveTo>
                    <a:pt x="237744" y="0"/>
                  </a:moveTo>
                  <a:lnTo>
                    <a:pt x="233172" y="0"/>
                  </a:lnTo>
                  <a:lnTo>
                    <a:pt x="233172" y="3048"/>
                  </a:lnTo>
                  <a:lnTo>
                    <a:pt x="237744" y="3048"/>
                  </a:lnTo>
                  <a:lnTo>
                    <a:pt x="237744" y="0"/>
                  </a:lnTo>
                  <a:close/>
                </a:path>
                <a:path w="483235" h="3175">
                  <a:moveTo>
                    <a:pt x="243840" y="0"/>
                  </a:moveTo>
                  <a:lnTo>
                    <a:pt x="240792" y="0"/>
                  </a:lnTo>
                  <a:lnTo>
                    <a:pt x="240792" y="3048"/>
                  </a:lnTo>
                  <a:lnTo>
                    <a:pt x="243840" y="3048"/>
                  </a:lnTo>
                  <a:lnTo>
                    <a:pt x="243840" y="0"/>
                  </a:lnTo>
                  <a:close/>
                </a:path>
                <a:path w="483235" h="3175">
                  <a:moveTo>
                    <a:pt x="251460" y="0"/>
                  </a:moveTo>
                  <a:lnTo>
                    <a:pt x="246888" y="0"/>
                  </a:lnTo>
                  <a:lnTo>
                    <a:pt x="246888" y="3048"/>
                  </a:lnTo>
                  <a:lnTo>
                    <a:pt x="251460" y="3048"/>
                  </a:lnTo>
                  <a:lnTo>
                    <a:pt x="251460" y="0"/>
                  </a:lnTo>
                  <a:close/>
                </a:path>
                <a:path w="483235" h="3175">
                  <a:moveTo>
                    <a:pt x="257556" y="0"/>
                  </a:moveTo>
                  <a:lnTo>
                    <a:pt x="254508" y="0"/>
                  </a:lnTo>
                  <a:lnTo>
                    <a:pt x="254508" y="3048"/>
                  </a:lnTo>
                  <a:lnTo>
                    <a:pt x="257556" y="3048"/>
                  </a:lnTo>
                  <a:lnTo>
                    <a:pt x="257556" y="0"/>
                  </a:lnTo>
                  <a:close/>
                </a:path>
                <a:path w="483235" h="3175">
                  <a:moveTo>
                    <a:pt x="265176" y="0"/>
                  </a:moveTo>
                  <a:lnTo>
                    <a:pt x="260604" y="0"/>
                  </a:lnTo>
                  <a:lnTo>
                    <a:pt x="260604" y="3048"/>
                  </a:lnTo>
                  <a:lnTo>
                    <a:pt x="265176" y="3048"/>
                  </a:lnTo>
                  <a:lnTo>
                    <a:pt x="265176" y="0"/>
                  </a:lnTo>
                  <a:close/>
                </a:path>
                <a:path w="483235" h="3175">
                  <a:moveTo>
                    <a:pt x="271272" y="0"/>
                  </a:moveTo>
                  <a:lnTo>
                    <a:pt x="268224" y="0"/>
                  </a:lnTo>
                  <a:lnTo>
                    <a:pt x="268224" y="3048"/>
                  </a:lnTo>
                  <a:lnTo>
                    <a:pt x="271272" y="3048"/>
                  </a:lnTo>
                  <a:lnTo>
                    <a:pt x="271272" y="0"/>
                  </a:lnTo>
                  <a:close/>
                </a:path>
                <a:path w="483235" h="3175">
                  <a:moveTo>
                    <a:pt x="278892" y="0"/>
                  </a:moveTo>
                  <a:lnTo>
                    <a:pt x="274320" y="0"/>
                  </a:lnTo>
                  <a:lnTo>
                    <a:pt x="274320" y="3048"/>
                  </a:lnTo>
                  <a:lnTo>
                    <a:pt x="278892" y="3048"/>
                  </a:lnTo>
                  <a:lnTo>
                    <a:pt x="278892" y="0"/>
                  </a:lnTo>
                  <a:close/>
                </a:path>
                <a:path w="483235" h="3175">
                  <a:moveTo>
                    <a:pt x="284988" y="0"/>
                  </a:moveTo>
                  <a:lnTo>
                    <a:pt x="281940" y="0"/>
                  </a:lnTo>
                  <a:lnTo>
                    <a:pt x="281940" y="3048"/>
                  </a:lnTo>
                  <a:lnTo>
                    <a:pt x="284988" y="3048"/>
                  </a:lnTo>
                  <a:lnTo>
                    <a:pt x="284988" y="0"/>
                  </a:lnTo>
                  <a:close/>
                </a:path>
                <a:path w="483235" h="3175">
                  <a:moveTo>
                    <a:pt x="292608" y="0"/>
                  </a:moveTo>
                  <a:lnTo>
                    <a:pt x="288036" y="0"/>
                  </a:lnTo>
                  <a:lnTo>
                    <a:pt x="288036" y="3048"/>
                  </a:lnTo>
                  <a:lnTo>
                    <a:pt x="292608" y="3048"/>
                  </a:lnTo>
                  <a:lnTo>
                    <a:pt x="292608" y="0"/>
                  </a:lnTo>
                  <a:close/>
                </a:path>
                <a:path w="483235" h="3175">
                  <a:moveTo>
                    <a:pt x="298704" y="0"/>
                  </a:moveTo>
                  <a:lnTo>
                    <a:pt x="295656" y="0"/>
                  </a:lnTo>
                  <a:lnTo>
                    <a:pt x="295656" y="3048"/>
                  </a:lnTo>
                  <a:lnTo>
                    <a:pt x="298704" y="3048"/>
                  </a:lnTo>
                  <a:lnTo>
                    <a:pt x="298704" y="0"/>
                  </a:lnTo>
                  <a:close/>
                </a:path>
                <a:path w="483235" h="3175">
                  <a:moveTo>
                    <a:pt x="306324" y="0"/>
                  </a:moveTo>
                  <a:lnTo>
                    <a:pt x="301752" y="0"/>
                  </a:lnTo>
                  <a:lnTo>
                    <a:pt x="301752" y="3048"/>
                  </a:lnTo>
                  <a:lnTo>
                    <a:pt x="306324" y="3048"/>
                  </a:lnTo>
                  <a:lnTo>
                    <a:pt x="306324" y="0"/>
                  </a:lnTo>
                  <a:close/>
                </a:path>
                <a:path w="483235" h="3175">
                  <a:moveTo>
                    <a:pt x="312420" y="0"/>
                  </a:moveTo>
                  <a:lnTo>
                    <a:pt x="309372" y="0"/>
                  </a:lnTo>
                  <a:lnTo>
                    <a:pt x="309372" y="3048"/>
                  </a:lnTo>
                  <a:lnTo>
                    <a:pt x="312420" y="3048"/>
                  </a:lnTo>
                  <a:lnTo>
                    <a:pt x="312420" y="0"/>
                  </a:lnTo>
                  <a:close/>
                </a:path>
                <a:path w="483235" h="3175">
                  <a:moveTo>
                    <a:pt x="320040" y="0"/>
                  </a:moveTo>
                  <a:lnTo>
                    <a:pt x="315468" y="0"/>
                  </a:lnTo>
                  <a:lnTo>
                    <a:pt x="315468" y="3048"/>
                  </a:lnTo>
                  <a:lnTo>
                    <a:pt x="320040" y="3048"/>
                  </a:lnTo>
                  <a:lnTo>
                    <a:pt x="320040" y="0"/>
                  </a:lnTo>
                  <a:close/>
                </a:path>
                <a:path w="483235" h="3175">
                  <a:moveTo>
                    <a:pt x="326136" y="0"/>
                  </a:moveTo>
                  <a:lnTo>
                    <a:pt x="323088" y="0"/>
                  </a:lnTo>
                  <a:lnTo>
                    <a:pt x="323088" y="3048"/>
                  </a:lnTo>
                  <a:lnTo>
                    <a:pt x="326136" y="3048"/>
                  </a:lnTo>
                  <a:lnTo>
                    <a:pt x="326136" y="0"/>
                  </a:lnTo>
                  <a:close/>
                </a:path>
                <a:path w="483235" h="3175">
                  <a:moveTo>
                    <a:pt x="333756" y="0"/>
                  </a:moveTo>
                  <a:lnTo>
                    <a:pt x="329184" y="0"/>
                  </a:lnTo>
                  <a:lnTo>
                    <a:pt x="329184" y="3048"/>
                  </a:lnTo>
                  <a:lnTo>
                    <a:pt x="333756" y="3048"/>
                  </a:lnTo>
                  <a:lnTo>
                    <a:pt x="333756" y="0"/>
                  </a:lnTo>
                  <a:close/>
                </a:path>
                <a:path w="483235" h="3175">
                  <a:moveTo>
                    <a:pt x="339852" y="0"/>
                  </a:moveTo>
                  <a:lnTo>
                    <a:pt x="336804" y="0"/>
                  </a:lnTo>
                  <a:lnTo>
                    <a:pt x="336804" y="3048"/>
                  </a:lnTo>
                  <a:lnTo>
                    <a:pt x="339852" y="3048"/>
                  </a:lnTo>
                  <a:lnTo>
                    <a:pt x="339852" y="0"/>
                  </a:lnTo>
                  <a:close/>
                </a:path>
                <a:path w="483235" h="3175">
                  <a:moveTo>
                    <a:pt x="347472" y="0"/>
                  </a:moveTo>
                  <a:lnTo>
                    <a:pt x="342900" y="0"/>
                  </a:lnTo>
                  <a:lnTo>
                    <a:pt x="342900" y="3048"/>
                  </a:lnTo>
                  <a:lnTo>
                    <a:pt x="347472" y="3048"/>
                  </a:lnTo>
                  <a:lnTo>
                    <a:pt x="347472" y="0"/>
                  </a:lnTo>
                  <a:close/>
                </a:path>
                <a:path w="483235" h="3175">
                  <a:moveTo>
                    <a:pt x="353568" y="0"/>
                  </a:moveTo>
                  <a:lnTo>
                    <a:pt x="350520" y="0"/>
                  </a:lnTo>
                  <a:lnTo>
                    <a:pt x="350520" y="3048"/>
                  </a:lnTo>
                  <a:lnTo>
                    <a:pt x="353568" y="3048"/>
                  </a:lnTo>
                  <a:lnTo>
                    <a:pt x="353568" y="0"/>
                  </a:lnTo>
                  <a:close/>
                </a:path>
                <a:path w="483235" h="3175">
                  <a:moveTo>
                    <a:pt x="361188" y="0"/>
                  </a:moveTo>
                  <a:lnTo>
                    <a:pt x="356616" y="0"/>
                  </a:lnTo>
                  <a:lnTo>
                    <a:pt x="356616" y="3048"/>
                  </a:lnTo>
                  <a:lnTo>
                    <a:pt x="361188" y="3048"/>
                  </a:lnTo>
                  <a:lnTo>
                    <a:pt x="361188" y="0"/>
                  </a:lnTo>
                  <a:close/>
                </a:path>
                <a:path w="483235" h="3175">
                  <a:moveTo>
                    <a:pt x="367284" y="0"/>
                  </a:moveTo>
                  <a:lnTo>
                    <a:pt x="364236" y="0"/>
                  </a:lnTo>
                  <a:lnTo>
                    <a:pt x="364236" y="3048"/>
                  </a:lnTo>
                  <a:lnTo>
                    <a:pt x="367284" y="3048"/>
                  </a:lnTo>
                  <a:lnTo>
                    <a:pt x="367284" y="0"/>
                  </a:lnTo>
                  <a:close/>
                </a:path>
                <a:path w="483235" h="3175">
                  <a:moveTo>
                    <a:pt x="374904" y="0"/>
                  </a:moveTo>
                  <a:lnTo>
                    <a:pt x="370332" y="0"/>
                  </a:lnTo>
                  <a:lnTo>
                    <a:pt x="370332" y="3048"/>
                  </a:lnTo>
                  <a:lnTo>
                    <a:pt x="374904" y="3048"/>
                  </a:lnTo>
                  <a:lnTo>
                    <a:pt x="374904" y="0"/>
                  </a:lnTo>
                  <a:close/>
                </a:path>
                <a:path w="483235" h="3175">
                  <a:moveTo>
                    <a:pt x="381000" y="0"/>
                  </a:moveTo>
                  <a:lnTo>
                    <a:pt x="377952" y="0"/>
                  </a:lnTo>
                  <a:lnTo>
                    <a:pt x="377952" y="3048"/>
                  </a:lnTo>
                  <a:lnTo>
                    <a:pt x="381000" y="3048"/>
                  </a:lnTo>
                  <a:lnTo>
                    <a:pt x="381000" y="0"/>
                  </a:lnTo>
                  <a:close/>
                </a:path>
                <a:path w="483235" h="3175">
                  <a:moveTo>
                    <a:pt x="388620" y="0"/>
                  </a:moveTo>
                  <a:lnTo>
                    <a:pt x="384048" y="0"/>
                  </a:lnTo>
                  <a:lnTo>
                    <a:pt x="384048" y="3048"/>
                  </a:lnTo>
                  <a:lnTo>
                    <a:pt x="388620" y="3048"/>
                  </a:lnTo>
                  <a:lnTo>
                    <a:pt x="388620" y="0"/>
                  </a:lnTo>
                  <a:close/>
                </a:path>
                <a:path w="483235" h="3175">
                  <a:moveTo>
                    <a:pt x="394716" y="0"/>
                  </a:moveTo>
                  <a:lnTo>
                    <a:pt x="391668" y="0"/>
                  </a:lnTo>
                  <a:lnTo>
                    <a:pt x="391668" y="3048"/>
                  </a:lnTo>
                  <a:lnTo>
                    <a:pt x="394716" y="3048"/>
                  </a:lnTo>
                  <a:lnTo>
                    <a:pt x="394716" y="0"/>
                  </a:lnTo>
                  <a:close/>
                </a:path>
                <a:path w="483235" h="3175">
                  <a:moveTo>
                    <a:pt x="402336" y="0"/>
                  </a:moveTo>
                  <a:lnTo>
                    <a:pt x="397764" y="0"/>
                  </a:lnTo>
                  <a:lnTo>
                    <a:pt x="397764" y="3048"/>
                  </a:lnTo>
                  <a:lnTo>
                    <a:pt x="402336" y="3048"/>
                  </a:lnTo>
                  <a:lnTo>
                    <a:pt x="402336" y="0"/>
                  </a:lnTo>
                  <a:close/>
                </a:path>
                <a:path w="483235" h="3175">
                  <a:moveTo>
                    <a:pt x="408432" y="0"/>
                  </a:moveTo>
                  <a:lnTo>
                    <a:pt x="405384" y="0"/>
                  </a:lnTo>
                  <a:lnTo>
                    <a:pt x="405384" y="3048"/>
                  </a:lnTo>
                  <a:lnTo>
                    <a:pt x="408432" y="3048"/>
                  </a:lnTo>
                  <a:lnTo>
                    <a:pt x="408432" y="0"/>
                  </a:lnTo>
                  <a:close/>
                </a:path>
                <a:path w="483235" h="3175">
                  <a:moveTo>
                    <a:pt x="416052" y="0"/>
                  </a:moveTo>
                  <a:lnTo>
                    <a:pt x="411480" y="0"/>
                  </a:lnTo>
                  <a:lnTo>
                    <a:pt x="411480" y="3048"/>
                  </a:lnTo>
                  <a:lnTo>
                    <a:pt x="416052" y="3048"/>
                  </a:lnTo>
                  <a:lnTo>
                    <a:pt x="416052" y="0"/>
                  </a:lnTo>
                  <a:close/>
                </a:path>
                <a:path w="483235" h="3175">
                  <a:moveTo>
                    <a:pt x="422148" y="0"/>
                  </a:moveTo>
                  <a:lnTo>
                    <a:pt x="419100" y="0"/>
                  </a:lnTo>
                  <a:lnTo>
                    <a:pt x="419100" y="3048"/>
                  </a:lnTo>
                  <a:lnTo>
                    <a:pt x="422148" y="3048"/>
                  </a:lnTo>
                  <a:lnTo>
                    <a:pt x="422148" y="0"/>
                  </a:lnTo>
                  <a:close/>
                </a:path>
                <a:path w="483235" h="3175">
                  <a:moveTo>
                    <a:pt x="429768" y="0"/>
                  </a:moveTo>
                  <a:lnTo>
                    <a:pt x="425196" y="0"/>
                  </a:lnTo>
                  <a:lnTo>
                    <a:pt x="425196" y="3048"/>
                  </a:lnTo>
                  <a:lnTo>
                    <a:pt x="429768" y="3048"/>
                  </a:lnTo>
                  <a:lnTo>
                    <a:pt x="429768"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 name="object 16"/>
            <p:cNvSpPr/>
            <p:nvPr/>
          </p:nvSpPr>
          <p:spPr>
            <a:xfrm>
              <a:off x="5402580"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8768" y="0"/>
                  </a:lnTo>
                  <a:lnTo>
                    <a:pt x="48768"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2484" y="0"/>
                  </a:lnTo>
                  <a:lnTo>
                    <a:pt x="62484"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6200" y="0"/>
                  </a:lnTo>
                  <a:lnTo>
                    <a:pt x="76200"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9916" y="0"/>
                  </a:lnTo>
                  <a:lnTo>
                    <a:pt x="89916"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3632" y="0"/>
                  </a:lnTo>
                  <a:lnTo>
                    <a:pt x="103632"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7348" y="0"/>
                  </a:lnTo>
                  <a:lnTo>
                    <a:pt x="117348"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31064" y="0"/>
                  </a:lnTo>
                  <a:lnTo>
                    <a:pt x="131064"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4780" y="0"/>
                  </a:lnTo>
                  <a:lnTo>
                    <a:pt x="144780"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8496" y="0"/>
                  </a:lnTo>
                  <a:lnTo>
                    <a:pt x="158496"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2212" y="0"/>
                  </a:lnTo>
                  <a:lnTo>
                    <a:pt x="172212"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5928" y="0"/>
                  </a:lnTo>
                  <a:lnTo>
                    <a:pt x="185928"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9644" y="0"/>
                  </a:lnTo>
                  <a:lnTo>
                    <a:pt x="199644"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3360" y="0"/>
                  </a:lnTo>
                  <a:lnTo>
                    <a:pt x="213360"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7076" y="0"/>
                  </a:lnTo>
                  <a:lnTo>
                    <a:pt x="227076"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40792" y="0"/>
                  </a:lnTo>
                  <a:lnTo>
                    <a:pt x="240792"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4508" y="0"/>
                  </a:lnTo>
                  <a:lnTo>
                    <a:pt x="254508"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8224" y="0"/>
                  </a:lnTo>
                  <a:lnTo>
                    <a:pt x="268224"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1940" y="0"/>
                  </a:lnTo>
                  <a:lnTo>
                    <a:pt x="281940"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5656" y="0"/>
                  </a:lnTo>
                  <a:lnTo>
                    <a:pt x="295656"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9372" y="0"/>
                  </a:lnTo>
                  <a:lnTo>
                    <a:pt x="309372"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3088" y="0"/>
                  </a:lnTo>
                  <a:lnTo>
                    <a:pt x="323088"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7" name="object 17"/>
            <p:cNvSpPr/>
            <p:nvPr/>
          </p:nvSpPr>
          <p:spPr>
            <a:xfrm>
              <a:off x="5882640" y="6196583"/>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8768" y="0"/>
                  </a:lnTo>
                  <a:lnTo>
                    <a:pt x="48768"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2484" y="0"/>
                  </a:lnTo>
                  <a:lnTo>
                    <a:pt x="62484"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6200" y="0"/>
                  </a:lnTo>
                  <a:lnTo>
                    <a:pt x="76200"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29540" y="0"/>
                  </a:lnTo>
                  <a:lnTo>
                    <a:pt x="129540"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3256" y="0"/>
                  </a:lnTo>
                  <a:lnTo>
                    <a:pt x="143256"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6972" y="0"/>
                  </a:lnTo>
                  <a:lnTo>
                    <a:pt x="156972"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0688" y="0"/>
                  </a:lnTo>
                  <a:lnTo>
                    <a:pt x="170688"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4404" y="0"/>
                  </a:lnTo>
                  <a:lnTo>
                    <a:pt x="184404"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8120" y="0"/>
                  </a:lnTo>
                  <a:lnTo>
                    <a:pt x="198120"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1836" y="0"/>
                  </a:lnTo>
                  <a:lnTo>
                    <a:pt x="211836"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5552" y="0"/>
                  </a:lnTo>
                  <a:lnTo>
                    <a:pt x="225552"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39268" y="0"/>
                  </a:lnTo>
                  <a:lnTo>
                    <a:pt x="239268"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2984" y="0"/>
                  </a:lnTo>
                  <a:lnTo>
                    <a:pt x="252984"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6700" y="0"/>
                  </a:lnTo>
                  <a:lnTo>
                    <a:pt x="266700"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0416" y="0"/>
                  </a:lnTo>
                  <a:lnTo>
                    <a:pt x="280416"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4132" y="0"/>
                  </a:lnTo>
                  <a:lnTo>
                    <a:pt x="294132"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7848" y="0"/>
                  </a:lnTo>
                  <a:lnTo>
                    <a:pt x="307848"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1564" y="0"/>
                  </a:lnTo>
                  <a:lnTo>
                    <a:pt x="321564"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5280" y="0"/>
                  </a:lnTo>
                  <a:lnTo>
                    <a:pt x="335280"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48996" y="0"/>
                  </a:lnTo>
                  <a:lnTo>
                    <a:pt x="348996"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2712" y="0"/>
                  </a:lnTo>
                  <a:lnTo>
                    <a:pt x="362712"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6428" y="0"/>
                  </a:lnTo>
                  <a:lnTo>
                    <a:pt x="376428"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0144" y="0"/>
                  </a:lnTo>
                  <a:lnTo>
                    <a:pt x="390144"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3860" y="0"/>
                  </a:lnTo>
                  <a:lnTo>
                    <a:pt x="403860"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7576" y="0"/>
                  </a:lnTo>
                  <a:lnTo>
                    <a:pt x="417576"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1292" y="0"/>
                  </a:lnTo>
                  <a:lnTo>
                    <a:pt x="431292"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5008" y="0"/>
                  </a:lnTo>
                  <a:lnTo>
                    <a:pt x="445008"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58724" y="0"/>
                  </a:lnTo>
                  <a:lnTo>
                    <a:pt x="458724"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8" name="object 18"/>
            <p:cNvSpPr/>
            <p:nvPr/>
          </p:nvSpPr>
          <p:spPr>
            <a:xfrm>
              <a:off x="6362700"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6096" y="0"/>
                  </a:lnTo>
                  <a:lnTo>
                    <a:pt x="6096"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19812" y="0"/>
                  </a:lnTo>
                  <a:lnTo>
                    <a:pt x="19812"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3528" y="0"/>
                  </a:lnTo>
                  <a:lnTo>
                    <a:pt x="33528"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7244" y="0"/>
                  </a:lnTo>
                  <a:lnTo>
                    <a:pt x="47244"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0960" y="0"/>
                  </a:lnTo>
                  <a:lnTo>
                    <a:pt x="60960"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4676" y="0"/>
                  </a:lnTo>
                  <a:lnTo>
                    <a:pt x="74676"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8392" y="0"/>
                  </a:lnTo>
                  <a:lnTo>
                    <a:pt x="88392"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2108" y="0"/>
                  </a:lnTo>
                  <a:lnTo>
                    <a:pt x="102108"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5824" y="0"/>
                  </a:lnTo>
                  <a:lnTo>
                    <a:pt x="115824"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29540" y="0"/>
                  </a:lnTo>
                  <a:lnTo>
                    <a:pt x="129540" y="3048"/>
                  </a:lnTo>
                  <a:lnTo>
                    <a:pt x="134112" y="3048"/>
                  </a:lnTo>
                  <a:lnTo>
                    <a:pt x="134112" y="0"/>
                  </a:lnTo>
                  <a:close/>
                </a:path>
                <a:path w="483234" h="3175">
                  <a:moveTo>
                    <a:pt x="140195" y="0"/>
                  </a:moveTo>
                  <a:lnTo>
                    <a:pt x="137160" y="0"/>
                  </a:lnTo>
                  <a:lnTo>
                    <a:pt x="137160" y="3048"/>
                  </a:lnTo>
                  <a:lnTo>
                    <a:pt x="140195" y="3048"/>
                  </a:lnTo>
                  <a:lnTo>
                    <a:pt x="140195"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6972" y="0"/>
                  </a:lnTo>
                  <a:lnTo>
                    <a:pt x="156972"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47" y="0"/>
                  </a:moveTo>
                  <a:lnTo>
                    <a:pt x="170688" y="0"/>
                  </a:lnTo>
                  <a:lnTo>
                    <a:pt x="170688" y="3048"/>
                  </a:lnTo>
                  <a:lnTo>
                    <a:pt x="175247" y="3048"/>
                  </a:lnTo>
                  <a:lnTo>
                    <a:pt x="175247" y="0"/>
                  </a:lnTo>
                  <a:close/>
                </a:path>
                <a:path w="483234" h="3175">
                  <a:moveTo>
                    <a:pt x="181356" y="0"/>
                  </a:moveTo>
                  <a:lnTo>
                    <a:pt x="178295" y="0"/>
                  </a:lnTo>
                  <a:lnTo>
                    <a:pt x="178295" y="3048"/>
                  </a:lnTo>
                  <a:lnTo>
                    <a:pt x="181356" y="3048"/>
                  </a:lnTo>
                  <a:lnTo>
                    <a:pt x="181356" y="0"/>
                  </a:lnTo>
                  <a:close/>
                </a:path>
                <a:path w="483234" h="3175">
                  <a:moveTo>
                    <a:pt x="188976" y="0"/>
                  </a:moveTo>
                  <a:lnTo>
                    <a:pt x="184404" y="0"/>
                  </a:lnTo>
                  <a:lnTo>
                    <a:pt x="184404"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8120" y="0"/>
                  </a:lnTo>
                  <a:lnTo>
                    <a:pt x="198120"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395" y="0"/>
                  </a:moveTo>
                  <a:lnTo>
                    <a:pt x="211823" y="0"/>
                  </a:lnTo>
                  <a:lnTo>
                    <a:pt x="211823" y="3048"/>
                  </a:lnTo>
                  <a:lnTo>
                    <a:pt x="216395" y="3048"/>
                  </a:lnTo>
                  <a:lnTo>
                    <a:pt x="216395" y="0"/>
                  </a:lnTo>
                  <a:close/>
                </a:path>
                <a:path w="483234" h="3175">
                  <a:moveTo>
                    <a:pt x="222504" y="0"/>
                  </a:moveTo>
                  <a:lnTo>
                    <a:pt x="219456" y="0"/>
                  </a:lnTo>
                  <a:lnTo>
                    <a:pt x="219456" y="3048"/>
                  </a:lnTo>
                  <a:lnTo>
                    <a:pt x="222504" y="3048"/>
                  </a:lnTo>
                  <a:lnTo>
                    <a:pt x="222504" y="0"/>
                  </a:lnTo>
                  <a:close/>
                </a:path>
                <a:path w="483234" h="3175">
                  <a:moveTo>
                    <a:pt x="228600" y="0"/>
                  </a:moveTo>
                  <a:lnTo>
                    <a:pt x="225552" y="0"/>
                  </a:lnTo>
                  <a:lnTo>
                    <a:pt x="225552" y="3048"/>
                  </a:lnTo>
                  <a:lnTo>
                    <a:pt x="228600" y="3048"/>
                  </a:lnTo>
                  <a:lnTo>
                    <a:pt x="228600" y="0"/>
                  </a:lnTo>
                  <a:close/>
                </a:path>
                <a:path w="483234" h="3175">
                  <a:moveTo>
                    <a:pt x="236220" y="0"/>
                  </a:moveTo>
                  <a:lnTo>
                    <a:pt x="233172" y="0"/>
                  </a:lnTo>
                  <a:lnTo>
                    <a:pt x="233172" y="3048"/>
                  </a:lnTo>
                  <a:lnTo>
                    <a:pt x="236220" y="3048"/>
                  </a:lnTo>
                  <a:lnTo>
                    <a:pt x="236220" y="0"/>
                  </a:lnTo>
                  <a:close/>
                </a:path>
                <a:path w="483234" h="3175">
                  <a:moveTo>
                    <a:pt x="242316" y="0"/>
                  </a:moveTo>
                  <a:lnTo>
                    <a:pt x="239268" y="0"/>
                  </a:lnTo>
                  <a:lnTo>
                    <a:pt x="239268" y="3048"/>
                  </a:lnTo>
                  <a:lnTo>
                    <a:pt x="242316" y="3048"/>
                  </a:lnTo>
                  <a:lnTo>
                    <a:pt x="242316" y="0"/>
                  </a:lnTo>
                  <a:close/>
                </a:path>
                <a:path w="483234" h="3175">
                  <a:moveTo>
                    <a:pt x="249923" y="0"/>
                  </a:moveTo>
                  <a:lnTo>
                    <a:pt x="246888" y="0"/>
                  </a:lnTo>
                  <a:lnTo>
                    <a:pt x="246888" y="3048"/>
                  </a:lnTo>
                  <a:lnTo>
                    <a:pt x="249923" y="3048"/>
                  </a:lnTo>
                  <a:lnTo>
                    <a:pt x="249923" y="0"/>
                  </a:lnTo>
                  <a:close/>
                </a:path>
                <a:path w="483234" h="3175">
                  <a:moveTo>
                    <a:pt x="256019" y="0"/>
                  </a:moveTo>
                  <a:lnTo>
                    <a:pt x="252971" y="0"/>
                  </a:lnTo>
                  <a:lnTo>
                    <a:pt x="252971" y="3048"/>
                  </a:lnTo>
                  <a:lnTo>
                    <a:pt x="256019" y="3048"/>
                  </a:lnTo>
                  <a:lnTo>
                    <a:pt x="256019"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71" y="0"/>
                  </a:moveTo>
                  <a:lnTo>
                    <a:pt x="288023" y="0"/>
                  </a:lnTo>
                  <a:lnTo>
                    <a:pt x="288023" y="3048"/>
                  </a:lnTo>
                  <a:lnTo>
                    <a:pt x="291071" y="3048"/>
                  </a:lnTo>
                  <a:lnTo>
                    <a:pt x="291071" y="0"/>
                  </a:lnTo>
                  <a:close/>
                </a:path>
                <a:path w="483234" h="3175">
                  <a:moveTo>
                    <a:pt x="297180" y="0"/>
                  </a:moveTo>
                  <a:lnTo>
                    <a:pt x="294119" y="0"/>
                  </a:lnTo>
                  <a:lnTo>
                    <a:pt x="294119" y="3048"/>
                  </a:lnTo>
                  <a:lnTo>
                    <a:pt x="297180" y="3048"/>
                  </a:lnTo>
                  <a:lnTo>
                    <a:pt x="297180" y="0"/>
                  </a:lnTo>
                  <a:close/>
                </a:path>
                <a:path w="483234" h="3175">
                  <a:moveTo>
                    <a:pt x="304800" y="0"/>
                  </a:moveTo>
                  <a:lnTo>
                    <a:pt x="301752" y="0"/>
                  </a:lnTo>
                  <a:lnTo>
                    <a:pt x="301752"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5468" y="0"/>
                  </a:lnTo>
                  <a:lnTo>
                    <a:pt x="315468"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9184" y="0"/>
                  </a:lnTo>
                  <a:lnTo>
                    <a:pt x="329184"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2900" y="0"/>
                  </a:lnTo>
                  <a:lnTo>
                    <a:pt x="342900"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6616" y="0"/>
                  </a:lnTo>
                  <a:lnTo>
                    <a:pt x="356616"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70332" y="0"/>
                  </a:lnTo>
                  <a:lnTo>
                    <a:pt x="370332"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4048" y="0"/>
                  </a:lnTo>
                  <a:lnTo>
                    <a:pt x="384048"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7764" y="0"/>
                  </a:lnTo>
                  <a:lnTo>
                    <a:pt x="397764"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11480" y="0"/>
                  </a:lnTo>
                  <a:lnTo>
                    <a:pt x="411480"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5196" y="0"/>
                  </a:lnTo>
                  <a:lnTo>
                    <a:pt x="425196"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8912" y="0"/>
                  </a:lnTo>
                  <a:lnTo>
                    <a:pt x="438912"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2628" y="0"/>
                  </a:lnTo>
                  <a:lnTo>
                    <a:pt x="452628"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6344" y="0"/>
                  </a:lnTo>
                  <a:lnTo>
                    <a:pt x="466344"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9" name="object 19"/>
            <p:cNvSpPr/>
            <p:nvPr/>
          </p:nvSpPr>
          <p:spPr>
            <a:xfrm>
              <a:off x="6842760"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9144" y="0"/>
                  </a:moveTo>
                  <a:lnTo>
                    <a:pt x="6096" y="0"/>
                  </a:lnTo>
                  <a:lnTo>
                    <a:pt x="6096" y="3048"/>
                  </a:lnTo>
                  <a:lnTo>
                    <a:pt x="9144" y="3048"/>
                  </a:lnTo>
                  <a:lnTo>
                    <a:pt x="9144" y="0"/>
                  </a:lnTo>
                  <a:close/>
                </a:path>
                <a:path w="483234" h="3175">
                  <a:moveTo>
                    <a:pt x="16764" y="0"/>
                  </a:moveTo>
                  <a:lnTo>
                    <a:pt x="13716" y="0"/>
                  </a:lnTo>
                  <a:lnTo>
                    <a:pt x="13716" y="3048"/>
                  </a:lnTo>
                  <a:lnTo>
                    <a:pt x="16764" y="3048"/>
                  </a:lnTo>
                  <a:lnTo>
                    <a:pt x="16764" y="0"/>
                  </a:lnTo>
                  <a:close/>
                </a:path>
                <a:path w="483234" h="3175">
                  <a:moveTo>
                    <a:pt x="22860" y="0"/>
                  </a:moveTo>
                  <a:lnTo>
                    <a:pt x="19812" y="0"/>
                  </a:lnTo>
                  <a:lnTo>
                    <a:pt x="19812" y="3048"/>
                  </a:lnTo>
                  <a:lnTo>
                    <a:pt x="22860" y="3048"/>
                  </a:lnTo>
                  <a:lnTo>
                    <a:pt x="22860" y="0"/>
                  </a:lnTo>
                  <a:close/>
                </a:path>
                <a:path w="483234" h="3175">
                  <a:moveTo>
                    <a:pt x="30480" y="0"/>
                  </a:moveTo>
                  <a:lnTo>
                    <a:pt x="27432" y="0"/>
                  </a:lnTo>
                  <a:lnTo>
                    <a:pt x="27432" y="3048"/>
                  </a:lnTo>
                  <a:lnTo>
                    <a:pt x="30480" y="3048"/>
                  </a:lnTo>
                  <a:lnTo>
                    <a:pt x="30480" y="0"/>
                  </a:lnTo>
                  <a:close/>
                </a:path>
                <a:path w="483234" h="3175">
                  <a:moveTo>
                    <a:pt x="36576" y="0"/>
                  </a:moveTo>
                  <a:lnTo>
                    <a:pt x="33528" y="0"/>
                  </a:lnTo>
                  <a:lnTo>
                    <a:pt x="33528" y="3048"/>
                  </a:lnTo>
                  <a:lnTo>
                    <a:pt x="36576" y="3048"/>
                  </a:lnTo>
                  <a:lnTo>
                    <a:pt x="36576" y="0"/>
                  </a:lnTo>
                  <a:close/>
                </a:path>
                <a:path w="483234" h="3175">
                  <a:moveTo>
                    <a:pt x="44196" y="0"/>
                  </a:moveTo>
                  <a:lnTo>
                    <a:pt x="41148" y="0"/>
                  </a:lnTo>
                  <a:lnTo>
                    <a:pt x="41148" y="3048"/>
                  </a:lnTo>
                  <a:lnTo>
                    <a:pt x="44196" y="3048"/>
                  </a:lnTo>
                  <a:lnTo>
                    <a:pt x="44196" y="0"/>
                  </a:lnTo>
                  <a:close/>
                </a:path>
                <a:path w="483234" h="3175">
                  <a:moveTo>
                    <a:pt x="50292" y="0"/>
                  </a:moveTo>
                  <a:lnTo>
                    <a:pt x="47244" y="0"/>
                  </a:lnTo>
                  <a:lnTo>
                    <a:pt x="47244" y="3048"/>
                  </a:lnTo>
                  <a:lnTo>
                    <a:pt x="50292" y="3048"/>
                  </a:lnTo>
                  <a:lnTo>
                    <a:pt x="50292" y="0"/>
                  </a:lnTo>
                  <a:close/>
                </a:path>
                <a:path w="483234" h="3175">
                  <a:moveTo>
                    <a:pt x="57912" y="0"/>
                  </a:moveTo>
                  <a:lnTo>
                    <a:pt x="54864" y="0"/>
                  </a:lnTo>
                  <a:lnTo>
                    <a:pt x="54864" y="3048"/>
                  </a:lnTo>
                  <a:lnTo>
                    <a:pt x="57912" y="3048"/>
                  </a:lnTo>
                  <a:lnTo>
                    <a:pt x="57912" y="0"/>
                  </a:lnTo>
                  <a:close/>
                </a:path>
                <a:path w="483234" h="3175">
                  <a:moveTo>
                    <a:pt x="64008" y="0"/>
                  </a:moveTo>
                  <a:lnTo>
                    <a:pt x="60960" y="0"/>
                  </a:lnTo>
                  <a:lnTo>
                    <a:pt x="60960" y="3048"/>
                  </a:lnTo>
                  <a:lnTo>
                    <a:pt x="64008" y="3048"/>
                  </a:lnTo>
                  <a:lnTo>
                    <a:pt x="64008" y="0"/>
                  </a:lnTo>
                  <a:close/>
                </a:path>
                <a:path w="483234" h="3175">
                  <a:moveTo>
                    <a:pt x="71628" y="0"/>
                  </a:moveTo>
                  <a:lnTo>
                    <a:pt x="68580" y="0"/>
                  </a:lnTo>
                  <a:lnTo>
                    <a:pt x="68580" y="3048"/>
                  </a:lnTo>
                  <a:lnTo>
                    <a:pt x="71628" y="3048"/>
                  </a:lnTo>
                  <a:lnTo>
                    <a:pt x="71628" y="0"/>
                  </a:lnTo>
                  <a:close/>
                </a:path>
                <a:path w="483234" h="3175">
                  <a:moveTo>
                    <a:pt x="77724" y="0"/>
                  </a:moveTo>
                  <a:lnTo>
                    <a:pt x="74676" y="0"/>
                  </a:lnTo>
                  <a:lnTo>
                    <a:pt x="74676" y="3048"/>
                  </a:lnTo>
                  <a:lnTo>
                    <a:pt x="77724" y="3048"/>
                  </a:lnTo>
                  <a:lnTo>
                    <a:pt x="77724" y="0"/>
                  </a:lnTo>
                  <a:close/>
                </a:path>
                <a:path w="483234" h="3175">
                  <a:moveTo>
                    <a:pt x="85344" y="0"/>
                  </a:moveTo>
                  <a:lnTo>
                    <a:pt x="82296" y="0"/>
                  </a:lnTo>
                  <a:lnTo>
                    <a:pt x="82296" y="3048"/>
                  </a:lnTo>
                  <a:lnTo>
                    <a:pt x="85344" y="3048"/>
                  </a:lnTo>
                  <a:lnTo>
                    <a:pt x="85344" y="0"/>
                  </a:lnTo>
                  <a:close/>
                </a:path>
                <a:path w="483234" h="3175">
                  <a:moveTo>
                    <a:pt x="91440" y="0"/>
                  </a:moveTo>
                  <a:lnTo>
                    <a:pt x="88392" y="0"/>
                  </a:lnTo>
                  <a:lnTo>
                    <a:pt x="88392" y="3048"/>
                  </a:lnTo>
                  <a:lnTo>
                    <a:pt x="91440" y="3048"/>
                  </a:lnTo>
                  <a:lnTo>
                    <a:pt x="91440" y="0"/>
                  </a:lnTo>
                  <a:close/>
                </a:path>
                <a:path w="483234" h="3175">
                  <a:moveTo>
                    <a:pt x="99060" y="0"/>
                  </a:moveTo>
                  <a:lnTo>
                    <a:pt x="96012" y="0"/>
                  </a:lnTo>
                  <a:lnTo>
                    <a:pt x="96012" y="3048"/>
                  </a:lnTo>
                  <a:lnTo>
                    <a:pt x="99060" y="3048"/>
                  </a:lnTo>
                  <a:lnTo>
                    <a:pt x="99060" y="0"/>
                  </a:lnTo>
                  <a:close/>
                </a:path>
                <a:path w="483234" h="3175">
                  <a:moveTo>
                    <a:pt x="105156" y="0"/>
                  </a:moveTo>
                  <a:lnTo>
                    <a:pt x="102108" y="0"/>
                  </a:lnTo>
                  <a:lnTo>
                    <a:pt x="102108" y="3048"/>
                  </a:lnTo>
                  <a:lnTo>
                    <a:pt x="105156" y="3048"/>
                  </a:lnTo>
                  <a:lnTo>
                    <a:pt x="105156" y="0"/>
                  </a:lnTo>
                  <a:close/>
                </a:path>
                <a:path w="483234" h="3175">
                  <a:moveTo>
                    <a:pt x="112776" y="0"/>
                  </a:moveTo>
                  <a:lnTo>
                    <a:pt x="109728" y="0"/>
                  </a:lnTo>
                  <a:lnTo>
                    <a:pt x="109728" y="3048"/>
                  </a:lnTo>
                  <a:lnTo>
                    <a:pt x="112776" y="3048"/>
                  </a:lnTo>
                  <a:lnTo>
                    <a:pt x="112776" y="0"/>
                  </a:lnTo>
                  <a:close/>
                </a:path>
                <a:path w="483234" h="3175">
                  <a:moveTo>
                    <a:pt x="118872" y="0"/>
                  </a:moveTo>
                  <a:lnTo>
                    <a:pt x="115824" y="0"/>
                  </a:lnTo>
                  <a:lnTo>
                    <a:pt x="115824" y="3048"/>
                  </a:lnTo>
                  <a:lnTo>
                    <a:pt x="118872" y="3048"/>
                  </a:lnTo>
                  <a:lnTo>
                    <a:pt x="118872" y="0"/>
                  </a:lnTo>
                  <a:close/>
                </a:path>
                <a:path w="483234" h="3175">
                  <a:moveTo>
                    <a:pt x="126492" y="0"/>
                  </a:moveTo>
                  <a:lnTo>
                    <a:pt x="123444" y="0"/>
                  </a:lnTo>
                  <a:lnTo>
                    <a:pt x="123444" y="3048"/>
                  </a:lnTo>
                  <a:lnTo>
                    <a:pt x="126492" y="3048"/>
                  </a:lnTo>
                  <a:lnTo>
                    <a:pt x="126492" y="0"/>
                  </a:lnTo>
                  <a:close/>
                </a:path>
                <a:path w="483234" h="3175">
                  <a:moveTo>
                    <a:pt x="132588" y="0"/>
                  </a:moveTo>
                  <a:lnTo>
                    <a:pt x="129540" y="0"/>
                  </a:lnTo>
                  <a:lnTo>
                    <a:pt x="129540" y="3048"/>
                  </a:lnTo>
                  <a:lnTo>
                    <a:pt x="132588" y="3048"/>
                  </a:lnTo>
                  <a:lnTo>
                    <a:pt x="132588" y="0"/>
                  </a:lnTo>
                  <a:close/>
                </a:path>
                <a:path w="483234" h="3175">
                  <a:moveTo>
                    <a:pt x="140208" y="0"/>
                  </a:moveTo>
                  <a:lnTo>
                    <a:pt x="137160" y="0"/>
                  </a:lnTo>
                  <a:lnTo>
                    <a:pt x="137160" y="3048"/>
                  </a:lnTo>
                  <a:lnTo>
                    <a:pt x="140208" y="3048"/>
                  </a:lnTo>
                  <a:lnTo>
                    <a:pt x="140208" y="0"/>
                  </a:lnTo>
                  <a:close/>
                </a:path>
                <a:path w="483234" h="3175">
                  <a:moveTo>
                    <a:pt x="146304" y="0"/>
                  </a:moveTo>
                  <a:lnTo>
                    <a:pt x="143256" y="0"/>
                  </a:lnTo>
                  <a:lnTo>
                    <a:pt x="143256" y="3048"/>
                  </a:lnTo>
                  <a:lnTo>
                    <a:pt x="146304" y="3048"/>
                  </a:lnTo>
                  <a:lnTo>
                    <a:pt x="146304" y="0"/>
                  </a:lnTo>
                  <a:close/>
                </a:path>
                <a:path w="483234" h="3175">
                  <a:moveTo>
                    <a:pt x="153924" y="0"/>
                  </a:moveTo>
                  <a:lnTo>
                    <a:pt x="150876" y="0"/>
                  </a:lnTo>
                  <a:lnTo>
                    <a:pt x="150876" y="3048"/>
                  </a:lnTo>
                  <a:lnTo>
                    <a:pt x="153924" y="3048"/>
                  </a:lnTo>
                  <a:lnTo>
                    <a:pt x="153924" y="0"/>
                  </a:lnTo>
                  <a:close/>
                </a:path>
                <a:path w="483234" h="3175">
                  <a:moveTo>
                    <a:pt x="160020" y="0"/>
                  </a:moveTo>
                  <a:lnTo>
                    <a:pt x="156972" y="0"/>
                  </a:lnTo>
                  <a:lnTo>
                    <a:pt x="156972" y="3048"/>
                  </a:lnTo>
                  <a:lnTo>
                    <a:pt x="160020" y="3048"/>
                  </a:lnTo>
                  <a:lnTo>
                    <a:pt x="160020" y="0"/>
                  </a:lnTo>
                  <a:close/>
                </a:path>
                <a:path w="483234" h="3175">
                  <a:moveTo>
                    <a:pt x="167640" y="0"/>
                  </a:moveTo>
                  <a:lnTo>
                    <a:pt x="164592" y="0"/>
                  </a:lnTo>
                  <a:lnTo>
                    <a:pt x="164592" y="3048"/>
                  </a:lnTo>
                  <a:lnTo>
                    <a:pt x="167640" y="3048"/>
                  </a:lnTo>
                  <a:lnTo>
                    <a:pt x="167640" y="0"/>
                  </a:lnTo>
                  <a:close/>
                </a:path>
                <a:path w="483234" h="3175">
                  <a:moveTo>
                    <a:pt x="173736" y="0"/>
                  </a:moveTo>
                  <a:lnTo>
                    <a:pt x="170688" y="0"/>
                  </a:lnTo>
                  <a:lnTo>
                    <a:pt x="170688" y="3048"/>
                  </a:lnTo>
                  <a:lnTo>
                    <a:pt x="173736" y="3048"/>
                  </a:lnTo>
                  <a:lnTo>
                    <a:pt x="173736" y="0"/>
                  </a:lnTo>
                  <a:close/>
                </a:path>
                <a:path w="483234" h="3175">
                  <a:moveTo>
                    <a:pt x="181356" y="0"/>
                  </a:moveTo>
                  <a:lnTo>
                    <a:pt x="178308" y="0"/>
                  </a:lnTo>
                  <a:lnTo>
                    <a:pt x="178308" y="3048"/>
                  </a:lnTo>
                  <a:lnTo>
                    <a:pt x="181356" y="3048"/>
                  </a:lnTo>
                  <a:lnTo>
                    <a:pt x="181356" y="0"/>
                  </a:lnTo>
                  <a:close/>
                </a:path>
                <a:path w="483234" h="3175">
                  <a:moveTo>
                    <a:pt x="187452" y="0"/>
                  </a:moveTo>
                  <a:lnTo>
                    <a:pt x="184404" y="0"/>
                  </a:lnTo>
                  <a:lnTo>
                    <a:pt x="184404" y="3048"/>
                  </a:lnTo>
                  <a:lnTo>
                    <a:pt x="187452" y="3048"/>
                  </a:lnTo>
                  <a:lnTo>
                    <a:pt x="187452" y="0"/>
                  </a:lnTo>
                  <a:close/>
                </a:path>
                <a:path w="483234" h="3175">
                  <a:moveTo>
                    <a:pt x="195072" y="0"/>
                  </a:moveTo>
                  <a:lnTo>
                    <a:pt x="192024" y="0"/>
                  </a:lnTo>
                  <a:lnTo>
                    <a:pt x="192024" y="3048"/>
                  </a:lnTo>
                  <a:lnTo>
                    <a:pt x="195072" y="3048"/>
                  </a:lnTo>
                  <a:lnTo>
                    <a:pt x="195072" y="0"/>
                  </a:lnTo>
                  <a:close/>
                </a:path>
                <a:path w="483234" h="3175">
                  <a:moveTo>
                    <a:pt x="201168" y="0"/>
                  </a:moveTo>
                  <a:lnTo>
                    <a:pt x="198120" y="0"/>
                  </a:lnTo>
                  <a:lnTo>
                    <a:pt x="198120" y="3048"/>
                  </a:lnTo>
                  <a:lnTo>
                    <a:pt x="201168" y="3048"/>
                  </a:lnTo>
                  <a:lnTo>
                    <a:pt x="201168" y="0"/>
                  </a:lnTo>
                  <a:close/>
                </a:path>
                <a:path w="483234" h="3175">
                  <a:moveTo>
                    <a:pt x="208788" y="0"/>
                  </a:moveTo>
                  <a:lnTo>
                    <a:pt x="205740" y="0"/>
                  </a:lnTo>
                  <a:lnTo>
                    <a:pt x="205740" y="3048"/>
                  </a:lnTo>
                  <a:lnTo>
                    <a:pt x="208788" y="3048"/>
                  </a:lnTo>
                  <a:lnTo>
                    <a:pt x="208788" y="0"/>
                  </a:lnTo>
                  <a:close/>
                </a:path>
                <a:path w="483234" h="3175">
                  <a:moveTo>
                    <a:pt x="214884" y="0"/>
                  </a:moveTo>
                  <a:lnTo>
                    <a:pt x="211836" y="0"/>
                  </a:lnTo>
                  <a:lnTo>
                    <a:pt x="211836" y="3048"/>
                  </a:lnTo>
                  <a:lnTo>
                    <a:pt x="214884" y="3048"/>
                  </a:lnTo>
                  <a:lnTo>
                    <a:pt x="214884" y="0"/>
                  </a:lnTo>
                  <a:close/>
                </a:path>
                <a:path w="483234" h="3175">
                  <a:moveTo>
                    <a:pt x="222504" y="0"/>
                  </a:moveTo>
                  <a:lnTo>
                    <a:pt x="219456" y="0"/>
                  </a:lnTo>
                  <a:lnTo>
                    <a:pt x="219456" y="3048"/>
                  </a:lnTo>
                  <a:lnTo>
                    <a:pt x="222504" y="3048"/>
                  </a:lnTo>
                  <a:lnTo>
                    <a:pt x="222504" y="0"/>
                  </a:lnTo>
                  <a:close/>
                </a:path>
                <a:path w="483234" h="3175">
                  <a:moveTo>
                    <a:pt x="228600" y="0"/>
                  </a:moveTo>
                  <a:lnTo>
                    <a:pt x="225552" y="0"/>
                  </a:lnTo>
                  <a:lnTo>
                    <a:pt x="225552" y="3048"/>
                  </a:lnTo>
                  <a:lnTo>
                    <a:pt x="228600" y="3048"/>
                  </a:lnTo>
                  <a:lnTo>
                    <a:pt x="228600" y="0"/>
                  </a:lnTo>
                  <a:close/>
                </a:path>
                <a:path w="483234" h="3175">
                  <a:moveTo>
                    <a:pt x="236220" y="0"/>
                  </a:moveTo>
                  <a:lnTo>
                    <a:pt x="233172" y="0"/>
                  </a:lnTo>
                  <a:lnTo>
                    <a:pt x="233172" y="3048"/>
                  </a:lnTo>
                  <a:lnTo>
                    <a:pt x="236220" y="3048"/>
                  </a:lnTo>
                  <a:lnTo>
                    <a:pt x="236220" y="0"/>
                  </a:lnTo>
                  <a:close/>
                </a:path>
                <a:path w="483234" h="3175">
                  <a:moveTo>
                    <a:pt x="242316" y="0"/>
                  </a:moveTo>
                  <a:lnTo>
                    <a:pt x="239268" y="0"/>
                  </a:lnTo>
                  <a:lnTo>
                    <a:pt x="239268" y="3048"/>
                  </a:lnTo>
                  <a:lnTo>
                    <a:pt x="242316" y="3048"/>
                  </a:lnTo>
                  <a:lnTo>
                    <a:pt x="242316" y="0"/>
                  </a:lnTo>
                  <a:close/>
                </a:path>
                <a:path w="483234" h="3175">
                  <a:moveTo>
                    <a:pt x="249936" y="0"/>
                  </a:moveTo>
                  <a:lnTo>
                    <a:pt x="246888" y="0"/>
                  </a:lnTo>
                  <a:lnTo>
                    <a:pt x="246888" y="3048"/>
                  </a:lnTo>
                  <a:lnTo>
                    <a:pt x="249936" y="3048"/>
                  </a:lnTo>
                  <a:lnTo>
                    <a:pt x="249936" y="0"/>
                  </a:lnTo>
                  <a:close/>
                </a:path>
                <a:path w="483234" h="3175">
                  <a:moveTo>
                    <a:pt x="256032" y="0"/>
                  </a:moveTo>
                  <a:lnTo>
                    <a:pt x="252984" y="0"/>
                  </a:lnTo>
                  <a:lnTo>
                    <a:pt x="252984" y="3048"/>
                  </a:lnTo>
                  <a:lnTo>
                    <a:pt x="256032" y="3048"/>
                  </a:lnTo>
                  <a:lnTo>
                    <a:pt x="256032"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84" y="0"/>
                  </a:moveTo>
                  <a:lnTo>
                    <a:pt x="288036" y="0"/>
                  </a:lnTo>
                  <a:lnTo>
                    <a:pt x="288036" y="3048"/>
                  </a:lnTo>
                  <a:lnTo>
                    <a:pt x="291084" y="3048"/>
                  </a:lnTo>
                  <a:lnTo>
                    <a:pt x="291084" y="0"/>
                  </a:lnTo>
                  <a:close/>
                </a:path>
                <a:path w="483234" h="3175">
                  <a:moveTo>
                    <a:pt x="297180" y="0"/>
                  </a:moveTo>
                  <a:lnTo>
                    <a:pt x="294132" y="0"/>
                  </a:lnTo>
                  <a:lnTo>
                    <a:pt x="294132" y="3048"/>
                  </a:lnTo>
                  <a:lnTo>
                    <a:pt x="297180" y="3048"/>
                  </a:lnTo>
                  <a:lnTo>
                    <a:pt x="297180" y="0"/>
                  </a:lnTo>
                  <a:close/>
                </a:path>
                <a:path w="483234" h="3175">
                  <a:moveTo>
                    <a:pt x="304800" y="0"/>
                  </a:moveTo>
                  <a:lnTo>
                    <a:pt x="301752" y="0"/>
                  </a:lnTo>
                  <a:lnTo>
                    <a:pt x="301752"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5468" y="0"/>
                  </a:lnTo>
                  <a:lnTo>
                    <a:pt x="315468"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9184" y="0"/>
                  </a:lnTo>
                  <a:lnTo>
                    <a:pt x="329184"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2900" y="0"/>
                  </a:lnTo>
                  <a:lnTo>
                    <a:pt x="342900"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5092" y="0"/>
                  </a:lnTo>
                  <a:lnTo>
                    <a:pt x="355092"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68808" y="0"/>
                  </a:lnTo>
                  <a:lnTo>
                    <a:pt x="368808"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2524" y="0"/>
                  </a:lnTo>
                  <a:lnTo>
                    <a:pt x="382524"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6240" y="0"/>
                  </a:lnTo>
                  <a:lnTo>
                    <a:pt x="396240"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09956" y="0"/>
                  </a:lnTo>
                  <a:lnTo>
                    <a:pt x="409956"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3672" y="0"/>
                  </a:lnTo>
                  <a:lnTo>
                    <a:pt x="423672"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7388" y="0"/>
                  </a:lnTo>
                  <a:lnTo>
                    <a:pt x="437388"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1104" y="0"/>
                  </a:lnTo>
                  <a:lnTo>
                    <a:pt x="451104"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4820" y="0"/>
                  </a:lnTo>
                  <a:lnTo>
                    <a:pt x="464820"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20" name="object 20"/>
            <p:cNvSpPr/>
            <p:nvPr/>
          </p:nvSpPr>
          <p:spPr>
            <a:xfrm>
              <a:off x="7321296" y="6196583"/>
              <a:ext cx="483234" cy="3175"/>
            </a:xfrm>
            <a:custGeom>
              <a:avLst/>
              <a:gdLst/>
              <a:ahLst/>
              <a:cxnLst/>
              <a:rect l="l" t="t" r="r" b="b"/>
              <a:pathLst>
                <a:path w="483234" h="3175">
                  <a:moveTo>
                    <a:pt x="4572" y="0"/>
                  </a:moveTo>
                  <a:lnTo>
                    <a:pt x="0" y="0"/>
                  </a:lnTo>
                  <a:lnTo>
                    <a:pt x="0" y="3048"/>
                  </a:lnTo>
                  <a:lnTo>
                    <a:pt x="4572" y="3048"/>
                  </a:lnTo>
                  <a:lnTo>
                    <a:pt x="4572" y="0"/>
                  </a:lnTo>
                  <a:close/>
                </a:path>
                <a:path w="483234" h="3175">
                  <a:moveTo>
                    <a:pt x="10668" y="0"/>
                  </a:moveTo>
                  <a:lnTo>
                    <a:pt x="7620" y="0"/>
                  </a:lnTo>
                  <a:lnTo>
                    <a:pt x="7620" y="3048"/>
                  </a:lnTo>
                  <a:lnTo>
                    <a:pt x="10668" y="3048"/>
                  </a:lnTo>
                  <a:lnTo>
                    <a:pt x="10668" y="0"/>
                  </a:lnTo>
                  <a:close/>
                </a:path>
                <a:path w="483234" h="3175">
                  <a:moveTo>
                    <a:pt x="18288" y="0"/>
                  </a:moveTo>
                  <a:lnTo>
                    <a:pt x="13716" y="0"/>
                  </a:lnTo>
                  <a:lnTo>
                    <a:pt x="13716" y="3048"/>
                  </a:lnTo>
                  <a:lnTo>
                    <a:pt x="18288" y="3048"/>
                  </a:lnTo>
                  <a:lnTo>
                    <a:pt x="18288" y="0"/>
                  </a:lnTo>
                  <a:close/>
                </a:path>
                <a:path w="483234" h="3175">
                  <a:moveTo>
                    <a:pt x="24384" y="0"/>
                  </a:moveTo>
                  <a:lnTo>
                    <a:pt x="21336" y="0"/>
                  </a:lnTo>
                  <a:lnTo>
                    <a:pt x="21336" y="3048"/>
                  </a:lnTo>
                  <a:lnTo>
                    <a:pt x="24384" y="3048"/>
                  </a:lnTo>
                  <a:lnTo>
                    <a:pt x="24384" y="0"/>
                  </a:lnTo>
                  <a:close/>
                </a:path>
                <a:path w="483234" h="3175">
                  <a:moveTo>
                    <a:pt x="32004" y="0"/>
                  </a:moveTo>
                  <a:lnTo>
                    <a:pt x="27432" y="0"/>
                  </a:lnTo>
                  <a:lnTo>
                    <a:pt x="27432" y="3048"/>
                  </a:lnTo>
                  <a:lnTo>
                    <a:pt x="32004" y="3048"/>
                  </a:lnTo>
                  <a:lnTo>
                    <a:pt x="32004" y="0"/>
                  </a:lnTo>
                  <a:close/>
                </a:path>
                <a:path w="483234" h="3175">
                  <a:moveTo>
                    <a:pt x="38100" y="0"/>
                  </a:moveTo>
                  <a:lnTo>
                    <a:pt x="35052" y="0"/>
                  </a:lnTo>
                  <a:lnTo>
                    <a:pt x="35052" y="3048"/>
                  </a:lnTo>
                  <a:lnTo>
                    <a:pt x="38100" y="3048"/>
                  </a:lnTo>
                  <a:lnTo>
                    <a:pt x="38100" y="0"/>
                  </a:lnTo>
                  <a:close/>
                </a:path>
                <a:path w="483234" h="3175">
                  <a:moveTo>
                    <a:pt x="45720" y="0"/>
                  </a:moveTo>
                  <a:lnTo>
                    <a:pt x="41148" y="0"/>
                  </a:lnTo>
                  <a:lnTo>
                    <a:pt x="41148" y="3048"/>
                  </a:lnTo>
                  <a:lnTo>
                    <a:pt x="45720" y="3048"/>
                  </a:lnTo>
                  <a:lnTo>
                    <a:pt x="45720" y="0"/>
                  </a:lnTo>
                  <a:close/>
                </a:path>
                <a:path w="483234" h="3175">
                  <a:moveTo>
                    <a:pt x="51816" y="0"/>
                  </a:moveTo>
                  <a:lnTo>
                    <a:pt x="48768" y="0"/>
                  </a:lnTo>
                  <a:lnTo>
                    <a:pt x="48768" y="3048"/>
                  </a:lnTo>
                  <a:lnTo>
                    <a:pt x="51816" y="3048"/>
                  </a:lnTo>
                  <a:lnTo>
                    <a:pt x="51816" y="0"/>
                  </a:lnTo>
                  <a:close/>
                </a:path>
                <a:path w="483234" h="3175">
                  <a:moveTo>
                    <a:pt x="59436" y="0"/>
                  </a:moveTo>
                  <a:lnTo>
                    <a:pt x="54864" y="0"/>
                  </a:lnTo>
                  <a:lnTo>
                    <a:pt x="54864" y="3048"/>
                  </a:lnTo>
                  <a:lnTo>
                    <a:pt x="59436" y="3048"/>
                  </a:lnTo>
                  <a:lnTo>
                    <a:pt x="59436" y="0"/>
                  </a:lnTo>
                  <a:close/>
                </a:path>
                <a:path w="483234" h="3175">
                  <a:moveTo>
                    <a:pt x="65532" y="0"/>
                  </a:moveTo>
                  <a:lnTo>
                    <a:pt x="62484" y="0"/>
                  </a:lnTo>
                  <a:lnTo>
                    <a:pt x="62484" y="3048"/>
                  </a:lnTo>
                  <a:lnTo>
                    <a:pt x="65532" y="3048"/>
                  </a:lnTo>
                  <a:lnTo>
                    <a:pt x="65532" y="0"/>
                  </a:lnTo>
                  <a:close/>
                </a:path>
                <a:path w="483234" h="3175">
                  <a:moveTo>
                    <a:pt x="73152" y="0"/>
                  </a:moveTo>
                  <a:lnTo>
                    <a:pt x="68580" y="0"/>
                  </a:lnTo>
                  <a:lnTo>
                    <a:pt x="68580" y="3048"/>
                  </a:lnTo>
                  <a:lnTo>
                    <a:pt x="73152" y="3048"/>
                  </a:lnTo>
                  <a:lnTo>
                    <a:pt x="73152" y="0"/>
                  </a:lnTo>
                  <a:close/>
                </a:path>
                <a:path w="483234" h="3175">
                  <a:moveTo>
                    <a:pt x="79248" y="0"/>
                  </a:moveTo>
                  <a:lnTo>
                    <a:pt x="76200" y="0"/>
                  </a:lnTo>
                  <a:lnTo>
                    <a:pt x="76200" y="3048"/>
                  </a:lnTo>
                  <a:lnTo>
                    <a:pt x="79248" y="3048"/>
                  </a:lnTo>
                  <a:lnTo>
                    <a:pt x="79248" y="0"/>
                  </a:lnTo>
                  <a:close/>
                </a:path>
                <a:path w="483234" h="3175">
                  <a:moveTo>
                    <a:pt x="86868" y="0"/>
                  </a:moveTo>
                  <a:lnTo>
                    <a:pt x="82296" y="0"/>
                  </a:lnTo>
                  <a:lnTo>
                    <a:pt x="82296" y="3048"/>
                  </a:lnTo>
                  <a:lnTo>
                    <a:pt x="86868" y="3048"/>
                  </a:lnTo>
                  <a:lnTo>
                    <a:pt x="86868" y="0"/>
                  </a:lnTo>
                  <a:close/>
                </a:path>
                <a:path w="483234" h="3175">
                  <a:moveTo>
                    <a:pt x="92964" y="0"/>
                  </a:moveTo>
                  <a:lnTo>
                    <a:pt x="89916" y="0"/>
                  </a:lnTo>
                  <a:lnTo>
                    <a:pt x="89916" y="3048"/>
                  </a:lnTo>
                  <a:lnTo>
                    <a:pt x="92964" y="3048"/>
                  </a:lnTo>
                  <a:lnTo>
                    <a:pt x="92964" y="0"/>
                  </a:lnTo>
                  <a:close/>
                </a:path>
                <a:path w="483234" h="3175">
                  <a:moveTo>
                    <a:pt x="100584" y="0"/>
                  </a:moveTo>
                  <a:lnTo>
                    <a:pt x="96012" y="0"/>
                  </a:lnTo>
                  <a:lnTo>
                    <a:pt x="96012" y="3048"/>
                  </a:lnTo>
                  <a:lnTo>
                    <a:pt x="100584" y="3048"/>
                  </a:lnTo>
                  <a:lnTo>
                    <a:pt x="100584" y="0"/>
                  </a:lnTo>
                  <a:close/>
                </a:path>
                <a:path w="483234" h="3175">
                  <a:moveTo>
                    <a:pt x="106680" y="0"/>
                  </a:moveTo>
                  <a:lnTo>
                    <a:pt x="103632" y="0"/>
                  </a:lnTo>
                  <a:lnTo>
                    <a:pt x="103632" y="3048"/>
                  </a:lnTo>
                  <a:lnTo>
                    <a:pt x="106680" y="3048"/>
                  </a:lnTo>
                  <a:lnTo>
                    <a:pt x="106680" y="0"/>
                  </a:lnTo>
                  <a:close/>
                </a:path>
                <a:path w="483234" h="3175">
                  <a:moveTo>
                    <a:pt x="114300" y="0"/>
                  </a:moveTo>
                  <a:lnTo>
                    <a:pt x="109728" y="0"/>
                  </a:lnTo>
                  <a:lnTo>
                    <a:pt x="109728" y="3048"/>
                  </a:lnTo>
                  <a:lnTo>
                    <a:pt x="114300" y="3048"/>
                  </a:lnTo>
                  <a:lnTo>
                    <a:pt x="114300" y="0"/>
                  </a:lnTo>
                  <a:close/>
                </a:path>
                <a:path w="483234" h="3175">
                  <a:moveTo>
                    <a:pt x="120396" y="0"/>
                  </a:moveTo>
                  <a:lnTo>
                    <a:pt x="117348" y="0"/>
                  </a:lnTo>
                  <a:lnTo>
                    <a:pt x="117348" y="3048"/>
                  </a:lnTo>
                  <a:lnTo>
                    <a:pt x="120396" y="3048"/>
                  </a:lnTo>
                  <a:lnTo>
                    <a:pt x="120396" y="0"/>
                  </a:lnTo>
                  <a:close/>
                </a:path>
                <a:path w="483234" h="3175">
                  <a:moveTo>
                    <a:pt x="128016" y="0"/>
                  </a:moveTo>
                  <a:lnTo>
                    <a:pt x="123444" y="0"/>
                  </a:lnTo>
                  <a:lnTo>
                    <a:pt x="123444" y="3048"/>
                  </a:lnTo>
                  <a:lnTo>
                    <a:pt x="128016" y="3048"/>
                  </a:lnTo>
                  <a:lnTo>
                    <a:pt x="128016" y="0"/>
                  </a:lnTo>
                  <a:close/>
                </a:path>
                <a:path w="483234" h="3175">
                  <a:moveTo>
                    <a:pt x="134112" y="0"/>
                  </a:moveTo>
                  <a:lnTo>
                    <a:pt x="131064" y="0"/>
                  </a:lnTo>
                  <a:lnTo>
                    <a:pt x="131064" y="3048"/>
                  </a:lnTo>
                  <a:lnTo>
                    <a:pt x="134112" y="3048"/>
                  </a:lnTo>
                  <a:lnTo>
                    <a:pt x="134112" y="0"/>
                  </a:lnTo>
                  <a:close/>
                </a:path>
                <a:path w="483234" h="3175">
                  <a:moveTo>
                    <a:pt x="141732" y="0"/>
                  </a:moveTo>
                  <a:lnTo>
                    <a:pt x="137160" y="0"/>
                  </a:lnTo>
                  <a:lnTo>
                    <a:pt x="137160" y="3048"/>
                  </a:lnTo>
                  <a:lnTo>
                    <a:pt x="141732" y="3048"/>
                  </a:lnTo>
                  <a:lnTo>
                    <a:pt x="141732" y="0"/>
                  </a:lnTo>
                  <a:close/>
                </a:path>
                <a:path w="483234" h="3175">
                  <a:moveTo>
                    <a:pt x="147828" y="0"/>
                  </a:moveTo>
                  <a:lnTo>
                    <a:pt x="144780" y="0"/>
                  </a:lnTo>
                  <a:lnTo>
                    <a:pt x="144780" y="3048"/>
                  </a:lnTo>
                  <a:lnTo>
                    <a:pt x="147828" y="3048"/>
                  </a:lnTo>
                  <a:lnTo>
                    <a:pt x="147828" y="0"/>
                  </a:lnTo>
                  <a:close/>
                </a:path>
                <a:path w="483234" h="3175">
                  <a:moveTo>
                    <a:pt x="155448" y="0"/>
                  </a:moveTo>
                  <a:lnTo>
                    <a:pt x="150876" y="0"/>
                  </a:lnTo>
                  <a:lnTo>
                    <a:pt x="150876" y="3048"/>
                  </a:lnTo>
                  <a:lnTo>
                    <a:pt x="155448" y="3048"/>
                  </a:lnTo>
                  <a:lnTo>
                    <a:pt x="155448" y="0"/>
                  </a:lnTo>
                  <a:close/>
                </a:path>
                <a:path w="483234" h="3175">
                  <a:moveTo>
                    <a:pt x="161544" y="0"/>
                  </a:moveTo>
                  <a:lnTo>
                    <a:pt x="158496" y="0"/>
                  </a:lnTo>
                  <a:lnTo>
                    <a:pt x="158496" y="3048"/>
                  </a:lnTo>
                  <a:lnTo>
                    <a:pt x="161544" y="3048"/>
                  </a:lnTo>
                  <a:lnTo>
                    <a:pt x="161544" y="0"/>
                  </a:lnTo>
                  <a:close/>
                </a:path>
                <a:path w="483234" h="3175">
                  <a:moveTo>
                    <a:pt x="169164" y="0"/>
                  </a:moveTo>
                  <a:lnTo>
                    <a:pt x="164592" y="0"/>
                  </a:lnTo>
                  <a:lnTo>
                    <a:pt x="164592" y="3048"/>
                  </a:lnTo>
                  <a:lnTo>
                    <a:pt x="169164" y="3048"/>
                  </a:lnTo>
                  <a:lnTo>
                    <a:pt x="169164" y="0"/>
                  </a:lnTo>
                  <a:close/>
                </a:path>
                <a:path w="483234" h="3175">
                  <a:moveTo>
                    <a:pt x="175260" y="0"/>
                  </a:moveTo>
                  <a:lnTo>
                    <a:pt x="172212" y="0"/>
                  </a:lnTo>
                  <a:lnTo>
                    <a:pt x="172212" y="3048"/>
                  </a:lnTo>
                  <a:lnTo>
                    <a:pt x="175260" y="3048"/>
                  </a:lnTo>
                  <a:lnTo>
                    <a:pt x="175260" y="0"/>
                  </a:lnTo>
                  <a:close/>
                </a:path>
                <a:path w="483234" h="3175">
                  <a:moveTo>
                    <a:pt x="182880" y="0"/>
                  </a:moveTo>
                  <a:lnTo>
                    <a:pt x="178308" y="0"/>
                  </a:lnTo>
                  <a:lnTo>
                    <a:pt x="178308" y="3048"/>
                  </a:lnTo>
                  <a:lnTo>
                    <a:pt x="182880" y="3048"/>
                  </a:lnTo>
                  <a:lnTo>
                    <a:pt x="182880" y="0"/>
                  </a:lnTo>
                  <a:close/>
                </a:path>
                <a:path w="483234" h="3175">
                  <a:moveTo>
                    <a:pt x="188976" y="0"/>
                  </a:moveTo>
                  <a:lnTo>
                    <a:pt x="185928" y="0"/>
                  </a:lnTo>
                  <a:lnTo>
                    <a:pt x="185928" y="3048"/>
                  </a:lnTo>
                  <a:lnTo>
                    <a:pt x="188976" y="3048"/>
                  </a:lnTo>
                  <a:lnTo>
                    <a:pt x="188976" y="0"/>
                  </a:lnTo>
                  <a:close/>
                </a:path>
                <a:path w="483234" h="3175">
                  <a:moveTo>
                    <a:pt x="196596" y="0"/>
                  </a:moveTo>
                  <a:lnTo>
                    <a:pt x="192024" y="0"/>
                  </a:lnTo>
                  <a:lnTo>
                    <a:pt x="192024" y="3048"/>
                  </a:lnTo>
                  <a:lnTo>
                    <a:pt x="196596" y="3048"/>
                  </a:lnTo>
                  <a:lnTo>
                    <a:pt x="196596" y="0"/>
                  </a:lnTo>
                  <a:close/>
                </a:path>
                <a:path w="483234" h="3175">
                  <a:moveTo>
                    <a:pt x="202692" y="0"/>
                  </a:moveTo>
                  <a:lnTo>
                    <a:pt x="199644" y="0"/>
                  </a:lnTo>
                  <a:lnTo>
                    <a:pt x="199644" y="3048"/>
                  </a:lnTo>
                  <a:lnTo>
                    <a:pt x="202692" y="3048"/>
                  </a:lnTo>
                  <a:lnTo>
                    <a:pt x="202692" y="0"/>
                  </a:lnTo>
                  <a:close/>
                </a:path>
                <a:path w="483234" h="3175">
                  <a:moveTo>
                    <a:pt x="210312" y="0"/>
                  </a:moveTo>
                  <a:lnTo>
                    <a:pt x="205740" y="0"/>
                  </a:lnTo>
                  <a:lnTo>
                    <a:pt x="205740" y="3048"/>
                  </a:lnTo>
                  <a:lnTo>
                    <a:pt x="210312" y="3048"/>
                  </a:lnTo>
                  <a:lnTo>
                    <a:pt x="210312" y="0"/>
                  </a:lnTo>
                  <a:close/>
                </a:path>
                <a:path w="483234" h="3175">
                  <a:moveTo>
                    <a:pt x="216408" y="0"/>
                  </a:moveTo>
                  <a:lnTo>
                    <a:pt x="213360" y="0"/>
                  </a:lnTo>
                  <a:lnTo>
                    <a:pt x="213360" y="3048"/>
                  </a:lnTo>
                  <a:lnTo>
                    <a:pt x="216408" y="3048"/>
                  </a:lnTo>
                  <a:lnTo>
                    <a:pt x="216408" y="0"/>
                  </a:lnTo>
                  <a:close/>
                </a:path>
                <a:path w="483234" h="3175">
                  <a:moveTo>
                    <a:pt x="224028" y="0"/>
                  </a:moveTo>
                  <a:lnTo>
                    <a:pt x="219456" y="0"/>
                  </a:lnTo>
                  <a:lnTo>
                    <a:pt x="219456" y="3048"/>
                  </a:lnTo>
                  <a:lnTo>
                    <a:pt x="224028" y="3048"/>
                  </a:lnTo>
                  <a:lnTo>
                    <a:pt x="224028" y="0"/>
                  </a:lnTo>
                  <a:close/>
                </a:path>
                <a:path w="483234" h="3175">
                  <a:moveTo>
                    <a:pt x="230124" y="0"/>
                  </a:moveTo>
                  <a:lnTo>
                    <a:pt x="227076" y="0"/>
                  </a:lnTo>
                  <a:lnTo>
                    <a:pt x="227076" y="3048"/>
                  </a:lnTo>
                  <a:lnTo>
                    <a:pt x="230124" y="3048"/>
                  </a:lnTo>
                  <a:lnTo>
                    <a:pt x="230124" y="0"/>
                  </a:lnTo>
                  <a:close/>
                </a:path>
                <a:path w="483234" h="3175">
                  <a:moveTo>
                    <a:pt x="237744" y="0"/>
                  </a:moveTo>
                  <a:lnTo>
                    <a:pt x="233172" y="0"/>
                  </a:lnTo>
                  <a:lnTo>
                    <a:pt x="233172" y="3048"/>
                  </a:lnTo>
                  <a:lnTo>
                    <a:pt x="237744" y="3048"/>
                  </a:lnTo>
                  <a:lnTo>
                    <a:pt x="237744" y="0"/>
                  </a:lnTo>
                  <a:close/>
                </a:path>
                <a:path w="483234" h="3175">
                  <a:moveTo>
                    <a:pt x="243840" y="0"/>
                  </a:moveTo>
                  <a:lnTo>
                    <a:pt x="240792" y="0"/>
                  </a:lnTo>
                  <a:lnTo>
                    <a:pt x="240792" y="3048"/>
                  </a:lnTo>
                  <a:lnTo>
                    <a:pt x="243840" y="3048"/>
                  </a:lnTo>
                  <a:lnTo>
                    <a:pt x="243840" y="0"/>
                  </a:lnTo>
                  <a:close/>
                </a:path>
                <a:path w="483234" h="3175">
                  <a:moveTo>
                    <a:pt x="251460" y="0"/>
                  </a:moveTo>
                  <a:lnTo>
                    <a:pt x="246888" y="0"/>
                  </a:lnTo>
                  <a:lnTo>
                    <a:pt x="246888" y="3048"/>
                  </a:lnTo>
                  <a:lnTo>
                    <a:pt x="251460" y="3048"/>
                  </a:lnTo>
                  <a:lnTo>
                    <a:pt x="251460" y="0"/>
                  </a:lnTo>
                  <a:close/>
                </a:path>
                <a:path w="483234" h="3175">
                  <a:moveTo>
                    <a:pt x="257556" y="0"/>
                  </a:moveTo>
                  <a:lnTo>
                    <a:pt x="254508" y="0"/>
                  </a:lnTo>
                  <a:lnTo>
                    <a:pt x="254508" y="3048"/>
                  </a:lnTo>
                  <a:lnTo>
                    <a:pt x="257556" y="3048"/>
                  </a:lnTo>
                  <a:lnTo>
                    <a:pt x="257556" y="0"/>
                  </a:lnTo>
                  <a:close/>
                </a:path>
                <a:path w="483234" h="3175">
                  <a:moveTo>
                    <a:pt x="265176" y="0"/>
                  </a:moveTo>
                  <a:lnTo>
                    <a:pt x="260604" y="0"/>
                  </a:lnTo>
                  <a:lnTo>
                    <a:pt x="260604" y="3048"/>
                  </a:lnTo>
                  <a:lnTo>
                    <a:pt x="265176" y="3048"/>
                  </a:lnTo>
                  <a:lnTo>
                    <a:pt x="265176" y="0"/>
                  </a:lnTo>
                  <a:close/>
                </a:path>
                <a:path w="483234" h="3175">
                  <a:moveTo>
                    <a:pt x="271272" y="0"/>
                  </a:moveTo>
                  <a:lnTo>
                    <a:pt x="268224" y="0"/>
                  </a:lnTo>
                  <a:lnTo>
                    <a:pt x="268224" y="3048"/>
                  </a:lnTo>
                  <a:lnTo>
                    <a:pt x="271272" y="3048"/>
                  </a:lnTo>
                  <a:lnTo>
                    <a:pt x="271272" y="0"/>
                  </a:lnTo>
                  <a:close/>
                </a:path>
                <a:path w="483234" h="3175">
                  <a:moveTo>
                    <a:pt x="278892" y="0"/>
                  </a:moveTo>
                  <a:lnTo>
                    <a:pt x="274320" y="0"/>
                  </a:lnTo>
                  <a:lnTo>
                    <a:pt x="274320" y="3048"/>
                  </a:lnTo>
                  <a:lnTo>
                    <a:pt x="278892" y="3048"/>
                  </a:lnTo>
                  <a:lnTo>
                    <a:pt x="278892" y="0"/>
                  </a:lnTo>
                  <a:close/>
                </a:path>
                <a:path w="483234" h="3175">
                  <a:moveTo>
                    <a:pt x="284988" y="0"/>
                  </a:moveTo>
                  <a:lnTo>
                    <a:pt x="281940" y="0"/>
                  </a:lnTo>
                  <a:lnTo>
                    <a:pt x="281940" y="3048"/>
                  </a:lnTo>
                  <a:lnTo>
                    <a:pt x="284988" y="3048"/>
                  </a:lnTo>
                  <a:lnTo>
                    <a:pt x="284988" y="0"/>
                  </a:lnTo>
                  <a:close/>
                </a:path>
                <a:path w="483234" h="3175">
                  <a:moveTo>
                    <a:pt x="292608" y="0"/>
                  </a:moveTo>
                  <a:lnTo>
                    <a:pt x="288036" y="0"/>
                  </a:lnTo>
                  <a:lnTo>
                    <a:pt x="288036" y="3048"/>
                  </a:lnTo>
                  <a:lnTo>
                    <a:pt x="292608" y="3048"/>
                  </a:lnTo>
                  <a:lnTo>
                    <a:pt x="292608" y="0"/>
                  </a:lnTo>
                  <a:close/>
                </a:path>
                <a:path w="483234" h="3175">
                  <a:moveTo>
                    <a:pt x="298704" y="0"/>
                  </a:moveTo>
                  <a:lnTo>
                    <a:pt x="295656" y="0"/>
                  </a:lnTo>
                  <a:lnTo>
                    <a:pt x="295656" y="3048"/>
                  </a:lnTo>
                  <a:lnTo>
                    <a:pt x="298704" y="3048"/>
                  </a:lnTo>
                  <a:lnTo>
                    <a:pt x="298704" y="0"/>
                  </a:lnTo>
                  <a:close/>
                </a:path>
                <a:path w="483234" h="3175">
                  <a:moveTo>
                    <a:pt x="306324" y="0"/>
                  </a:moveTo>
                  <a:lnTo>
                    <a:pt x="301752" y="0"/>
                  </a:lnTo>
                  <a:lnTo>
                    <a:pt x="301752" y="3048"/>
                  </a:lnTo>
                  <a:lnTo>
                    <a:pt x="306324" y="3048"/>
                  </a:lnTo>
                  <a:lnTo>
                    <a:pt x="306324" y="0"/>
                  </a:lnTo>
                  <a:close/>
                </a:path>
                <a:path w="483234" h="3175">
                  <a:moveTo>
                    <a:pt x="312420" y="0"/>
                  </a:moveTo>
                  <a:lnTo>
                    <a:pt x="309372" y="0"/>
                  </a:lnTo>
                  <a:lnTo>
                    <a:pt x="309372" y="3048"/>
                  </a:lnTo>
                  <a:lnTo>
                    <a:pt x="312420" y="3048"/>
                  </a:lnTo>
                  <a:lnTo>
                    <a:pt x="312420" y="0"/>
                  </a:lnTo>
                  <a:close/>
                </a:path>
                <a:path w="483234" h="3175">
                  <a:moveTo>
                    <a:pt x="320040" y="0"/>
                  </a:moveTo>
                  <a:lnTo>
                    <a:pt x="315468" y="0"/>
                  </a:lnTo>
                  <a:lnTo>
                    <a:pt x="315468" y="3048"/>
                  </a:lnTo>
                  <a:lnTo>
                    <a:pt x="320040" y="3048"/>
                  </a:lnTo>
                  <a:lnTo>
                    <a:pt x="320040" y="0"/>
                  </a:lnTo>
                  <a:close/>
                </a:path>
                <a:path w="483234" h="3175">
                  <a:moveTo>
                    <a:pt x="326136" y="0"/>
                  </a:moveTo>
                  <a:lnTo>
                    <a:pt x="323088" y="0"/>
                  </a:lnTo>
                  <a:lnTo>
                    <a:pt x="323088" y="3048"/>
                  </a:lnTo>
                  <a:lnTo>
                    <a:pt x="326136" y="3048"/>
                  </a:lnTo>
                  <a:lnTo>
                    <a:pt x="326136" y="0"/>
                  </a:lnTo>
                  <a:close/>
                </a:path>
                <a:path w="483234" h="3175">
                  <a:moveTo>
                    <a:pt x="333756" y="0"/>
                  </a:moveTo>
                  <a:lnTo>
                    <a:pt x="329184" y="0"/>
                  </a:lnTo>
                  <a:lnTo>
                    <a:pt x="329184" y="3048"/>
                  </a:lnTo>
                  <a:lnTo>
                    <a:pt x="333756" y="3048"/>
                  </a:lnTo>
                  <a:lnTo>
                    <a:pt x="333756" y="0"/>
                  </a:lnTo>
                  <a:close/>
                </a:path>
                <a:path w="483234" h="3175">
                  <a:moveTo>
                    <a:pt x="339852" y="0"/>
                  </a:moveTo>
                  <a:lnTo>
                    <a:pt x="336804" y="0"/>
                  </a:lnTo>
                  <a:lnTo>
                    <a:pt x="336804" y="3048"/>
                  </a:lnTo>
                  <a:lnTo>
                    <a:pt x="339852" y="3048"/>
                  </a:lnTo>
                  <a:lnTo>
                    <a:pt x="339852" y="0"/>
                  </a:lnTo>
                  <a:close/>
                </a:path>
                <a:path w="483234" h="3175">
                  <a:moveTo>
                    <a:pt x="347472" y="0"/>
                  </a:moveTo>
                  <a:lnTo>
                    <a:pt x="342900" y="0"/>
                  </a:lnTo>
                  <a:lnTo>
                    <a:pt x="342900" y="3048"/>
                  </a:lnTo>
                  <a:lnTo>
                    <a:pt x="347472" y="3048"/>
                  </a:lnTo>
                  <a:lnTo>
                    <a:pt x="347472" y="0"/>
                  </a:lnTo>
                  <a:close/>
                </a:path>
                <a:path w="483234" h="3175">
                  <a:moveTo>
                    <a:pt x="353568" y="0"/>
                  </a:moveTo>
                  <a:lnTo>
                    <a:pt x="350520" y="0"/>
                  </a:lnTo>
                  <a:lnTo>
                    <a:pt x="350520" y="3048"/>
                  </a:lnTo>
                  <a:lnTo>
                    <a:pt x="353568" y="3048"/>
                  </a:lnTo>
                  <a:lnTo>
                    <a:pt x="353568" y="0"/>
                  </a:lnTo>
                  <a:close/>
                </a:path>
                <a:path w="483234" h="3175">
                  <a:moveTo>
                    <a:pt x="361188" y="0"/>
                  </a:moveTo>
                  <a:lnTo>
                    <a:pt x="356616" y="0"/>
                  </a:lnTo>
                  <a:lnTo>
                    <a:pt x="356616" y="3048"/>
                  </a:lnTo>
                  <a:lnTo>
                    <a:pt x="361188" y="3048"/>
                  </a:lnTo>
                  <a:lnTo>
                    <a:pt x="361188" y="0"/>
                  </a:lnTo>
                  <a:close/>
                </a:path>
                <a:path w="483234" h="3175">
                  <a:moveTo>
                    <a:pt x="367284" y="0"/>
                  </a:moveTo>
                  <a:lnTo>
                    <a:pt x="364236" y="0"/>
                  </a:lnTo>
                  <a:lnTo>
                    <a:pt x="364236" y="3048"/>
                  </a:lnTo>
                  <a:lnTo>
                    <a:pt x="367284" y="3048"/>
                  </a:lnTo>
                  <a:lnTo>
                    <a:pt x="367284" y="0"/>
                  </a:lnTo>
                  <a:close/>
                </a:path>
                <a:path w="483234" h="3175">
                  <a:moveTo>
                    <a:pt x="374904" y="0"/>
                  </a:moveTo>
                  <a:lnTo>
                    <a:pt x="370332" y="0"/>
                  </a:lnTo>
                  <a:lnTo>
                    <a:pt x="370332" y="3048"/>
                  </a:lnTo>
                  <a:lnTo>
                    <a:pt x="374904" y="3048"/>
                  </a:lnTo>
                  <a:lnTo>
                    <a:pt x="374904" y="0"/>
                  </a:lnTo>
                  <a:close/>
                </a:path>
                <a:path w="483234" h="3175">
                  <a:moveTo>
                    <a:pt x="381000" y="0"/>
                  </a:moveTo>
                  <a:lnTo>
                    <a:pt x="377952" y="0"/>
                  </a:lnTo>
                  <a:lnTo>
                    <a:pt x="377952" y="3048"/>
                  </a:lnTo>
                  <a:lnTo>
                    <a:pt x="381000" y="3048"/>
                  </a:lnTo>
                  <a:lnTo>
                    <a:pt x="381000" y="0"/>
                  </a:lnTo>
                  <a:close/>
                </a:path>
                <a:path w="483234" h="3175">
                  <a:moveTo>
                    <a:pt x="388620" y="0"/>
                  </a:moveTo>
                  <a:lnTo>
                    <a:pt x="384048" y="0"/>
                  </a:lnTo>
                  <a:lnTo>
                    <a:pt x="384048" y="3048"/>
                  </a:lnTo>
                  <a:lnTo>
                    <a:pt x="388620" y="3048"/>
                  </a:lnTo>
                  <a:lnTo>
                    <a:pt x="388620" y="0"/>
                  </a:lnTo>
                  <a:close/>
                </a:path>
                <a:path w="483234" h="3175">
                  <a:moveTo>
                    <a:pt x="394716" y="0"/>
                  </a:moveTo>
                  <a:lnTo>
                    <a:pt x="391668" y="0"/>
                  </a:lnTo>
                  <a:lnTo>
                    <a:pt x="391668" y="3048"/>
                  </a:lnTo>
                  <a:lnTo>
                    <a:pt x="394716" y="3048"/>
                  </a:lnTo>
                  <a:lnTo>
                    <a:pt x="394716" y="0"/>
                  </a:lnTo>
                  <a:close/>
                </a:path>
                <a:path w="483234" h="3175">
                  <a:moveTo>
                    <a:pt x="402336" y="0"/>
                  </a:moveTo>
                  <a:lnTo>
                    <a:pt x="397764" y="0"/>
                  </a:lnTo>
                  <a:lnTo>
                    <a:pt x="397764" y="3048"/>
                  </a:lnTo>
                  <a:lnTo>
                    <a:pt x="402336" y="3048"/>
                  </a:lnTo>
                  <a:lnTo>
                    <a:pt x="402336" y="0"/>
                  </a:lnTo>
                  <a:close/>
                </a:path>
                <a:path w="483234" h="3175">
                  <a:moveTo>
                    <a:pt x="408432" y="0"/>
                  </a:moveTo>
                  <a:lnTo>
                    <a:pt x="405384" y="0"/>
                  </a:lnTo>
                  <a:lnTo>
                    <a:pt x="405384" y="3048"/>
                  </a:lnTo>
                  <a:lnTo>
                    <a:pt x="408432" y="3048"/>
                  </a:lnTo>
                  <a:lnTo>
                    <a:pt x="408432" y="0"/>
                  </a:lnTo>
                  <a:close/>
                </a:path>
                <a:path w="483234" h="3175">
                  <a:moveTo>
                    <a:pt x="416052" y="0"/>
                  </a:moveTo>
                  <a:lnTo>
                    <a:pt x="411480" y="0"/>
                  </a:lnTo>
                  <a:lnTo>
                    <a:pt x="411480" y="3048"/>
                  </a:lnTo>
                  <a:lnTo>
                    <a:pt x="416052" y="3048"/>
                  </a:lnTo>
                  <a:lnTo>
                    <a:pt x="416052" y="0"/>
                  </a:lnTo>
                  <a:close/>
                </a:path>
                <a:path w="483234" h="3175">
                  <a:moveTo>
                    <a:pt x="422148" y="0"/>
                  </a:moveTo>
                  <a:lnTo>
                    <a:pt x="419100" y="0"/>
                  </a:lnTo>
                  <a:lnTo>
                    <a:pt x="419100" y="3048"/>
                  </a:lnTo>
                  <a:lnTo>
                    <a:pt x="422148" y="3048"/>
                  </a:lnTo>
                  <a:lnTo>
                    <a:pt x="422148" y="0"/>
                  </a:lnTo>
                  <a:close/>
                </a:path>
                <a:path w="483234" h="3175">
                  <a:moveTo>
                    <a:pt x="429768" y="0"/>
                  </a:moveTo>
                  <a:lnTo>
                    <a:pt x="425196" y="0"/>
                  </a:lnTo>
                  <a:lnTo>
                    <a:pt x="425196" y="3048"/>
                  </a:lnTo>
                  <a:lnTo>
                    <a:pt x="429768" y="3048"/>
                  </a:lnTo>
                  <a:lnTo>
                    <a:pt x="429768" y="0"/>
                  </a:lnTo>
                  <a:close/>
                </a:path>
                <a:path w="483234" h="3175">
                  <a:moveTo>
                    <a:pt x="435864" y="0"/>
                  </a:moveTo>
                  <a:lnTo>
                    <a:pt x="432816" y="0"/>
                  </a:lnTo>
                  <a:lnTo>
                    <a:pt x="432816" y="3048"/>
                  </a:lnTo>
                  <a:lnTo>
                    <a:pt x="435864" y="3048"/>
                  </a:lnTo>
                  <a:lnTo>
                    <a:pt x="435864" y="0"/>
                  </a:lnTo>
                  <a:close/>
                </a:path>
                <a:path w="483234" h="3175">
                  <a:moveTo>
                    <a:pt x="443484" y="0"/>
                  </a:moveTo>
                  <a:lnTo>
                    <a:pt x="438912" y="0"/>
                  </a:lnTo>
                  <a:lnTo>
                    <a:pt x="438912" y="3048"/>
                  </a:lnTo>
                  <a:lnTo>
                    <a:pt x="443484" y="3048"/>
                  </a:lnTo>
                  <a:lnTo>
                    <a:pt x="443484" y="0"/>
                  </a:lnTo>
                  <a:close/>
                </a:path>
                <a:path w="483234" h="3175">
                  <a:moveTo>
                    <a:pt x="449580" y="0"/>
                  </a:moveTo>
                  <a:lnTo>
                    <a:pt x="446532" y="0"/>
                  </a:lnTo>
                  <a:lnTo>
                    <a:pt x="446532" y="3048"/>
                  </a:lnTo>
                  <a:lnTo>
                    <a:pt x="449580" y="3048"/>
                  </a:lnTo>
                  <a:lnTo>
                    <a:pt x="449580" y="0"/>
                  </a:lnTo>
                  <a:close/>
                </a:path>
                <a:path w="483234" h="3175">
                  <a:moveTo>
                    <a:pt x="457200" y="0"/>
                  </a:moveTo>
                  <a:lnTo>
                    <a:pt x="452628" y="0"/>
                  </a:lnTo>
                  <a:lnTo>
                    <a:pt x="452628" y="3048"/>
                  </a:lnTo>
                  <a:lnTo>
                    <a:pt x="457200" y="3048"/>
                  </a:lnTo>
                  <a:lnTo>
                    <a:pt x="457200" y="0"/>
                  </a:lnTo>
                  <a:close/>
                </a:path>
                <a:path w="483234" h="3175">
                  <a:moveTo>
                    <a:pt x="463296" y="0"/>
                  </a:moveTo>
                  <a:lnTo>
                    <a:pt x="460248" y="0"/>
                  </a:lnTo>
                  <a:lnTo>
                    <a:pt x="460248" y="3048"/>
                  </a:lnTo>
                  <a:lnTo>
                    <a:pt x="463296" y="3048"/>
                  </a:lnTo>
                  <a:lnTo>
                    <a:pt x="463296" y="0"/>
                  </a:lnTo>
                  <a:close/>
                </a:path>
                <a:path w="483234" h="3175">
                  <a:moveTo>
                    <a:pt x="470916" y="0"/>
                  </a:moveTo>
                  <a:lnTo>
                    <a:pt x="466344" y="0"/>
                  </a:lnTo>
                  <a:lnTo>
                    <a:pt x="466344" y="3048"/>
                  </a:lnTo>
                  <a:lnTo>
                    <a:pt x="470916" y="3048"/>
                  </a:lnTo>
                  <a:lnTo>
                    <a:pt x="470916"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21" name="object 21"/>
            <p:cNvSpPr/>
            <p:nvPr/>
          </p:nvSpPr>
          <p:spPr>
            <a:xfrm>
              <a:off x="7801356"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7620" y="0"/>
                  </a:lnTo>
                  <a:lnTo>
                    <a:pt x="7620"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21336" y="0"/>
                  </a:lnTo>
                  <a:lnTo>
                    <a:pt x="21336"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5052" y="0"/>
                  </a:lnTo>
                  <a:lnTo>
                    <a:pt x="35052"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8768" y="0"/>
                  </a:lnTo>
                  <a:lnTo>
                    <a:pt x="48768"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2484" y="0"/>
                  </a:lnTo>
                  <a:lnTo>
                    <a:pt x="62484"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6200" y="0"/>
                  </a:lnTo>
                  <a:lnTo>
                    <a:pt x="76200"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9916" y="0"/>
                  </a:lnTo>
                  <a:lnTo>
                    <a:pt x="89916"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3632" y="0"/>
                  </a:lnTo>
                  <a:lnTo>
                    <a:pt x="103632"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7348" y="0"/>
                  </a:lnTo>
                  <a:lnTo>
                    <a:pt x="117348"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31064" y="0"/>
                  </a:lnTo>
                  <a:lnTo>
                    <a:pt x="131064"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4780" y="0"/>
                  </a:lnTo>
                  <a:lnTo>
                    <a:pt x="144780"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8496" y="0"/>
                  </a:lnTo>
                  <a:lnTo>
                    <a:pt x="158496"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2212" y="0"/>
                  </a:lnTo>
                  <a:lnTo>
                    <a:pt x="172212"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5928" y="0"/>
                  </a:lnTo>
                  <a:lnTo>
                    <a:pt x="185928"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9644" y="0"/>
                  </a:lnTo>
                  <a:lnTo>
                    <a:pt x="199644"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3360" y="0"/>
                  </a:lnTo>
                  <a:lnTo>
                    <a:pt x="213360"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7076" y="0"/>
                  </a:lnTo>
                  <a:lnTo>
                    <a:pt x="227076"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40792" y="0"/>
                  </a:lnTo>
                  <a:lnTo>
                    <a:pt x="240792"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4508" y="0"/>
                  </a:lnTo>
                  <a:lnTo>
                    <a:pt x="254508"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8224" y="0"/>
                  </a:lnTo>
                  <a:lnTo>
                    <a:pt x="268224"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1940" y="0"/>
                  </a:lnTo>
                  <a:lnTo>
                    <a:pt x="281940"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5656" y="0"/>
                  </a:lnTo>
                  <a:lnTo>
                    <a:pt x="295656"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9372" y="0"/>
                  </a:lnTo>
                  <a:lnTo>
                    <a:pt x="309372"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3088" y="0"/>
                  </a:lnTo>
                  <a:lnTo>
                    <a:pt x="323088"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6804" y="0"/>
                  </a:lnTo>
                  <a:lnTo>
                    <a:pt x="336804"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50520" y="0"/>
                  </a:lnTo>
                  <a:lnTo>
                    <a:pt x="350520"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4236" y="0"/>
                  </a:lnTo>
                  <a:lnTo>
                    <a:pt x="364236"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7952" y="0"/>
                  </a:lnTo>
                  <a:lnTo>
                    <a:pt x="377952"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1668" y="0"/>
                  </a:lnTo>
                  <a:lnTo>
                    <a:pt x="391668"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5384" y="0"/>
                  </a:lnTo>
                  <a:lnTo>
                    <a:pt x="405384"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9100" y="0"/>
                  </a:lnTo>
                  <a:lnTo>
                    <a:pt x="419100"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2816" y="0"/>
                  </a:lnTo>
                  <a:lnTo>
                    <a:pt x="432816"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6532" y="0"/>
                  </a:lnTo>
                  <a:lnTo>
                    <a:pt x="446532"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60248" y="0"/>
                  </a:lnTo>
                  <a:lnTo>
                    <a:pt x="460248"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22" name="object 22"/>
            <p:cNvSpPr/>
            <p:nvPr/>
          </p:nvSpPr>
          <p:spPr>
            <a:xfrm>
              <a:off x="8281416"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7620" y="0"/>
                  </a:lnTo>
                  <a:lnTo>
                    <a:pt x="7620"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21336" y="0"/>
                  </a:lnTo>
                  <a:lnTo>
                    <a:pt x="21336"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5052" y="0"/>
                  </a:lnTo>
                  <a:lnTo>
                    <a:pt x="35052"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8768" y="0"/>
                  </a:lnTo>
                  <a:lnTo>
                    <a:pt x="48768"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2484" y="0"/>
                  </a:lnTo>
                  <a:lnTo>
                    <a:pt x="62484"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6200" y="0"/>
                  </a:lnTo>
                  <a:lnTo>
                    <a:pt x="76200"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9916" y="0"/>
                  </a:lnTo>
                  <a:lnTo>
                    <a:pt x="89916"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3632" y="0"/>
                  </a:lnTo>
                  <a:lnTo>
                    <a:pt x="103632"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7348" y="0"/>
                  </a:lnTo>
                  <a:lnTo>
                    <a:pt x="117348"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31064" y="0"/>
                  </a:lnTo>
                  <a:lnTo>
                    <a:pt x="131064"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6972" y="0"/>
                  </a:lnTo>
                  <a:lnTo>
                    <a:pt x="156972"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0688" y="0"/>
                  </a:lnTo>
                  <a:lnTo>
                    <a:pt x="170688"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4404" y="0"/>
                  </a:lnTo>
                  <a:lnTo>
                    <a:pt x="184404"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8120" y="0"/>
                  </a:lnTo>
                  <a:lnTo>
                    <a:pt x="198120"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1836" y="0"/>
                  </a:lnTo>
                  <a:lnTo>
                    <a:pt x="211836"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5552" y="0"/>
                  </a:lnTo>
                  <a:lnTo>
                    <a:pt x="225552"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39268" y="0"/>
                  </a:lnTo>
                  <a:lnTo>
                    <a:pt x="239268"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2984" y="0"/>
                  </a:lnTo>
                  <a:lnTo>
                    <a:pt x="252984"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6700" y="0"/>
                  </a:lnTo>
                  <a:lnTo>
                    <a:pt x="266700"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0416" y="0"/>
                  </a:lnTo>
                  <a:lnTo>
                    <a:pt x="280416"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4132" y="0"/>
                  </a:lnTo>
                  <a:lnTo>
                    <a:pt x="294132"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7848" y="0"/>
                  </a:lnTo>
                  <a:lnTo>
                    <a:pt x="307848"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1564" y="0"/>
                  </a:lnTo>
                  <a:lnTo>
                    <a:pt x="321564"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5280" y="0"/>
                  </a:lnTo>
                  <a:lnTo>
                    <a:pt x="335280"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48996" y="0"/>
                  </a:lnTo>
                  <a:lnTo>
                    <a:pt x="348996"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2712" y="0"/>
                  </a:lnTo>
                  <a:lnTo>
                    <a:pt x="362712"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6428" y="0"/>
                  </a:lnTo>
                  <a:lnTo>
                    <a:pt x="376428"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0144" y="0"/>
                  </a:lnTo>
                  <a:lnTo>
                    <a:pt x="390144"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3860" y="0"/>
                  </a:lnTo>
                  <a:lnTo>
                    <a:pt x="403860"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7576" y="0"/>
                  </a:lnTo>
                  <a:lnTo>
                    <a:pt x="417576"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1292" y="0"/>
                  </a:lnTo>
                  <a:lnTo>
                    <a:pt x="431292"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5008" y="0"/>
                  </a:lnTo>
                  <a:lnTo>
                    <a:pt x="445008"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58724" y="0"/>
                  </a:lnTo>
                  <a:lnTo>
                    <a:pt x="458724"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2440" y="0"/>
                  </a:lnTo>
                  <a:lnTo>
                    <a:pt x="472440"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23" name="object 23"/>
            <p:cNvSpPr/>
            <p:nvPr/>
          </p:nvSpPr>
          <p:spPr>
            <a:xfrm>
              <a:off x="8761476"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6096" y="0"/>
                  </a:lnTo>
                  <a:lnTo>
                    <a:pt x="6096"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19812" y="0"/>
                  </a:lnTo>
                  <a:lnTo>
                    <a:pt x="19812"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3528" y="0"/>
                  </a:lnTo>
                  <a:lnTo>
                    <a:pt x="33528"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7244" y="0"/>
                  </a:lnTo>
                  <a:lnTo>
                    <a:pt x="47244"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0960" y="0"/>
                  </a:lnTo>
                  <a:lnTo>
                    <a:pt x="60960"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4676" y="0"/>
                  </a:lnTo>
                  <a:lnTo>
                    <a:pt x="74676"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8392" y="0"/>
                  </a:lnTo>
                  <a:lnTo>
                    <a:pt x="88392"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2108" y="0"/>
                  </a:lnTo>
                  <a:lnTo>
                    <a:pt x="102108"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5824" y="0"/>
                  </a:lnTo>
                  <a:lnTo>
                    <a:pt x="115824"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29540" y="0"/>
                  </a:lnTo>
                  <a:lnTo>
                    <a:pt x="129540"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6972" y="0"/>
                  </a:lnTo>
                  <a:lnTo>
                    <a:pt x="156972"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0688" y="0"/>
                  </a:lnTo>
                  <a:lnTo>
                    <a:pt x="170688"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4404" y="0"/>
                  </a:lnTo>
                  <a:lnTo>
                    <a:pt x="184404"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8120" y="0"/>
                  </a:lnTo>
                  <a:lnTo>
                    <a:pt x="198120"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1836" y="0"/>
                  </a:lnTo>
                  <a:lnTo>
                    <a:pt x="211836"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5552" y="0"/>
                  </a:lnTo>
                  <a:lnTo>
                    <a:pt x="225552"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39268" y="0"/>
                  </a:lnTo>
                  <a:lnTo>
                    <a:pt x="239268"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2984" y="0"/>
                  </a:lnTo>
                  <a:lnTo>
                    <a:pt x="252984"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84" y="0"/>
                  </a:moveTo>
                  <a:lnTo>
                    <a:pt x="288036" y="0"/>
                  </a:lnTo>
                  <a:lnTo>
                    <a:pt x="288036" y="3048"/>
                  </a:lnTo>
                  <a:lnTo>
                    <a:pt x="291084" y="3048"/>
                  </a:lnTo>
                  <a:lnTo>
                    <a:pt x="291084" y="0"/>
                  </a:lnTo>
                  <a:close/>
                </a:path>
                <a:path w="483234" h="3175">
                  <a:moveTo>
                    <a:pt x="297180" y="0"/>
                  </a:moveTo>
                  <a:lnTo>
                    <a:pt x="294132" y="0"/>
                  </a:lnTo>
                  <a:lnTo>
                    <a:pt x="294132" y="3048"/>
                  </a:lnTo>
                  <a:lnTo>
                    <a:pt x="297180" y="3048"/>
                  </a:lnTo>
                  <a:lnTo>
                    <a:pt x="297180" y="0"/>
                  </a:lnTo>
                  <a:close/>
                </a:path>
                <a:path w="483234" h="3175">
                  <a:moveTo>
                    <a:pt x="304800" y="0"/>
                  </a:moveTo>
                  <a:lnTo>
                    <a:pt x="301752" y="0"/>
                  </a:lnTo>
                  <a:lnTo>
                    <a:pt x="301752"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5468" y="0"/>
                  </a:lnTo>
                  <a:lnTo>
                    <a:pt x="315468"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9184" y="0"/>
                  </a:lnTo>
                  <a:lnTo>
                    <a:pt x="329184"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2900" y="0"/>
                  </a:lnTo>
                  <a:lnTo>
                    <a:pt x="342900"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6616" y="0"/>
                  </a:lnTo>
                  <a:lnTo>
                    <a:pt x="356616"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70332" y="0"/>
                  </a:lnTo>
                  <a:lnTo>
                    <a:pt x="370332"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4048" y="0"/>
                  </a:lnTo>
                  <a:lnTo>
                    <a:pt x="384048"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7764" y="0"/>
                  </a:lnTo>
                  <a:lnTo>
                    <a:pt x="397764"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11480" y="0"/>
                  </a:lnTo>
                  <a:lnTo>
                    <a:pt x="411480"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5196" y="0"/>
                  </a:lnTo>
                  <a:lnTo>
                    <a:pt x="425196"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8912" y="0"/>
                  </a:lnTo>
                  <a:lnTo>
                    <a:pt x="438912"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2628" y="0"/>
                  </a:lnTo>
                  <a:lnTo>
                    <a:pt x="452628"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6344" y="0"/>
                  </a:lnTo>
                  <a:lnTo>
                    <a:pt x="466344"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24" name="object 24"/>
            <p:cNvSpPr/>
            <p:nvPr/>
          </p:nvSpPr>
          <p:spPr>
            <a:xfrm>
              <a:off x="9241536" y="6196583"/>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9144" y="0"/>
                  </a:moveTo>
                  <a:lnTo>
                    <a:pt x="6096" y="0"/>
                  </a:lnTo>
                  <a:lnTo>
                    <a:pt x="6096" y="3048"/>
                  </a:lnTo>
                  <a:lnTo>
                    <a:pt x="9144" y="3048"/>
                  </a:lnTo>
                  <a:lnTo>
                    <a:pt x="9144" y="0"/>
                  </a:lnTo>
                  <a:close/>
                </a:path>
                <a:path w="483234" h="3175">
                  <a:moveTo>
                    <a:pt x="16764" y="0"/>
                  </a:moveTo>
                  <a:lnTo>
                    <a:pt x="13716" y="0"/>
                  </a:lnTo>
                  <a:lnTo>
                    <a:pt x="13716" y="3048"/>
                  </a:lnTo>
                  <a:lnTo>
                    <a:pt x="16764" y="3048"/>
                  </a:lnTo>
                  <a:lnTo>
                    <a:pt x="16764" y="0"/>
                  </a:lnTo>
                  <a:close/>
                </a:path>
                <a:path w="483234" h="3175">
                  <a:moveTo>
                    <a:pt x="22860" y="0"/>
                  </a:moveTo>
                  <a:lnTo>
                    <a:pt x="19812" y="0"/>
                  </a:lnTo>
                  <a:lnTo>
                    <a:pt x="19812" y="3048"/>
                  </a:lnTo>
                  <a:lnTo>
                    <a:pt x="22860" y="3048"/>
                  </a:lnTo>
                  <a:lnTo>
                    <a:pt x="22860" y="0"/>
                  </a:lnTo>
                  <a:close/>
                </a:path>
                <a:path w="483234" h="3175">
                  <a:moveTo>
                    <a:pt x="30480" y="0"/>
                  </a:moveTo>
                  <a:lnTo>
                    <a:pt x="27432" y="0"/>
                  </a:lnTo>
                  <a:lnTo>
                    <a:pt x="27432" y="3048"/>
                  </a:lnTo>
                  <a:lnTo>
                    <a:pt x="30480" y="3048"/>
                  </a:lnTo>
                  <a:lnTo>
                    <a:pt x="30480" y="0"/>
                  </a:lnTo>
                  <a:close/>
                </a:path>
                <a:path w="483234" h="3175">
                  <a:moveTo>
                    <a:pt x="36576" y="0"/>
                  </a:moveTo>
                  <a:lnTo>
                    <a:pt x="33528" y="0"/>
                  </a:lnTo>
                  <a:lnTo>
                    <a:pt x="33528" y="3048"/>
                  </a:lnTo>
                  <a:lnTo>
                    <a:pt x="36576" y="3048"/>
                  </a:lnTo>
                  <a:lnTo>
                    <a:pt x="36576" y="0"/>
                  </a:lnTo>
                  <a:close/>
                </a:path>
                <a:path w="483234" h="3175">
                  <a:moveTo>
                    <a:pt x="44196" y="0"/>
                  </a:moveTo>
                  <a:lnTo>
                    <a:pt x="41148" y="0"/>
                  </a:lnTo>
                  <a:lnTo>
                    <a:pt x="41148" y="3048"/>
                  </a:lnTo>
                  <a:lnTo>
                    <a:pt x="44196" y="3048"/>
                  </a:lnTo>
                  <a:lnTo>
                    <a:pt x="44196" y="0"/>
                  </a:lnTo>
                  <a:close/>
                </a:path>
                <a:path w="483234" h="3175">
                  <a:moveTo>
                    <a:pt x="50292" y="0"/>
                  </a:moveTo>
                  <a:lnTo>
                    <a:pt x="47244" y="0"/>
                  </a:lnTo>
                  <a:lnTo>
                    <a:pt x="47244" y="3048"/>
                  </a:lnTo>
                  <a:lnTo>
                    <a:pt x="50292" y="3048"/>
                  </a:lnTo>
                  <a:lnTo>
                    <a:pt x="50292" y="0"/>
                  </a:lnTo>
                  <a:close/>
                </a:path>
                <a:path w="483234" h="3175">
                  <a:moveTo>
                    <a:pt x="57912" y="0"/>
                  </a:moveTo>
                  <a:lnTo>
                    <a:pt x="54864" y="0"/>
                  </a:lnTo>
                  <a:lnTo>
                    <a:pt x="54864" y="3048"/>
                  </a:lnTo>
                  <a:lnTo>
                    <a:pt x="57912" y="3048"/>
                  </a:lnTo>
                  <a:lnTo>
                    <a:pt x="57912" y="0"/>
                  </a:lnTo>
                  <a:close/>
                </a:path>
                <a:path w="483234" h="3175">
                  <a:moveTo>
                    <a:pt x="64008" y="0"/>
                  </a:moveTo>
                  <a:lnTo>
                    <a:pt x="60960" y="0"/>
                  </a:lnTo>
                  <a:lnTo>
                    <a:pt x="60960" y="3048"/>
                  </a:lnTo>
                  <a:lnTo>
                    <a:pt x="64008" y="3048"/>
                  </a:lnTo>
                  <a:lnTo>
                    <a:pt x="64008" y="0"/>
                  </a:lnTo>
                  <a:close/>
                </a:path>
                <a:path w="483234" h="3175">
                  <a:moveTo>
                    <a:pt x="71628" y="0"/>
                  </a:moveTo>
                  <a:lnTo>
                    <a:pt x="68580" y="0"/>
                  </a:lnTo>
                  <a:lnTo>
                    <a:pt x="68580" y="3048"/>
                  </a:lnTo>
                  <a:lnTo>
                    <a:pt x="71628" y="3048"/>
                  </a:lnTo>
                  <a:lnTo>
                    <a:pt x="71628" y="0"/>
                  </a:lnTo>
                  <a:close/>
                </a:path>
                <a:path w="483234" h="3175">
                  <a:moveTo>
                    <a:pt x="77724" y="0"/>
                  </a:moveTo>
                  <a:lnTo>
                    <a:pt x="74676" y="0"/>
                  </a:lnTo>
                  <a:lnTo>
                    <a:pt x="74676" y="3048"/>
                  </a:lnTo>
                  <a:lnTo>
                    <a:pt x="77724" y="3048"/>
                  </a:lnTo>
                  <a:lnTo>
                    <a:pt x="77724" y="0"/>
                  </a:lnTo>
                  <a:close/>
                </a:path>
                <a:path w="483234" h="3175">
                  <a:moveTo>
                    <a:pt x="85344" y="0"/>
                  </a:moveTo>
                  <a:lnTo>
                    <a:pt x="82296" y="0"/>
                  </a:lnTo>
                  <a:lnTo>
                    <a:pt x="82296" y="3048"/>
                  </a:lnTo>
                  <a:lnTo>
                    <a:pt x="85344" y="3048"/>
                  </a:lnTo>
                  <a:lnTo>
                    <a:pt x="85344" y="0"/>
                  </a:lnTo>
                  <a:close/>
                </a:path>
                <a:path w="483234" h="3175">
                  <a:moveTo>
                    <a:pt x="91440" y="0"/>
                  </a:moveTo>
                  <a:lnTo>
                    <a:pt x="88392" y="0"/>
                  </a:lnTo>
                  <a:lnTo>
                    <a:pt x="88392" y="3048"/>
                  </a:lnTo>
                  <a:lnTo>
                    <a:pt x="91440" y="3048"/>
                  </a:lnTo>
                  <a:lnTo>
                    <a:pt x="91440" y="0"/>
                  </a:lnTo>
                  <a:close/>
                </a:path>
                <a:path w="483234" h="3175">
                  <a:moveTo>
                    <a:pt x="99060" y="0"/>
                  </a:moveTo>
                  <a:lnTo>
                    <a:pt x="96012" y="0"/>
                  </a:lnTo>
                  <a:lnTo>
                    <a:pt x="96012" y="3048"/>
                  </a:lnTo>
                  <a:lnTo>
                    <a:pt x="99060" y="3048"/>
                  </a:lnTo>
                  <a:lnTo>
                    <a:pt x="99060" y="0"/>
                  </a:lnTo>
                  <a:close/>
                </a:path>
                <a:path w="483234" h="3175">
                  <a:moveTo>
                    <a:pt x="105156" y="0"/>
                  </a:moveTo>
                  <a:lnTo>
                    <a:pt x="102108" y="0"/>
                  </a:lnTo>
                  <a:lnTo>
                    <a:pt x="102108" y="3048"/>
                  </a:lnTo>
                  <a:lnTo>
                    <a:pt x="105156" y="3048"/>
                  </a:lnTo>
                  <a:lnTo>
                    <a:pt x="105156" y="0"/>
                  </a:lnTo>
                  <a:close/>
                </a:path>
                <a:path w="483234" h="3175">
                  <a:moveTo>
                    <a:pt x="112776" y="0"/>
                  </a:moveTo>
                  <a:lnTo>
                    <a:pt x="109728" y="0"/>
                  </a:lnTo>
                  <a:lnTo>
                    <a:pt x="109728" y="3048"/>
                  </a:lnTo>
                  <a:lnTo>
                    <a:pt x="112776" y="3048"/>
                  </a:lnTo>
                  <a:lnTo>
                    <a:pt x="112776" y="0"/>
                  </a:lnTo>
                  <a:close/>
                </a:path>
                <a:path w="483234" h="3175">
                  <a:moveTo>
                    <a:pt x="118872" y="0"/>
                  </a:moveTo>
                  <a:lnTo>
                    <a:pt x="115824" y="0"/>
                  </a:lnTo>
                  <a:lnTo>
                    <a:pt x="115824" y="3048"/>
                  </a:lnTo>
                  <a:lnTo>
                    <a:pt x="118872" y="3048"/>
                  </a:lnTo>
                  <a:lnTo>
                    <a:pt x="118872" y="0"/>
                  </a:lnTo>
                  <a:close/>
                </a:path>
                <a:path w="483234" h="3175">
                  <a:moveTo>
                    <a:pt x="126492" y="0"/>
                  </a:moveTo>
                  <a:lnTo>
                    <a:pt x="123444" y="0"/>
                  </a:lnTo>
                  <a:lnTo>
                    <a:pt x="123444" y="3048"/>
                  </a:lnTo>
                  <a:lnTo>
                    <a:pt x="126492" y="3048"/>
                  </a:lnTo>
                  <a:lnTo>
                    <a:pt x="126492" y="0"/>
                  </a:lnTo>
                  <a:close/>
                </a:path>
                <a:path w="483234" h="3175">
                  <a:moveTo>
                    <a:pt x="132588" y="0"/>
                  </a:moveTo>
                  <a:lnTo>
                    <a:pt x="129540" y="0"/>
                  </a:lnTo>
                  <a:lnTo>
                    <a:pt x="129540" y="3048"/>
                  </a:lnTo>
                  <a:lnTo>
                    <a:pt x="132588" y="3048"/>
                  </a:lnTo>
                  <a:lnTo>
                    <a:pt x="132588" y="0"/>
                  </a:lnTo>
                  <a:close/>
                </a:path>
                <a:path w="483234" h="3175">
                  <a:moveTo>
                    <a:pt x="140208" y="0"/>
                  </a:moveTo>
                  <a:lnTo>
                    <a:pt x="137160" y="0"/>
                  </a:lnTo>
                  <a:lnTo>
                    <a:pt x="137160" y="3048"/>
                  </a:lnTo>
                  <a:lnTo>
                    <a:pt x="140208" y="3048"/>
                  </a:lnTo>
                  <a:lnTo>
                    <a:pt x="140208" y="0"/>
                  </a:lnTo>
                  <a:close/>
                </a:path>
                <a:path w="483234" h="3175">
                  <a:moveTo>
                    <a:pt x="146304" y="0"/>
                  </a:moveTo>
                  <a:lnTo>
                    <a:pt x="143256" y="0"/>
                  </a:lnTo>
                  <a:lnTo>
                    <a:pt x="143256" y="3048"/>
                  </a:lnTo>
                  <a:lnTo>
                    <a:pt x="146304" y="3048"/>
                  </a:lnTo>
                  <a:lnTo>
                    <a:pt x="146304" y="0"/>
                  </a:lnTo>
                  <a:close/>
                </a:path>
                <a:path w="483234" h="3175">
                  <a:moveTo>
                    <a:pt x="153924" y="0"/>
                  </a:moveTo>
                  <a:lnTo>
                    <a:pt x="150876" y="0"/>
                  </a:lnTo>
                  <a:lnTo>
                    <a:pt x="150876" y="3048"/>
                  </a:lnTo>
                  <a:lnTo>
                    <a:pt x="153924" y="3048"/>
                  </a:lnTo>
                  <a:lnTo>
                    <a:pt x="153924" y="0"/>
                  </a:lnTo>
                  <a:close/>
                </a:path>
                <a:path w="483234" h="3175">
                  <a:moveTo>
                    <a:pt x="160020" y="0"/>
                  </a:moveTo>
                  <a:lnTo>
                    <a:pt x="156972" y="0"/>
                  </a:lnTo>
                  <a:lnTo>
                    <a:pt x="156972" y="3048"/>
                  </a:lnTo>
                  <a:lnTo>
                    <a:pt x="160020" y="3048"/>
                  </a:lnTo>
                  <a:lnTo>
                    <a:pt x="160020" y="0"/>
                  </a:lnTo>
                  <a:close/>
                </a:path>
                <a:path w="483234" h="3175">
                  <a:moveTo>
                    <a:pt x="167640" y="0"/>
                  </a:moveTo>
                  <a:lnTo>
                    <a:pt x="164592" y="0"/>
                  </a:lnTo>
                  <a:lnTo>
                    <a:pt x="164592" y="3048"/>
                  </a:lnTo>
                  <a:lnTo>
                    <a:pt x="167640" y="3048"/>
                  </a:lnTo>
                  <a:lnTo>
                    <a:pt x="167640" y="0"/>
                  </a:lnTo>
                  <a:close/>
                </a:path>
                <a:path w="483234" h="3175">
                  <a:moveTo>
                    <a:pt x="173736" y="0"/>
                  </a:moveTo>
                  <a:lnTo>
                    <a:pt x="170688" y="0"/>
                  </a:lnTo>
                  <a:lnTo>
                    <a:pt x="170688" y="3048"/>
                  </a:lnTo>
                  <a:lnTo>
                    <a:pt x="173736" y="3048"/>
                  </a:lnTo>
                  <a:lnTo>
                    <a:pt x="173736" y="0"/>
                  </a:lnTo>
                  <a:close/>
                </a:path>
                <a:path w="483234" h="3175">
                  <a:moveTo>
                    <a:pt x="181356" y="0"/>
                  </a:moveTo>
                  <a:lnTo>
                    <a:pt x="178308" y="0"/>
                  </a:lnTo>
                  <a:lnTo>
                    <a:pt x="178308" y="3048"/>
                  </a:lnTo>
                  <a:lnTo>
                    <a:pt x="181356" y="3048"/>
                  </a:lnTo>
                  <a:lnTo>
                    <a:pt x="181356" y="0"/>
                  </a:lnTo>
                  <a:close/>
                </a:path>
                <a:path w="483234" h="3175">
                  <a:moveTo>
                    <a:pt x="187452" y="0"/>
                  </a:moveTo>
                  <a:lnTo>
                    <a:pt x="184404" y="0"/>
                  </a:lnTo>
                  <a:lnTo>
                    <a:pt x="184404" y="3048"/>
                  </a:lnTo>
                  <a:lnTo>
                    <a:pt x="187452" y="3048"/>
                  </a:lnTo>
                  <a:lnTo>
                    <a:pt x="187452" y="0"/>
                  </a:lnTo>
                  <a:close/>
                </a:path>
                <a:path w="483234" h="3175">
                  <a:moveTo>
                    <a:pt x="195072" y="0"/>
                  </a:moveTo>
                  <a:lnTo>
                    <a:pt x="192024" y="0"/>
                  </a:lnTo>
                  <a:lnTo>
                    <a:pt x="192024" y="3048"/>
                  </a:lnTo>
                  <a:lnTo>
                    <a:pt x="195072" y="3048"/>
                  </a:lnTo>
                  <a:lnTo>
                    <a:pt x="195072" y="0"/>
                  </a:lnTo>
                  <a:close/>
                </a:path>
                <a:path w="483234" h="3175">
                  <a:moveTo>
                    <a:pt x="201168" y="0"/>
                  </a:moveTo>
                  <a:lnTo>
                    <a:pt x="198120" y="0"/>
                  </a:lnTo>
                  <a:lnTo>
                    <a:pt x="198120" y="3048"/>
                  </a:lnTo>
                  <a:lnTo>
                    <a:pt x="201168" y="3048"/>
                  </a:lnTo>
                  <a:lnTo>
                    <a:pt x="201168" y="0"/>
                  </a:lnTo>
                  <a:close/>
                </a:path>
                <a:path w="483234" h="3175">
                  <a:moveTo>
                    <a:pt x="208788" y="0"/>
                  </a:moveTo>
                  <a:lnTo>
                    <a:pt x="205740" y="0"/>
                  </a:lnTo>
                  <a:lnTo>
                    <a:pt x="205740" y="3048"/>
                  </a:lnTo>
                  <a:lnTo>
                    <a:pt x="208788" y="3048"/>
                  </a:lnTo>
                  <a:lnTo>
                    <a:pt x="208788" y="0"/>
                  </a:lnTo>
                  <a:close/>
                </a:path>
                <a:path w="483234" h="3175">
                  <a:moveTo>
                    <a:pt x="214884" y="0"/>
                  </a:moveTo>
                  <a:lnTo>
                    <a:pt x="211836" y="0"/>
                  </a:lnTo>
                  <a:lnTo>
                    <a:pt x="211836" y="3048"/>
                  </a:lnTo>
                  <a:lnTo>
                    <a:pt x="214884" y="3048"/>
                  </a:lnTo>
                  <a:lnTo>
                    <a:pt x="214884" y="0"/>
                  </a:lnTo>
                  <a:close/>
                </a:path>
                <a:path w="483234" h="3175">
                  <a:moveTo>
                    <a:pt x="222504" y="0"/>
                  </a:moveTo>
                  <a:lnTo>
                    <a:pt x="219456" y="0"/>
                  </a:lnTo>
                  <a:lnTo>
                    <a:pt x="219456" y="3048"/>
                  </a:lnTo>
                  <a:lnTo>
                    <a:pt x="222504" y="3048"/>
                  </a:lnTo>
                  <a:lnTo>
                    <a:pt x="222504" y="0"/>
                  </a:lnTo>
                  <a:close/>
                </a:path>
                <a:path w="483234" h="3175">
                  <a:moveTo>
                    <a:pt x="228600" y="0"/>
                  </a:moveTo>
                  <a:lnTo>
                    <a:pt x="225552" y="0"/>
                  </a:lnTo>
                  <a:lnTo>
                    <a:pt x="225552" y="3048"/>
                  </a:lnTo>
                  <a:lnTo>
                    <a:pt x="228600" y="3048"/>
                  </a:lnTo>
                  <a:lnTo>
                    <a:pt x="228600" y="0"/>
                  </a:lnTo>
                  <a:close/>
                </a:path>
                <a:path w="483234" h="3175">
                  <a:moveTo>
                    <a:pt x="236220" y="0"/>
                  </a:moveTo>
                  <a:lnTo>
                    <a:pt x="233172" y="0"/>
                  </a:lnTo>
                  <a:lnTo>
                    <a:pt x="233172" y="3048"/>
                  </a:lnTo>
                  <a:lnTo>
                    <a:pt x="236220" y="3048"/>
                  </a:lnTo>
                  <a:lnTo>
                    <a:pt x="236220" y="0"/>
                  </a:lnTo>
                  <a:close/>
                </a:path>
                <a:path w="483234" h="3175">
                  <a:moveTo>
                    <a:pt x="242316" y="0"/>
                  </a:moveTo>
                  <a:lnTo>
                    <a:pt x="239268" y="0"/>
                  </a:lnTo>
                  <a:lnTo>
                    <a:pt x="239268" y="3048"/>
                  </a:lnTo>
                  <a:lnTo>
                    <a:pt x="242316" y="3048"/>
                  </a:lnTo>
                  <a:lnTo>
                    <a:pt x="242316" y="0"/>
                  </a:lnTo>
                  <a:close/>
                </a:path>
                <a:path w="483234" h="3175">
                  <a:moveTo>
                    <a:pt x="249936" y="0"/>
                  </a:moveTo>
                  <a:lnTo>
                    <a:pt x="246888" y="0"/>
                  </a:lnTo>
                  <a:lnTo>
                    <a:pt x="246888" y="3048"/>
                  </a:lnTo>
                  <a:lnTo>
                    <a:pt x="249936" y="3048"/>
                  </a:lnTo>
                  <a:lnTo>
                    <a:pt x="249936" y="0"/>
                  </a:lnTo>
                  <a:close/>
                </a:path>
                <a:path w="483234" h="3175">
                  <a:moveTo>
                    <a:pt x="256032" y="0"/>
                  </a:moveTo>
                  <a:lnTo>
                    <a:pt x="252984" y="0"/>
                  </a:lnTo>
                  <a:lnTo>
                    <a:pt x="252984" y="3048"/>
                  </a:lnTo>
                  <a:lnTo>
                    <a:pt x="256032" y="3048"/>
                  </a:lnTo>
                  <a:lnTo>
                    <a:pt x="256032"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84" y="0"/>
                  </a:moveTo>
                  <a:lnTo>
                    <a:pt x="288036" y="0"/>
                  </a:lnTo>
                  <a:lnTo>
                    <a:pt x="288036" y="3048"/>
                  </a:lnTo>
                  <a:lnTo>
                    <a:pt x="291084" y="3048"/>
                  </a:lnTo>
                  <a:lnTo>
                    <a:pt x="291084" y="0"/>
                  </a:lnTo>
                  <a:close/>
                </a:path>
                <a:path w="483234" h="3175">
                  <a:moveTo>
                    <a:pt x="297180" y="0"/>
                  </a:moveTo>
                  <a:lnTo>
                    <a:pt x="294132" y="0"/>
                  </a:lnTo>
                  <a:lnTo>
                    <a:pt x="294132" y="3048"/>
                  </a:lnTo>
                  <a:lnTo>
                    <a:pt x="297180" y="3048"/>
                  </a:lnTo>
                  <a:lnTo>
                    <a:pt x="297180" y="0"/>
                  </a:lnTo>
                  <a:close/>
                </a:path>
                <a:path w="483234" h="3175">
                  <a:moveTo>
                    <a:pt x="304800" y="0"/>
                  </a:moveTo>
                  <a:lnTo>
                    <a:pt x="301752" y="0"/>
                  </a:lnTo>
                  <a:lnTo>
                    <a:pt x="301752"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5468" y="0"/>
                  </a:lnTo>
                  <a:lnTo>
                    <a:pt x="315468"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9184" y="0"/>
                  </a:lnTo>
                  <a:lnTo>
                    <a:pt x="329184"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2900" y="0"/>
                  </a:lnTo>
                  <a:lnTo>
                    <a:pt x="342900"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6616" y="0"/>
                  </a:lnTo>
                  <a:lnTo>
                    <a:pt x="356616"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70332" y="0"/>
                  </a:lnTo>
                  <a:lnTo>
                    <a:pt x="370332"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4048" y="0"/>
                  </a:lnTo>
                  <a:lnTo>
                    <a:pt x="384048"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6240" y="0"/>
                  </a:lnTo>
                  <a:lnTo>
                    <a:pt x="396240"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09956" y="0"/>
                  </a:lnTo>
                  <a:lnTo>
                    <a:pt x="409956"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3672" y="0"/>
                  </a:lnTo>
                  <a:lnTo>
                    <a:pt x="423672"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7388" y="0"/>
                  </a:lnTo>
                  <a:lnTo>
                    <a:pt x="437388"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1104" y="0"/>
                  </a:lnTo>
                  <a:lnTo>
                    <a:pt x="451104"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4820" y="0"/>
                  </a:lnTo>
                  <a:lnTo>
                    <a:pt x="464820"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25" name="object 25"/>
            <p:cNvSpPr/>
            <p:nvPr/>
          </p:nvSpPr>
          <p:spPr>
            <a:xfrm>
              <a:off x="1085088" y="5637275"/>
              <a:ext cx="8920480" cy="562610"/>
            </a:xfrm>
            <a:custGeom>
              <a:avLst/>
              <a:gdLst/>
              <a:ahLst/>
              <a:cxnLst/>
              <a:rect l="l" t="t" r="r" b="b"/>
              <a:pathLst>
                <a:path w="8920480" h="562610">
                  <a:moveTo>
                    <a:pt x="3048" y="0"/>
                  </a:moveTo>
                  <a:lnTo>
                    <a:pt x="0" y="0"/>
                  </a:lnTo>
                  <a:lnTo>
                    <a:pt x="0" y="4572"/>
                  </a:lnTo>
                  <a:lnTo>
                    <a:pt x="3048" y="4572"/>
                  </a:lnTo>
                  <a:lnTo>
                    <a:pt x="3048" y="0"/>
                  </a:lnTo>
                  <a:close/>
                </a:path>
                <a:path w="8920480" h="562610">
                  <a:moveTo>
                    <a:pt x="10668" y="0"/>
                  </a:moveTo>
                  <a:lnTo>
                    <a:pt x="6096" y="0"/>
                  </a:lnTo>
                  <a:lnTo>
                    <a:pt x="6096" y="4572"/>
                  </a:lnTo>
                  <a:lnTo>
                    <a:pt x="10668" y="4572"/>
                  </a:lnTo>
                  <a:lnTo>
                    <a:pt x="10668" y="0"/>
                  </a:lnTo>
                  <a:close/>
                </a:path>
                <a:path w="8920480" h="562610">
                  <a:moveTo>
                    <a:pt x="15240" y="0"/>
                  </a:moveTo>
                  <a:lnTo>
                    <a:pt x="13716" y="0"/>
                  </a:lnTo>
                  <a:lnTo>
                    <a:pt x="13716" y="4572"/>
                  </a:lnTo>
                  <a:lnTo>
                    <a:pt x="15240" y="4572"/>
                  </a:lnTo>
                  <a:lnTo>
                    <a:pt x="15240" y="0"/>
                  </a:lnTo>
                  <a:close/>
                </a:path>
                <a:path w="8920480" h="562610">
                  <a:moveTo>
                    <a:pt x="8639556" y="559308"/>
                  </a:moveTo>
                  <a:lnTo>
                    <a:pt x="8634984" y="559308"/>
                  </a:lnTo>
                  <a:lnTo>
                    <a:pt x="8634984" y="562356"/>
                  </a:lnTo>
                  <a:lnTo>
                    <a:pt x="8639556" y="562356"/>
                  </a:lnTo>
                  <a:lnTo>
                    <a:pt x="8639556" y="559308"/>
                  </a:lnTo>
                  <a:close/>
                </a:path>
                <a:path w="8920480" h="562610">
                  <a:moveTo>
                    <a:pt x="8645652" y="559308"/>
                  </a:moveTo>
                  <a:lnTo>
                    <a:pt x="8642604" y="559308"/>
                  </a:lnTo>
                  <a:lnTo>
                    <a:pt x="8642604" y="562356"/>
                  </a:lnTo>
                  <a:lnTo>
                    <a:pt x="8645652" y="562356"/>
                  </a:lnTo>
                  <a:lnTo>
                    <a:pt x="8645652" y="559308"/>
                  </a:lnTo>
                  <a:close/>
                </a:path>
                <a:path w="8920480" h="562610">
                  <a:moveTo>
                    <a:pt x="8653272" y="559308"/>
                  </a:moveTo>
                  <a:lnTo>
                    <a:pt x="8648700" y="559308"/>
                  </a:lnTo>
                  <a:lnTo>
                    <a:pt x="8648700" y="562356"/>
                  </a:lnTo>
                  <a:lnTo>
                    <a:pt x="8653272" y="562356"/>
                  </a:lnTo>
                  <a:lnTo>
                    <a:pt x="8653272" y="559308"/>
                  </a:lnTo>
                  <a:close/>
                </a:path>
                <a:path w="8920480" h="562610">
                  <a:moveTo>
                    <a:pt x="8659368" y="559308"/>
                  </a:moveTo>
                  <a:lnTo>
                    <a:pt x="8656320" y="559308"/>
                  </a:lnTo>
                  <a:lnTo>
                    <a:pt x="8656320" y="562356"/>
                  </a:lnTo>
                  <a:lnTo>
                    <a:pt x="8659368" y="562356"/>
                  </a:lnTo>
                  <a:lnTo>
                    <a:pt x="8659368" y="559308"/>
                  </a:lnTo>
                  <a:close/>
                </a:path>
                <a:path w="8920480" h="562610">
                  <a:moveTo>
                    <a:pt x="8666988" y="559308"/>
                  </a:moveTo>
                  <a:lnTo>
                    <a:pt x="8662416" y="559308"/>
                  </a:lnTo>
                  <a:lnTo>
                    <a:pt x="8662416" y="562356"/>
                  </a:lnTo>
                  <a:lnTo>
                    <a:pt x="8666988" y="562356"/>
                  </a:lnTo>
                  <a:lnTo>
                    <a:pt x="8666988" y="559308"/>
                  </a:lnTo>
                  <a:close/>
                </a:path>
                <a:path w="8920480" h="562610">
                  <a:moveTo>
                    <a:pt x="8673084" y="559308"/>
                  </a:moveTo>
                  <a:lnTo>
                    <a:pt x="8670036" y="559308"/>
                  </a:lnTo>
                  <a:lnTo>
                    <a:pt x="8670036" y="562356"/>
                  </a:lnTo>
                  <a:lnTo>
                    <a:pt x="8673084" y="562356"/>
                  </a:lnTo>
                  <a:lnTo>
                    <a:pt x="8673084" y="559308"/>
                  </a:lnTo>
                  <a:close/>
                </a:path>
                <a:path w="8920480" h="562610">
                  <a:moveTo>
                    <a:pt x="8680704" y="559308"/>
                  </a:moveTo>
                  <a:lnTo>
                    <a:pt x="8676132" y="559308"/>
                  </a:lnTo>
                  <a:lnTo>
                    <a:pt x="8676132" y="562356"/>
                  </a:lnTo>
                  <a:lnTo>
                    <a:pt x="8680704" y="562356"/>
                  </a:lnTo>
                  <a:lnTo>
                    <a:pt x="8680704" y="559308"/>
                  </a:lnTo>
                  <a:close/>
                </a:path>
                <a:path w="8920480" h="562610">
                  <a:moveTo>
                    <a:pt x="8686800" y="559308"/>
                  </a:moveTo>
                  <a:lnTo>
                    <a:pt x="8683752" y="559308"/>
                  </a:lnTo>
                  <a:lnTo>
                    <a:pt x="8683752" y="562356"/>
                  </a:lnTo>
                  <a:lnTo>
                    <a:pt x="8686800" y="562356"/>
                  </a:lnTo>
                  <a:lnTo>
                    <a:pt x="8686800" y="559308"/>
                  </a:lnTo>
                  <a:close/>
                </a:path>
                <a:path w="8920480" h="562610">
                  <a:moveTo>
                    <a:pt x="8694420" y="559308"/>
                  </a:moveTo>
                  <a:lnTo>
                    <a:pt x="8689848" y="559308"/>
                  </a:lnTo>
                  <a:lnTo>
                    <a:pt x="8689848" y="562356"/>
                  </a:lnTo>
                  <a:lnTo>
                    <a:pt x="8694420" y="562356"/>
                  </a:lnTo>
                  <a:lnTo>
                    <a:pt x="8694420" y="559308"/>
                  </a:lnTo>
                  <a:close/>
                </a:path>
                <a:path w="8920480" h="562610">
                  <a:moveTo>
                    <a:pt x="8700516" y="559308"/>
                  </a:moveTo>
                  <a:lnTo>
                    <a:pt x="8697468" y="559308"/>
                  </a:lnTo>
                  <a:lnTo>
                    <a:pt x="8697468" y="562356"/>
                  </a:lnTo>
                  <a:lnTo>
                    <a:pt x="8700516" y="562356"/>
                  </a:lnTo>
                  <a:lnTo>
                    <a:pt x="8700516" y="559308"/>
                  </a:lnTo>
                  <a:close/>
                </a:path>
                <a:path w="8920480" h="562610">
                  <a:moveTo>
                    <a:pt x="8708136" y="559308"/>
                  </a:moveTo>
                  <a:lnTo>
                    <a:pt x="8703564" y="559308"/>
                  </a:lnTo>
                  <a:lnTo>
                    <a:pt x="8703564" y="562356"/>
                  </a:lnTo>
                  <a:lnTo>
                    <a:pt x="8708136" y="562356"/>
                  </a:lnTo>
                  <a:lnTo>
                    <a:pt x="8708136" y="559308"/>
                  </a:lnTo>
                  <a:close/>
                </a:path>
                <a:path w="8920480" h="562610">
                  <a:moveTo>
                    <a:pt x="8714232" y="559308"/>
                  </a:moveTo>
                  <a:lnTo>
                    <a:pt x="8711184" y="559308"/>
                  </a:lnTo>
                  <a:lnTo>
                    <a:pt x="8711184" y="562356"/>
                  </a:lnTo>
                  <a:lnTo>
                    <a:pt x="8714232" y="562356"/>
                  </a:lnTo>
                  <a:lnTo>
                    <a:pt x="8714232" y="559308"/>
                  </a:lnTo>
                  <a:close/>
                </a:path>
                <a:path w="8920480" h="562610">
                  <a:moveTo>
                    <a:pt x="8721852" y="559308"/>
                  </a:moveTo>
                  <a:lnTo>
                    <a:pt x="8717280" y="559308"/>
                  </a:lnTo>
                  <a:lnTo>
                    <a:pt x="8717280" y="562356"/>
                  </a:lnTo>
                  <a:lnTo>
                    <a:pt x="8721852" y="562356"/>
                  </a:lnTo>
                  <a:lnTo>
                    <a:pt x="8721852" y="559308"/>
                  </a:lnTo>
                  <a:close/>
                </a:path>
                <a:path w="8920480" h="562610">
                  <a:moveTo>
                    <a:pt x="8727948" y="559308"/>
                  </a:moveTo>
                  <a:lnTo>
                    <a:pt x="8724900" y="559308"/>
                  </a:lnTo>
                  <a:lnTo>
                    <a:pt x="8724900" y="562356"/>
                  </a:lnTo>
                  <a:lnTo>
                    <a:pt x="8727948" y="562356"/>
                  </a:lnTo>
                  <a:lnTo>
                    <a:pt x="8727948" y="559308"/>
                  </a:lnTo>
                  <a:close/>
                </a:path>
                <a:path w="8920480" h="562610">
                  <a:moveTo>
                    <a:pt x="8735568" y="559308"/>
                  </a:moveTo>
                  <a:lnTo>
                    <a:pt x="8730996" y="559308"/>
                  </a:lnTo>
                  <a:lnTo>
                    <a:pt x="8730996" y="562356"/>
                  </a:lnTo>
                  <a:lnTo>
                    <a:pt x="8735568" y="562356"/>
                  </a:lnTo>
                  <a:lnTo>
                    <a:pt x="8735568" y="559308"/>
                  </a:lnTo>
                  <a:close/>
                </a:path>
                <a:path w="8920480" h="562610">
                  <a:moveTo>
                    <a:pt x="8741664" y="559308"/>
                  </a:moveTo>
                  <a:lnTo>
                    <a:pt x="8738616" y="559308"/>
                  </a:lnTo>
                  <a:lnTo>
                    <a:pt x="8738616" y="562356"/>
                  </a:lnTo>
                  <a:lnTo>
                    <a:pt x="8741664" y="562356"/>
                  </a:lnTo>
                  <a:lnTo>
                    <a:pt x="8741664" y="559308"/>
                  </a:lnTo>
                  <a:close/>
                </a:path>
                <a:path w="8920480" h="562610">
                  <a:moveTo>
                    <a:pt x="8749284" y="559308"/>
                  </a:moveTo>
                  <a:lnTo>
                    <a:pt x="8744712" y="559308"/>
                  </a:lnTo>
                  <a:lnTo>
                    <a:pt x="8744712" y="562356"/>
                  </a:lnTo>
                  <a:lnTo>
                    <a:pt x="8749284" y="562356"/>
                  </a:lnTo>
                  <a:lnTo>
                    <a:pt x="8749284" y="559308"/>
                  </a:lnTo>
                  <a:close/>
                </a:path>
                <a:path w="8920480" h="562610">
                  <a:moveTo>
                    <a:pt x="8755380" y="559308"/>
                  </a:moveTo>
                  <a:lnTo>
                    <a:pt x="8752332" y="559308"/>
                  </a:lnTo>
                  <a:lnTo>
                    <a:pt x="8752332" y="562356"/>
                  </a:lnTo>
                  <a:lnTo>
                    <a:pt x="8755380" y="562356"/>
                  </a:lnTo>
                  <a:lnTo>
                    <a:pt x="8755380" y="559308"/>
                  </a:lnTo>
                  <a:close/>
                </a:path>
                <a:path w="8920480" h="562610">
                  <a:moveTo>
                    <a:pt x="8763000" y="559308"/>
                  </a:moveTo>
                  <a:lnTo>
                    <a:pt x="8758428" y="559308"/>
                  </a:lnTo>
                  <a:lnTo>
                    <a:pt x="8758428" y="562356"/>
                  </a:lnTo>
                  <a:lnTo>
                    <a:pt x="8763000" y="562356"/>
                  </a:lnTo>
                  <a:lnTo>
                    <a:pt x="8763000" y="559308"/>
                  </a:lnTo>
                  <a:close/>
                </a:path>
                <a:path w="8920480" h="562610">
                  <a:moveTo>
                    <a:pt x="8769096" y="559308"/>
                  </a:moveTo>
                  <a:lnTo>
                    <a:pt x="8766048" y="559308"/>
                  </a:lnTo>
                  <a:lnTo>
                    <a:pt x="8766048" y="562356"/>
                  </a:lnTo>
                  <a:lnTo>
                    <a:pt x="8769096" y="562356"/>
                  </a:lnTo>
                  <a:lnTo>
                    <a:pt x="8769096" y="559308"/>
                  </a:lnTo>
                  <a:close/>
                </a:path>
                <a:path w="8920480" h="562610">
                  <a:moveTo>
                    <a:pt x="8776716" y="559308"/>
                  </a:moveTo>
                  <a:lnTo>
                    <a:pt x="8772144" y="559308"/>
                  </a:lnTo>
                  <a:lnTo>
                    <a:pt x="8772144" y="562356"/>
                  </a:lnTo>
                  <a:lnTo>
                    <a:pt x="8776716" y="562356"/>
                  </a:lnTo>
                  <a:lnTo>
                    <a:pt x="8776716" y="559308"/>
                  </a:lnTo>
                  <a:close/>
                </a:path>
                <a:path w="8920480" h="562610">
                  <a:moveTo>
                    <a:pt x="8782812" y="559308"/>
                  </a:moveTo>
                  <a:lnTo>
                    <a:pt x="8779764" y="559308"/>
                  </a:lnTo>
                  <a:lnTo>
                    <a:pt x="8779764" y="562356"/>
                  </a:lnTo>
                  <a:lnTo>
                    <a:pt x="8782812" y="562356"/>
                  </a:lnTo>
                  <a:lnTo>
                    <a:pt x="8782812" y="559308"/>
                  </a:lnTo>
                  <a:close/>
                </a:path>
                <a:path w="8920480" h="562610">
                  <a:moveTo>
                    <a:pt x="8790432" y="559308"/>
                  </a:moveTo>
                  <a:lnTo>
                    <a:pt x="8785860" y="559308"/>
                  </a:lnTo>
                  <a:lnTo>
                    <a:pt x="8785860" y="562356"/>
                  </a:lnTo>
                  <a:lnTo>
                    <a:pt x="8790432" y="562356"/>
                  </a:lnTo>
                  <a:lnTo>
                    <a:pt x="8790432" y="559308"/>
                  </a:lnTo>
                  <a:close/>
                </a:path>
                <a:path w="8920480" h="562610">
                  <a:moveTo>
                    <a:pt x="8796528" y="559308"/>
                  </a:moveTo>
                  <a:lnTo>
                    <a:pt x="8793480" y="559308"/>
                  </a:lnTo>
                  <a:lnTo>
                    <a:pt x="8793480" y="562356"/>
                  </a:lnTo>
                  <a:lnTo>
                    <a:pt x="8796528" y="562356"/>
                  </a:lnTo>
                  <a:lnTo>
                    <a:pt x="8796528" y="559308"/>
                  </a:lnTo>
                  <a:close/>
                </a:path>
                <a:path w="8920480" h="562610">
                  <a:moveTo>
                    <a:pt x="8804148" y="559308"/>
                  </a:moveTo>
                  <a:lnTo>
                    <a:pt x="8799576" y="559308"/>
                  </a:lnTo>
                  <a:lnTo>
                    <a:pt x="8799576" y="562356"/>
                  </a:lnTo>
                  <a:lnTo>
                    <a:pt x="8804148" y="562356"/>
                  </a:lnTo>
                  <a:lnTo>
                    <a:pt x="8804148" y="559308"/>
                  </a:lnTo>
                  <a:close/>
                </a:path>
                <a:path w="8920480" h="562610">
                  <a:moveTo>
                    <a:pt x="8810244" y="559308"/>
                  </a:moveTo>
                  <a:lnTo>
                    <a:pt x="8807196" y="559308"/>
                  </a:lnTo>
                  <a:lnTo>
                    <a:pt x="8807196" y="562356"/>
                  </a:lnTo>
                  <a:lnTo>
                    <a:pt x="8810244" y="562356"/>
                  </a:lnTo>
                  <a:lnTo>
                    <a:pt x="8810244" y="559308"/>
                  </a:lnTo>
                  <a:close/>
                </a:path>
                <a:path w="8920480" h="562610">
                  <a:moveTo>
                    <a:pt x="8817864" y="559308"/>
                  </a:moveTo>
                  <a:lnTo>
                    <a:pt x="8813292" y="559308"/>
                  </a:lnTo>
                  <a:lnTo>
                    <a:pt x="8813292" y="562356"/>
                  </a:lnTo>
                  <a:lnTo>
                    <a:pt x="8817864" y="562356"/>
                  </a:lnTo>
                  <a:lnTo>
                    <a:pt x="8817864" y="559308"/>
                  </a:lnTo>
                  <a:close/>
                </a:path>
                <a:path w="8920480" h="562610">
                  <a:moveTo>
                    <a:pt x="8823960" y="559308"/>
                  </a:moveTo>
                  <a:lnTo>
                    <a:pt x="8820912" y="559308"/>
                  </a:lnTo>
                  <a:lnTo>
                    <a:pt x="8820912" y="562356"/>
                  </a:lnTo>
                  <a:lnTo>
                    <a:pt x="8823960" y="562356"/>
                  </a:lnTo>
                  <a:lnTo>
                    <a:pt x="8823960" y="559308"/>
                  </a:lnTo>
                  <a:close/>
                </a:path>
                <a:path w="8920480" h="562610">
                  <a:moveTo>
                    <a:pt x="8831580" y="559308"/>
                  </a:moveTo>
                  <a:lnTo>
                    <a:pt x="8827008" y="559308"/>
                  </a:lnTo>
                  <a:lnTo>
                    <a:pt x="8827008" y="562356"/>
                  </a:lnTo>
                  <a:lnTo>
                    <a:pt x="8831580" y="562356"/>
                  </a:lnTo>
                  <a:lnTo>
                    <a:pt x="8831580" y="559308"/>
                  </a:lnTo>
                  <a:close/>
                </a:path>
                <a:path w="8920480" h="562610">
                  <a:moveTo>
                    <a:pt x="8837676" y="559308"/>
                  </a:moveTo>
                  <a:lnTo>
                    <a:pt x="8834628" y="559308"/>
                  </a:lnTo>
                  <a:lnTo>
                    <a:pt x="8834628" y="562356"/>
                  </a:lnTo>
                  <a:lnTo>
                    <a:pt x="8837676" y="562356"/>
                  </a:lnTo>
                  <a:lnTo>
                    <a:pt x="8837676" y="559308"/>
                  </a:lnTo>
                  <a:close/>
                </a:path>
                <a:path w="8920480" h="562610">
                  <a:moveTo>
                    <a:pt x="8845296" y="559308"/>
                  </a:moveTo>
                  <a:lnTo>
                    <a:pt x="8840724" y="559308"/>
                  </a:lnTo>
                  <a:lnTo>
                    <a:pt x="8840724" y="562356"/>
                  </a:lnTo>
                  <a:lnTo>
                    <a:pt x="8845296" y="562356"/>
                  </a:lnTo>
                  <a:lnTo>
                    <a:pt x="8845296" y="559308"/>
                  </a:lnTo>
                  <a:close/>
                </a:path>
                <a:path w="8920480" h="562610">
                  <a:moveTo>
                    <a:pt x="8851392" y="559308"/>
                  </a:moveTo>
                  <a:lnTo>
                    <a:pt x="8848344" y="559308"/>
                  </a:lnTo>
                  <a:lnTo>
                    <a:pt x="8848344" y="562356"/>
                  </a:lnTo>
                  <a:lnTo>
                    <a:pt x="8851392" y="562356"/>
                  </a:lnTo>
                  <a:lnTo>
                    <a:pt x="8851392" y="559308"/>
                  </a:lnTo>
                  <a:close/>
                </a:path>
                <a:path w="8920480" h="562610">
                  <a:moveTo>
                    <a:pt x="8859012" y="559308"/>
                  </a:moveTo>
                  <a:lnTo>
                    <a:pt x="8854440" y="559308"/>
                  </a:lnTo>
                  <a:lnTo>
                    <a:pt x="8854440" y="562356"/>
                  </a:lnTo>
                  <a:lnTo>
                    <a:pt x="8859012" y="562356"/>
                  </a:lnTo>
                  <a:lnTo>
                    <a:pt x="8859012" y="559308"/>
                  </a:lnTo>
                  <a:close/>
                </a:path>
                <a:path w="8920480" h="562610">
                  <a:moveTo>
                    <a:pt x="8865108" y="559308"/>
                  </a:moveTo>
                  <a:lnTo>
                    <a:pt x="8862060" y="559308"/>
                  </a:lnTo>
                  <a:lnTo>
                    <a:pt x="8862060" y="562356"/>
                  </a:lnTo>
                  <a:lnTo>
                    <a:pt x="8865108" y="562356"/>
                  </a:lnTo>
                  <a:lnTo>
                    <a:pt x="8865108" y="559308"/>
                  </a:lnTo>
                  <a:close/>
                </a:path>
                <a:path w="8920480" h="562610">
                  <a:moveTo>
                    <a:pt x="8872728" y="559308"/>
                  </a:moveTo>
                  <a:lnTo>
                    <a:pt x="8868156" y="559308"/>
                  </a:lnTo>
                  <a:lnTo>
                    <a:pt x="8868156" y="562356"/>
                  </a:lnTo>
                  <a:lnTo>
                    <a:pt x="8872728" y="562356"/>
                  </a:lnTo>
                  <a:lnTo>
                    <a:pt x="8872728" y="559308"/>
                  </a:lnTo>
                  <a:close/>
                </a:path>
                <a:path w="8920480" h="562610">
                  <a:moveTo>
                    <a:pt x="8878824" y="559308"/>
                  </a:moveTo>
                  <a:lnTo>
                    <a:pt x="8875776" y="559308"/>
                  </a:lnTo>
                  <a:lnTo>
                    <a:pt x="8875776" y="562356"/>
                  </a:lnTo>
                  <a:lnTo>
                    <a:pt x="8878824" y="562356"/>
                  </a:lnTo>
                  <a:lnTo>
                    <a:pt x="8878824" y="559308"/>
                  </a:lnTo>
                  <a:close/>
                </a:path>
                <a:path w="8920480" h="562610">
                  <a:moveTo>
                    <a:pt x="8886444" y="559308"/>
                  </a:moveTo>
                  <a:lnTo>
                    <a:pt x="8881872" y="559308"/>
                  </a:lnTo>
                  <a:lnTo>
                    <a:pt x="8881872" y="562356"/>
                  </a:lnTo>
                  <a:lnTo>
                    <a:pt x="8886444" y="562356"/>
                  </a:lnTo>
                  <a:lnTo>
                    <a:pt x="8886444" y="559308"/>
                  </a:lnTo>
                  <a:close/>
                </a:path>
                <a:path w="8920480" h="562610">
                  <a:moveTo>
                    <a:pt x="8892540" y="559308"/>
                  </a:moveTo>
                  <a:lnTo>
                    <a:pt x="8889492" y="559308"/>
                  </a:lnTo>
                  <a:lnTo>
                    <a:pt x="8889492" y="562356"/>
                  </a:lnTo>
                  <a:lnTo>
                    <a:pt x="8892540" y="562356"/>
                  </a:lnTo>
                  <a:lnTo>
                    <a:pt x="8892540" y="559308"/>
                  </a:lnTo>
                  <a:close/>
                </a:path>
                <a:path w="8920480" h="562610">
                  <a:moveTo>
                    <a:pt x="8900160" y="559308"/>
                  </a:moveTo>
                  <a:lnTo>
                    <a:pt x="8895588" y="559308"/>
                  </a:lnTo>
                  <a:lnTo>
                    <a:pt x="8895588" y="562356"/>
                  </a:lnTo>
                  <a:lnTo>
                    <a:pt x="8900160" y="562356"/>
                  </a:lnTo>
                  <a:lnTo>
                    <a:pt x="8900160" y="559308"/>
                  </a:lnTo>
                  <a:close/>
                </a:path>
                <a:path w="8920480" h="562610">
                  <a:moveTo>
                    <a:pt x="8906256" y="559308"/>
                  </a:moveTo>
                  <a:lnTo>
                    <a:pt x="8903208" y="559308"/>
                  </a:lnTo>
                  <a:lnTo>
                    <a:pt x="8903208" y="562356"/>
                  </a:lnTo>
                  <a:lnTo>
                    <a:pt x="8906256" y="562356"/>
                  </a:lnTo>
                  <a:lnTo>
                    <a:pt x="8906256" y="559308"/>
                  </a:lnTo>
                  <a:close/>
                </a:path>
                <a:path w="8920480" h="562610">
                  <a:moveTo>
                    <a:pt x="8913876" y="559308"/>
                  </a:moveTo>
                  <a:lnTo>
                    <a:pt x="8909304" y="559308"/>
                  </a:lnTo>
                  <a:lnTo>
                    <a:pt x="8909304" y="562356"/>
                  </a:lnTo>
                  <a:lnTo>
                    <a:pt x="8913876" y="562356"/>
                  </a:lnTo>
                  <a:lnTo>
                    <a:pt x="8913876" y="559308"/>
                  </a:lnTo>
                  <a:close/>
                </a:path>
                <a:path w="8920480" h="562610">
                  <a:moveTo>
                    <a:pt x="8919972" y="559308"/>
                  </a:moveTo>
                  <a:lnTo>
                    <a:pt x="8916924" y="559308"/>
                  </a:lnTo>
                  <a:lnTo>
                    <a:pt x="8916924" y="562356"/>
                  </a:lnTo>
                  <a:lnTo>
                    <a:pt x="8919972" y="562356"/>
                  </a:lnTo>
                  <a:lnTo>
                    <a:pt x="8919972" y="559308"/>
                  </a:lnTo>
                  <a:close/>
                </a:path>
              </a:pathLst>
            </a:custGeom>
            <a:solidFill>
              <a:srgbClr val="D8D8D8"/>
            </a:solidFill>
          </p:spPr>
          <p:txBody>
            <a:bodyPr wrap="square" lIns="0" tIns="0" rIns="0" bIns="0" rtlCol="0"/>
            <a:lstStyle/>
            <a:p>
              <a:endParaRPr sz="1539"/>
            </a:p>
          </p:txBody>
        </p:sp>
        <p:sp>
          <p:nvSpPr>
            <p:cNvPr id="26" name="object 26"/>
            <p:cNvSpPr/>
            <p:nvPr/>
          </p:nvSpPr>
          <p:spPr>
            <a:xfrm>
              <a:off x="1496567" y="5639562"/>
              <a:ext cx="140335" cy="0"/>
            </a:xfrm>
            <a:custGeom>
              <a:avLst/>
              <a:gdLst/>
              <a:ahLst/>
              <a:cxnLst/>
              <a:rect l="l" t="t" r="r" b="b"/>
              <a:pathLst>
                <a:path w="140335">
                  <a:moveTo>
                    <a:pt x="0" y="0"/>
                  </a:moveTo>
                  <a:lnTo>
                    <a:pt x="140207" y="0"/>
                  </a:lnTo>
                </a:path>
              </a:pathLst>
            </a:custGeom>
            <a:ln w="4571">
              <a:solidFill>
                <a:srgbClr val="D8D8D8"/>
              </a:solidFill>
              <a:prstDash val="sysDot"/>
            </a:ln>
          </p:spPr>
          <p:txBody>
            <a:bodyPr wrap="square" lIns="0" tIns="0" rIns="0" bIns="0" rtlCol="0"/>
            <a:lstStyle/>
            <a:p>
              <a:endParaRPr sz="1539"/>
            </a:p>
          </p:txBody>
        </p:sp>
        <p:sp>
          <p:nvSpPr>
            <p:cNvPr id="27" name="object 27"/>
            <p:cNvSpPr/>
            <p:nvPr/>
          </p:nvSpPr>
          <p:spPr>
            <a:xfrm>
              <a:off x="1812036" y="5637275"/>
              <a:ext cx="139065" cy="5080"/>
            </a:xfrm>
            <a:custGeom>
              <a:avLst/>
              <a:gdLst/>
              <a:ahLst/>
              <a:cxnLst/>
              <a:rect l="l" t="t" r="r" b="b"/>
              <a:pathLst>
                <a:path w="139064" h="5079">
                  <a:moveTo>
                    <a:pt x="3048" y="0"/>
                  </a:moveTo>
                  <a:lnTo>
                    <a:pt x="0" y="0"/>
                  </a:lnTo>
                  <a:lnTo>
                    <a:pt x="0" y="4572"/>
                  </a:lnTo>
                  <a:lnTo>
                    <a:pt x="3048" y="4572"/>
                  </a:lnTo>
                  <a:lnTo>
                    <a:pt x="3048" y="0"/>
                  </a:lnTo>
                  <a:close/>
                </a:path>
                <a:path w="139064" h="5079">
                  <a:moveTo>
                    <a:pt x="9144" y="0"/>
                  </a:moveTo>
                  <a:lnTo>
                    <a:pt x="6096" y="0"/>
                  </a:lnTo>
                  <a:lnTo>
                    <a:pt x="6096" y="4572"/>
                  </a:lnTo>
                  <a:lnTo>
                    <a:pt x="9144" y="4572"/>
                  </a:lnTo>
                  <a:lnTo>
                    <a:pt x="9144" y="0"/>
                  </a:lnTo>
                  <a:close/>
                </a:path>
                <a:path w="139064" h="5079">
                  <a:moveTo>
                    <a:pt x="16764" y="0"/>
                  </a:moveTo>
                  <a:lnTo>
                    <a:pt x="13716" y="0"/>
                  </a:lnTo>
                  <a:lnTo>
                    <a:pt x="13716" y="4572"/>
                  </a:lnTo>
                  <a:lnTo>
                    <a:pt x="16764" y="4572"/>
                  </a:lnTo>
                  <a:lnTo>
                    <a:pt x="16764" y="0"/>
                  </a:lnTo>
                  <a:close/>
                </a:path>
                <a:path w="139064" h="5079">
                  <a:moveTo>
                    <a:pt x="22860" y="0"/>
                  </a:moveTo>
                  <a:lnTo>
                    <a:pt x="19812" y="0"/>
                  </a:lnTo>
                  <a:lnTo>
                    <a:pt x="19812" y="4572"/>
                  </a:lnTo>
                  <a:lnTo>
                    <a:pt x="22860" y="4572"/>
                  </a:lnTo>
                  <a:lnTo>
                    <a:pt x="22860" y="0"/>
                  </a:lnTo>
                  <a:close/>
                </a:path>
                <a:path w="139064" h="5079">
                  <a:moveTo>
                    <a:pt x="30480" y="0"/>
                  </a:moveTo>
                  <a:lnTo>
                    <a:pt x="27432" y="0"/>
                  </a:lnTo>
                  <a:lnTo>
                    <a:pt x="27432" y="4572"/>
                  </a:lnTo>
                  <a:lnTo>
                    <a:pt x="30480" y="4572"/>
                  </a:lnTo>
                  <a:lnTo>
                    <a:pt x="30480" y="0"/>
                  </a:lnTo>
                  <a:close/>
                </a:path>
                <a:path w="139064" h="5079">
                  <a:moveTo>
                    <a:pt x="36576" y="0"/>
                  </a:moveTo>
                  <a:lnTo>
                    <a:pt x="33528" y="0"/>
                  </a:lnTo>
                  <a:lnTo>
                    <a:pt x="33528" y="4572"/>
                  </a:lnTo>
                  <a:lnTo>
                    <a:pt x="36576" y="4572"/>
                  </a:lnTo>
                  <a:lnTo>
                    <a:pt x="36576" y="0"/>
                  </a:lnTo>
                  <a:close/>
                </a:path>
                <a:path w="139064" h="5079">
                  <a:moveTo>
                    <a:pt x="44196" y="0"/>
                  </a:moveTo>
                  <a:lnTo>
                    <a:pt x="41148" y="0"/>
                  </a:lnTo>
                  <a:lnTo>
                    <a:pt x="41148" y="4572"/>
                  </a:lnTo>
                  <a:lnTo>
                    <a:pt x="44196" y="4572"/>
                  </a:lnTo>
                  <a:lnTo>
                    <a:pt x="44196" y="0"/>
                  </a:lnTo>
                  <a:close/>
                </a:path>
                <a:path w="139064" h="5079">
                  <a:moveTo>
                    <a:pt x="50292" y="0"/>
                  </a:moveTo>
                  <a:lnTo>
                    <a:pt x="47244" y="0"/>
                  </a:lnTo>
                  <a:lnTo>
                    <a:pt x="47244" y="4572"/>
                  </a:lnTo>
                  <a:lnTo>
                    <a:pt x="50292" y="4572"/>
                  </a:lnTo>
                  <a:lnTo>
                    <a:pt x="50292" y="0"/>
                  </a:lnTo>
                  <a:close/>
                </a:path>
                <a:path w="139064" h="5079">
                  <a:moveTo>
                    <a:pt x="57912" y="0"/>
                  </a:moveTo>
                  <a:lnTo>
                    <a:pt x="54864" y="0"/>
                  </a:lnTo>
                  <a:lnTo>
                    <a:pt x="54864" y="4572"/>
                  </a:lnTo>
                  <a:lnTo>
                    <a:pt x="57912" y="4572"/>
                  </a:lnTo>
                  <a:lnTo>
                    <a:pt x="57912" y="0"/>
                  </a:lnTo>
                  <a:close/>
                </a:path>
                <a:path w="139064" h="5079">
                  <a:moveTo>
                    <a:pt x="64008" y="0"/>
                  </a:moveTo>
                  <a:lnTo>
                    <a:pt x="60960" y="0"/>
                  </a:lnTo>
                  <a:lnTo>
                    <a:pt x="60960" y="4572"/>
                  </a:lnTo>
                  <a:lnTo>
                    <a:pt x="64008" y="4572"/>
                  </a:lnTo>
                  <a:lnTo>
                    <a:pt x="64008" y="0"/>
                  </a:lnTo>
                  <a:close/>
                </a:path>
                <a:path w="139064" h="5079">
                  <a:moveTo>
                    <a:pt x="71628" y="0"/>
                  </a:moveTo>
                  <a:lnTo>
                    <a:pt x="68580" y="0"/>
                  </a:lnTo>
                  <a:lnTo>
                    <a:pt x="68580" y="4572"/>
                  </a:lnTo>
                  <a:lnTo>
                    <a:pt x="71628" y="4572"/>
                  </a:lnTo>
                  <a:lnTo>
                    <a:pt x="71628" y="0"/>
                  </a:lnTo>
                  <a:close/>
                </a:path>
                <a:path w="139064" h="5079">
                  <a:moveTo>
                    <a:pt x="77724" y="0"/>
                  </a:moveTo>
                  <a:lnTo>
                    <a:pt x="74676" y="0"/>
                  </a:lnTo>
                  <a:lnTo>
                    <a:pt x="74676" y="4572"/>
                  </a:lnTo>
                  <a:lnTo>
                    <a:pt x="77724" y="4572"/>
                  </a:lnTo>
                  <a:lnTo>
                    <a:pt x="77724" y="0"/>
                  </a:lnTo>
                  <a:close/>
                </a:path>
                <a:path w="139064" h="5079">
                  <a:moveTo>
                    <a:pt x="85344" y="0"/>
                  </a:moveTo>
                  <a:lnTo>
                    <a:pt x="82296" y="0"/>
                  </a:lnTo>
                  <a:lnTo>
                    <a:pt x="82296" y="4572"/>
                  </a:lnTo>
                  <a:lnTo>
                    <a:pt x="85344" y="4572"/>
                  </a:lnTo>
                  <a:lnTo>
                    <a:pt x="85344" y="0"/>
                  </a:lnTo>
                  <a:close/>
                </a:path>
                <a:path w="139064" h="5079">
                  <a:moveTo>
                    <a:pt x="91440" y="0"/>
                  </a:moveTo>
                  <a:lnTo>
                    <a:pt x="88392" y="0"/>
                  </a:lnTo>
                  <a:lnTo>
                    <a:pt x="88392" y="4572"/>
                  </a:lnTo>
                  <a:lnTo>
                    <a:pt x="91440" y="4572"/>
                  </a:lnTo>
                  <a:lnTo>
                    <a:pt x="91440" y="0"/>
                  </a:lnTo>
                  <a:close/>
                </a:path>
                <a:path w="139064" h="5079">
                  <a:moveTo>
                    <a:pt x="99060" y="0"/>
                  </a:moveTo>
                  <a:lnTo>
                    <a:pt x="96012" y="0"/>
                  </a:lnTo>
                  <a:lnTo>
                    <a:pt x="96012" y="4572"/>
                  </a:lnTo>
                  <a:lnTo>
                    <a:pt x="99060" y="4572"/>
                  </a:lnTo>
                  <a:lnTo>
                    <a:pt x="99060" y="0"/>
                  </a:lnTo>
                  <a:close/>
                </a:path>
                <a:path w="139064" h="5079">
                  <a:moveTo>
                    <a:pt x="105156" y="0"/>
                  </a:moveTo>
                  <a:lnTo>
                    <a:pt x="102108" y="0"/>
                  </a:lnTo>
                  <a:lnTo>
                    <a:pt x="102108" y="4572"/>
                  </a:lnTo>
                  <a:lnTo>
                    <a:pt x="105156" y="4572"/>
                  </a:lnTo>
                  <a:lnTo>
                    <a:pt x="105156" y="0"/>
                  </a:lnTo>
                  <a:close/>
                </a:path>
                <a:path w="139064" h="5079">
                  <a:moveTo>
                    <a:pt x="112776" y="0"/>
                  </a:moveTo>
                  <a:lnTo>
                    <a:pt x="109728" y="0"/>
                  </a:lnTo>
                  <a:lnTo>
                    <a:pt x="109728" y="4572"/>
                  </a:lnTo>
                  <a:lnTo>
                    <a:pt x="112776" y="4572"/>
                  </a:lnTo>
                  <a:lnTo>
                    <a:pt x="112776" y="0"/>
                  </a:lnTo>
                  <a:close/>
                </a:path>
                <a:path w="139064" h="5079">
                  <a:moveTo>
                    <a:pt x="118872" y="0"/>
                  </a:moveTo>
                  <a:lnTo>
                    <a:pt x="115824" y="0"/>
                  </a:lnTo>
                  <a:lnTo>
                    <a:pt x="115824" y="4572"/>
                  </a:lnTo>
                  <a:lnTo>
                    <a:pt x="118872" y="4572"/>
                  </a:lnTo>
                  <a:lnTo>
                    <a:pt x="118872" y="0"/>
                  </a:lnTo>
                  <a:close/>
                </a:path>
                <a:path w="139064" h="5079">
                  <a:moveTo>
                    <a:pt x="126492" y="0"/>
                  </a:moveTo>
                  <a:lnTo>
                    <a:pt x="123444" y="0"/>
                  </a:lnTo>
                  <a:lnTo>
                    <a:pt x="123444" y="4572"/>
                  </a:lnTo>
                  <a:lnTo>
                    <a:pt x="126492" y="4572"/>
                  </a:lnTo>
                  <a:lnTo>
                    <a:pt x="126492" y="0"/>
                  </a:lnTo>
                  <a:close/>
                </a:path>
                <a:path w="139064" h="5079">
                  <a:moveTo>
                    <a:pt x="132588" y="0"/>
                  </a:moveTo>
                  <a:lnTo>
                    <a:pt x="129540" y="0"/>
                  </a:lnTo>
                  <a:lnTo>
                    <a:pt x="129540" y="4572"/>
                  </a:lnTo>
                  <a:lnTo>
                    <a:pt x="132588" y="4572"/>
                  </a:lnTo>
                  <a:lnTo>
                    <a:pt x="132588" y="0"/>
                  </a:lnTo>
                  <a:close/>
                </a:path>
                <a:path w="139064" h="5079">
                  <a:moveTo>
                    <a:pt x="138684" y="0"/>
                  </a:moveTo>
                  <a:lnTo>
                    <a:pt x="137160" y="0"/>
                  </a:lnTo>
                  <a:lnTo>
                    <a:pt x="137160" y="4572"/>
                  </a:lnTo>
                  <a:lnTo>
                    <a:pt x="138684" y="4572"/>
                  </a:lnTo>
                  <a:lnTo>
                    <a:pt x="138684" y="0"/>
                  </a:lnTo>
                  <a:close/>
                </a:path>
              </a:pathLst>
            </a:custGeom>
            <a:solidFill>
              <a:srgbClr val="D8D8D8"/>
            </a:solidFill>
          </p:spPr>
          <p:txBody>
            <a:bodyPr wrap="square" lIns="0" tIns="0" rIns="0" bIns="0" rtlCol="0"/>
            <a:lstStyle/>
            <a:p>
              <a:endParaRPr sz="1539"/>
            </a:p>
          </p:txBody>
        </p:sp>
        <p:sp>
          <p:nvSpPr>
            <p:cNvPr id="28" name="object 28"/>
            <p:cNvSpPr/>
            <p:nvPr/>
          </p:nvSpPr>
          <p:spPr>
            <a:xfrm>
              <a:off x="2345436" y="5639562"/>
              <a:ext cx="454659" cy="0"/>
            </a:xfrm>
            <a:custGeom>
              <a:avLst/>
              <a:gdLst/>
              <a:ahLst/>
              <a:cxnLst/>
              <a:rect l="l" t="t" r="r" b="b"/>
              <a:pathLst>
                <a:path w="454660">
                  <a:moveTo>
                    <a:pt x="0" y="0"/>
                  </a:moveTo>
                  <a:lnTo>
                    <a:pt x="30480" y="0"/>
                  </a:lnTo>
                </a:path>
                <a:path w="454660">
                  <a:moveTo>
                    <a:pt x="425195" y="0"/>
                  </a:moveTo>
                  <a:lnTo>
                    <a:pt x="454151" y="0"/>
                  </a:lnTo>
                </a:path>
              </a:pathLst>
            </a:custGeom>
            <a:ln w="4571">
              <a:solidFill>
                <a:srgbClr val="D8D8D8"/>
              </a:solidFill>
              <a:prstDash val="sysDot"/>
            </a:ln>
          </p:spPr>
          <p:txBody>
            <a:bodyPr wrap="square" lIns="0" tIns="0" rIns="0" bIns="0" rtlCol="0"/>
            <a:lstStyle/>
            <a:p>
              <a:endParaRPr sz="1539"/>
            </a:p>
          </p:txBody>
        </p:sp>
        <p:sp>
          <p:nvSpPr>
            <p:cNvPr id="29" name="object 29"/>
            <p:cNvSpPr/>
            <p:nvPr/>
          </p:nvSpPr>
          <p:spPr>
            <a:xfrm>
              <a:off x="3195828" y="5637275"/>
              <a:ext cx="140335" cy="5080"/>
            </a:xfrm>
            <a:custGeom>
              <a:avLst/>
              <a:gdLst/>
              <a:ahLst/>
              <a:cxnLst/>
              <a:rect l="l" t="t" r="r" b="b"/>
              <a:pathLst>
                <a:path w="140335" h="5079">
                  <a:moveTo>
                    <a:pt x="3048" y="0"/>
                  </a:moveTo>
                  <a:lnTo>
                    <a:pt x="0" y="0"/>
                  </a:lnTo>
                  <a:lnTo>
                    <a:pt x="0" y="4572"/>
                  </a:lnTo>
                  <a:lnTo>
                    <a:pt x="3048" y="4572"/>
                  </a:lnTo>
                  <a:lnTo>
                    <a:pt x="3048" y="0"/>
                  </a:lnTo>
                  <a:close/>
                </a:path>
                <a:path w="140335" h="5079">
                  <a:moveTo>
                    <a:pt x="10668" y="0"/>
                  </a:moveTo>
                  <a:lnTo>
                    <a:pt x="7620" y="0"/>
                  </a:lnTo>
                  <a:lnTo>
                    <a:pt x="7620" y="4572"/>
                  </a:lnTo>
                  <a:lnTo>
                    <a:pt x="10668" y="4572"/>
                  </a:lnTo>
                  <a:lnTo>
                    <a:pt x="10668" y="0"/>
                  </a:lnTo>
                  <a:close/>
                </a:path>
                <a:path w="140335" h="5079">
                  <a:moveTo>
                    <a:pt x="16764" y="0"/>
                  </a:moveTo>
                  <a:lnTo>
                    <a:pt x="13716" y="0"/>
                  </a:lnTo>
                  <a:lnTo>
                    <a:pt x="13716" y="4572"/>
                  </a:lnTo>
                  <a:lnTo>
                    <a:pt x="16764" y="4572"/>
                  </a:lnTo>
                  <a:lnTo>
                    <a:pt x="16764" y="0"/>
                  </a:lnTo>
                  <a:close/>
                </a:path>
                <a:path w="140335" h="5079">
                  <a:moveTo>
                    <a:pt x="24384" y="0"/>
                  </a:moveTo>
                  <a:lnTo>
                    <a:pt x="21336" y="0"/>
                  </a:lnTo>
                  <a:lnTo>
                    <a:pt x="21336" y="4572"/>
                  </a:lnTo>
                  <a:lnTo>
                    <a:pt x="24384" y="4572"/>
                  </a:lnTo>
                  <a:lnTo>
                    <a:pt x="24384" y="0"/>
                  </a:lnTo>
                  <a:close/>
                </a:path>
                <a:path w="140335" h="5079">
                  <a:moveTo>
                    <a:pt x="30480" y="0"/>
                  </a:moveTo>
                  <a:lnTo>
                    <a:pt x="27432" y="0"/>
                  </a:lnTo>
                  <a:lnTo>
                    <a:pt x="27432" y="4572"/>
                  </a:lnTo>
                  <a:lnTo>
                    <a:pt x="30480" y="4572"/>
                  </a:lnTo>
                  <a:lnTo>
                    <a:pt x="30480" y="0"/>
                  </a:lnTo>
                  <a:close/>
                </a:path>
                <a:path w="140335" h="5079">
                  <a:moveTo>
                    <a:pt x="38100" y="0"/>
                  </a:moveTo>
                  <a:lnTo>
                    <a:pt x="35052" y="0"/>
                  </a:lnTo>
                  <a:lnTo>
                    <a:pt x="35052" y="4572"/>
                  </a:lnTo>
                  <a:lnTo>
                    <a:pt x="38100" y="4572"/>
                  </a:lnTo>
                  <a:lnTo>
                    <a:pt x="38100" y="0"/>
                  </a:lnTo>
                  <a:close/>
                </a:path>
                <a:path w="140335" h="5079">
                  <a:moveTo>
                    <a:pt x="44196" y="0"/>
                  </a:moveTo>
                  <a:lnTo>
                    <a:pt x="41148" y="0"/>
                  </a:lnTo>
                  <a:lnTo>
                    <a:pt x="41148" y="4572"/>
                  </a:lnTo>
                  <a:lnTo>
                    <a:pt x="44196" y="4572"/>
                  </a:lnTo>
                  <a:lnTo>
                    <a:pt x="44196" y="0"/>
                  </a:lnTo>
                  <a:close/>
                </a:path>
                <a:path w="140335" h="5079">
                  <a:moveTo>
                    <a:pt x="51816" y="0"/>
                  </a:moveTo>
                  <a:lnTo>
                    <a:pt x="48768" y="0"/>
                  </a:lnTo>
                  <a:lnTo>
                    <a:pt x="48768" y="4572"/>
                  </a:lnTo>
                  <a:lnTo>
                    <a:pt x="51816" y="4572"/>
                  </a:lnTo>
                  <a:lnTo>
                    <a:pt x="51816" y="0"/>
                  </a:lnTo>
                  <a:close/>
                </a:path>
                <a:path w="140335" h="5079">
                  <a:moveTo>
                    <a:pt x="57912" y="0"/>
                  </a:moveTo>
                  <a:lnTo>
                    <a:pt x="54864" y="0"/>
                  </a:lnTo>
                  <a:lnTo>
                    <a:pt x="54864" y="4572"/>
                  </a:lnTo>
                  <a:lnTo>
                    <a:pt x="57912" y="4572"/>
                  </a:lnTo>
                  <a:lnTo>
                    <a:pt x="57912" y="0"/>
                  </a:lnTo>
                  <a:close/>
                </a:path>
                <a:path w="140335" h="5079">
                  <a:moveTo>
                    <a:pt x="65532" y="0"/>
                  </a:moveTo>
                  <a:lnTo>
                    <a:pt x="62484" y="0"/>
                  </a:lnTo>
                  <a:lnTo>
                    <a:pt x="62484" y="4572"/>
                  </a:lnTo>
                  <a:lnTo>
                    <a:pt x="65532" y="4572"/>
                  </a:lnTo>
                  <a:lnTo>
                    <a:pt x="65532" y="0"/>
                  </a:lnTo>
                  <a:close/>
                </a:path>
                <a:path w="140335" h="5079">
                  <a:moveTo>
                    <a:pt x="71615" y="0"/>
                  </a:moveTo>
                  <a:lnTo>
                    <a:pt x="68580" y="0"/>
                  </a:lnTo>
                  <a:lnTo>
                    <a:pt x="68580" y="4572"/>
                  </a:lnTo>
                  <a:lnTo>
                    <a:pt x="71615" y="4572"/>
                  </a:lnTo>
                  <a:lnTo>
                    <a:pt x="71615" y="0"/>
                  </a:lnTo>
                  <a:close/>
                </a:path>
                <a:path w="140335" h="5079">
                  <a:moveTo>
                    <a:pt x="79248" y="0"/>
                  </a:moveTo>
                  <a:lnTo>
                    <a:pt x="76200" y="0"/>
                  </a:lnTo>
                  <a:lnTo>
                    <a:pt x="76200" y="4572"/>
                  </a:lnTo>
                  <a:lnTo>
                    <a:pt x="79248" y="4572"/>
                  </a:lnTo>
                  <a:lnTo>
                    <a:pt x="79248" y="0"/>
                  </a:lnTo>
                  <a:close/>
                </a:path>
                <a:path w="140335" h="5079">
                  <a:moveTo>
                    <a:pt x="85344" y="0"/>
                  </a:moveTo>
                  <a:lnTo>
                    <a:pt x="82296" y="0"/>
                  </a:lnTo>
                  <a:lnTo>
                    <a:pt x="82296" y="4572"/>
                  </a:lnTo>
                  <a:lnTo>
                    <a:pt x="85344" y="4572"/>
                  </a:lnTo>
                  <a:lnTo>
                    <a:pt x="85344" y="0"/>
                  </a:lnTo>
                  <a:close/>
                </a:path>
                <a:path w="140335" h="5079">
                  <a:moveTo>
                    <a:pt x="92951" y="0"/>
                  </a:moveTo>
                  <a:lnTo>
                    <a:pt x="89916" y="0"/>
                  </a:lnTo>
                  <a:lnTo>
                    <a:pt x="89916" y="4572"/>
                  </a:lnTo>
                  <a:lnTo>
                    <a:pt x="92951" y="4572"/>
                  </a:lnTo>
                  <a:lnTo>
                    <a:pt x="92951" y="0"/>
                  </a:lnTo>
                  <a:close/>
                </a:path>
                <a:path w="140335" h="5079">
                  <a:moveTo>
                    <a:pt x="99060" y="0"/>
                  </a:moveTo>
                  <a:lnTo>
                    <a:pt x="96012" y="0"/>
                  </a:lnTo>
                  <a:lnTo>
                    <a:pt x="96012" y="4572"/>
                  </a:lnTo>
                  <a:lnTo>
                    <a:pt x="99060" y="4572"/>
                  </a:lnTo>
                  <a:lnTo>
                    <a:pt x="99060" y="0"/>
                  </a:lnTo>
                  <a:close/>
                </a:path>
                <a:path w="140335" h="5079">
                  <a:moveTo>
                    <a:pt x="106680" y="0"/>
                  </a:moveTo>
                  <a:lnTo>
                    <a:pt x="103632" y="0"/>
                  </a:lnTo>
                  <a:lnTo>
                    <a:pt x="103632" y="4572"/>
                  </a:lnTo>
                  <a:lnTo>
                    <a:pt x="106680" y="4572"/>
                  </a:lnTo>
                  <a:lnTo>
                    <a:pt x="106680" y="0"/>
                  </a:lnTo>
                  <a:close/>
                </a:path>
                <a:path w="140335" h="5079">
                  <a:moveTo>
                    <a:pt x="112763" y="0"/>
                  </a:moveTo>
                  <a:lnTo>
                    <a:pt x="109715" y="0"/>
                  </a:lnTo>
                  <a:lnTo>
                    <a:pt x="109715" y="4572"/>
                  </a:lnTo>
                  <a:lnTo>
                    <a:pt x="112763" y="4572"/>
                  </a:lnTo>
                  <a:lnTo>
                    <a:pt x="112763" y="0"/>
                  </a:lnTo>
                  <a:close/>
                </a:path>
                <a:path w="140335" h="5079">
                  <a:moveTo>
                    <a:pt x="120396" y="0"/>
                  </a:moveTo>
                  <a:lnTo>
                    <a:pt x="117348" y="0"/>
                  </a:lnTo>
                  <a:lnTo>
                    <a:pt x="117348" y="4572"/>
                  </a:lnTo>
                  <a:lnTo>
                    <a:pt x="120396" y="4572"/>
                  </a:lnTo>
                  <a:lnTo>
                    <a:pt x="120396" y="0"/>
                  </a:lnTo>
                  <a:close/>
                </a:path>
                <a:path w="140335" h="5079">
                  <a:moveTo>
                    <a:pt x="126492" y="0"/>
                  </a:moveTo>
                  <a:lnTo>
                    <a:pt x="123444" y="0"/>
                  </a:lnTo>
                  <a:lnTo>
                    <a:pt x="123444" y="4572"/>
                  </a:lnTo>
                  <a:lnTo>
                    <a:pt x="126492" y="4572"/>
                  </a:lnTo>
                  <a:lnTo>
                    <a:pt x="126492" y="0"/>
                  </a:lnTo>
                  <a:close/>
                </a:path>
                <a:path w="140335" h="5079">
                  <a:moveTo>
                    <a:pt x="134112" y="0"/>
                  </a:moveTo>
                  <a:lnTo>
                    <a:pt x="131051" y="0"/>
                  </a:lnTo>
                  <a:lnTo>
                    <a:pt x="131051" y="4572"/>
                  </a:lnTo>
                  <a:lnTo>
                    <a:pt x="134112" y="4572"/>
                  </a:lnTo>
                  <a:lnTo>
                    <a:pt x="134112" y="0"/>
                  </a:lnTo>
                  <a:close/>
                </a:path>
                <a:path w="140335" h="5079">
                  <a:moveTo>
                    <a:pt x="140208" y="0"/>
                  </a:moveTo>
                  <a:lnTo>
                    <a:pt x="137160" y="0"/>
                  </a:lnTo>
                  <a:lnTo>
                    <a:pt x="137160" y="4572"/>
                  </a:lnTo>
                  <a:lnTo>
                    <a:pt x="140208" y="4572"/>
                  </a:lnTo>
                  <a:lnTo>
                    <a:pt x="140208" y="0"/>
                  </a:lnTo>
                  <a:close/>
                </a:path>
              </a:pathLst>
            </a:custGeom>
            <a:solidFill>
              <a:srgbClr val="D8D8D8"/>
            </a:solidFill>
          </p:spPr>
          <p:txBody>
            <a:bodyPr wrap="square" lIns="0" tIns="0" rIns="0" bIns="0" rtlCol="0"/>
            <a:lstStyle/>
            <a:p>
              <a:endParaRPr sz="1539"/>
            </a:p>
          </p:txBody>
        </p:sp>
        <p:sp>
          <p:nvSpPr>
            <p:cNvPr id="30" name="object 30"/>
            <p:cNvSpPr/>
            <p:nvPr/>
          </p:nvSpPr>
          <p:spPr>
            <a:xfrm>
              <a:off x="3506724" y="5639562"/>
              <a:ext cx="254635" cy="0"/>
            </a:xfrm>
            <a:custGeom>
              <a:avLst/>
              <a:gdLst/>
              <a:ahLst/>
              <a:cxnLst/>
              <a:rect l="l" t="t" r="r" b="b"/>
              <a:pathLst>
                <a:path w="254635">
                  <a:moveTo>
                    <a:pt x="0" y="0"/>
                  </a:moveTo>
                  <a:lnTo>
                    <a:pt x="254508" y="0"/>
                  </a:lnTo>
                </a:path>
              </a:pathLst>
            </a:custGeom>
            <a:ln w="4571">
              <a:solidFill>
                <a:srgbClr val="D8D8D8"/>
              </a:solidFill>
              <a:prstDash val="sysDot"/>
            </a:ln>
          </p:spPr>
          <p:txBody>
            <a:bodyPr wrap="square" lIns="0" tIns="0" rIns="0" bIns="0" rtlCol="0"/>
            <a:lstStyle/>
            <a:p>
              <a:endParaRPr sz="1539"/>
            </a:p>
          </p:txBody>
        </p:sp>
        <p:sp>
          <p:nvSpPr>
            <p:cNvPr id="31" name="object 31"/>
            <p:cNvSpPr/>
            <p:nvPr/>
          </p:nvSpPr>
          <p:spPr>
            <a:xfrm>
              <a:off x="3931920" y="5637275"/>
              <a:ext cx="652780" cy="5080"/>
            </a:xfrm>
            <a:custGeom>
              <a:avLst/>
              <a:gdLst/>
              <a:ahLst/>
              <a:cxnLst/>
              <a:rect l="l" t="t" r="r" b="b"/>
              <a:pathLst>
                <a:path w="652779" h="5079">
                  <a:moveTo>
                    <a:pt x="1524" y="0"/>
                  </a:moveTo>
                  <a:lnTo>
                    <a:pt x="0" y="0"/>
                  </a:lnTo>
                  <a:lnTo>
                    <a:pt x="0" y="4572"/>
                  </a:lnTo>
                  <a:lnTo>
                    <a:pt x="1524" y="4572"/>
                  </a:lnTo>
                  <a:lnTo>
                    <a:pt x="1524" y="0"/>
                  </a:lnTo>
                  <a:close/>
                </a:path>
                <a:path w="652779" h="5079">
                  <a:moveTo>
                    <a:pt x="7620" y="0"/>
                  </a:moveTo>
                  <a:lnTo>
                    <a:pt x="4572" y="0"/>
                  </a:lnTo>
                  <a:lnTo>
                    <a:pt x="4572" y="4572"/>
                  </a:lnTo>
                  <a:lnTo>
                    <a:pt x="7620" y="4572"/>
                  </a:lnTo>
                  <a:lnTo>
                    <a:pt x="7620" y="0"/>
                  </a:lnTo>
                  <a:close/>
                </a:path>
                <a:path w="652779" h="5079">
                  <a:moveTo>
                    <a:pt x="15240" y="0"/>
                  </a:moveTo>
                  <a:lnTo>
                    <a:pt x="10668" y="0"/>
                  </a:lnTo>
                  <a:lnTo>
                    <a:pt x="10668" y="4572"/>
                  </a:lnTo>
                  <a:lnTo>
                    <a:pt x="15240" y="4572"/>
                  </a:lnTo>
                  <a:lnTo>
                    <a:pt x="15240" y="0"/>
                  </a:lnTo>
                  <a:close/>
                </a:path>
                <a:path w="652779" h="5079">
                  <a:moveTo>
                    <a:pt x="21336" y="0"/>
                  </a:moveTo>
                  <a:lnTo>
                    <a:pt x="18288" y="0"/>
                  </a:lnTo>
                  <a:lnTo>
                    <a:pt x="18288" y="4572"/>
                  </a:lnTo>
                  <a:lnTo>
                    <a:pt x="21336" y="4572"/>
                  </a:lnTo>
                  <a:lnTo>
                    <a:pt x="21336" y="0"/>
                  </a:lnTo>
                  <a:close/>
                </a:path>
                <a:path w="652779" h="5079">
                  <a:moveTo>
                    <a:pt x="28956" y="0"/>
                  </a:moveTo>
                  <a:lnTo>
                    <a:pt x="24384" y="0"/>
                  </a:lnTo>
                  <a:lnTo>
                    <a:pt x="24384" y="4572"/>
                  </a:lnTo>
                  <a:lnTo>
                    <a:pt x="28956" y="4572"/>
                  </a:lnTo>
                  <a:lnTo>
                    <a:pt x="28956" y="0"/>
                  </a:lnTo>
                  <a:close/>
                </a:path>
                <a:path w="652779" h="5079">
                  <a:moveTo>
                    <a:pt x="35052" y="0"/>
                  </a:moveTo>
                  <a:lnTo>
                    <a:pt x="32004" y="0"/>
                  </a:lnTo>
                  <a:lnTo>
                    <a:pt x="32004" y="4572"/>
                  </a:lnTo>
                  <a:lnTo>
                    <a:pt x="35052" y="4572"/>
                  </a:lnTo>
                  <a:lnTo>
                    <a:pt x="35052" y="0"/>
                  </a:lnTo>
                  <a:close/>
                </a:path>
                <a:path w="652779" h="5079">
                  <a:moveTo>
                    <a:pt x="42672" y="0"/>
                  </a:moveTo>
                  <a:lnTo>
                    <a:pt x="38100" y="0"/>
                  </a:lnTo>
                  <a:lnTo>
                    <a:pt x="38100" y="4572"/>
                  </a:lnTo>
                  <a:lnTo>
                    <a:pt x="42672" y="4572"/>
                  </a:lnTo>
                  <a:lnTo>
                    <a:pt x="42672" y="0"/>
                  </a:lnTo>
                  <a:close/>
                </a:path>
                <a:path w="652779" h="5079">
                  <a:moveTo>
                    <a:pt x="48768" y="0"/>
                  </a:moveTo>
                  <a:lnTo>
                    <a:pt x="45720" y="0"/>
                  </a:lnTo>
                  <a:lnTo>
                    <a:pt x="45720" y="4572"/>
                  </a:lnTo>
                  <a:lnTo>
                    <a:pt x="48768" y="4572"/>
                  </a:lnTo>
                  <a:lnTo>
                    <a:pt x="48768" y="0"/>
                  </a:lnTo>
                  <a:close/>
                </a:path>
                <a:path w="652779" h="5079">
                  <a:moveTo>
                    <a:pt x="56388" y="0"/>
                  </a:moveTo>
                  <a:lnTo>
                    <a:pt x="51816" y="0"/>
                  </a:lnTo>
                  <a:lnTo>
                    <a:pt x="51816" y="4572"/>
                  </a:lnTo>
                  <a:lnTo>
                    <a:pt x="56388" y="4572"/>
                  </a:lnTo>
                  <a:lnTo>
                    <a:pt x="56388" y="0"/>
                  </a:lnTo>
                  <a:close/>
                </a:path>
                <a:path w="652779" h="5079">
                  <a:moveTo>
                    <a:pt x="62484" y="0"/>
                  </a:moveTo>
                  <a:lnTo>
                    <a:pt x="59436" y="0"/>
                  </a:lnTo>
                  <a:lnTo>
                    <a:pt x="59436" y="4572"/>
                  </a:lnTo>
                  <a:lnTo>
                    <a:pt x="62484" y="4572"/>
                  </a:lnTo>
                  <a:lnTo>
                    <a:pt x="62484" y="0"/>
                  </a:lnTo>
                  <a:close/>
                </a:path>
                <a:path w="652779" h="5079">
                  <a:moveTo>
                    <a:pt x="70104" y="0"/>
                  </a:moveTo>
                  <a:lnTo>
                    <a:pt x="65532" y="0"/>
                  </a:lnTo>
                  <a:lnTo>
                    <a:pt x="65532" y="4572"/>
                  </a:lnTo>
                  <a:lnTo>
                    <a:pt x="70104" y="4572"/>
                  </a:lnTo>
                  <a:lnTo>
                    <a:pt x="70104" y="0"/>
                  </a:lnTo>
                  <a:close/>
                </a:path>
                <a:path w="652779" h="5079">
                  <a:moveTo>
                    <a:pt x="76200" y="0"/>
                  </a:moveTo>
                  <a:lnTo>
                    <a:pt x="73152" y="0"/>
                  </a:lnTo>
                  <a:lnTo>
                    <a:pt x="73152" y="4572"/>
                  </a:lnTo>
                  <a:lnTo>
                    <a:pt x="76200" y="4572"/>
                  </a:lnTo>
                  <a:lnTo>
                    <a:pt x="76200" y="0"/>
                  </a:lnTo>
                  <a:close/>
                </a:path>
                <a:path w="652779" h="5079">
                  <a:moveTo>
                    <a:pt x="83820" y="0"/>
                  </a:moveTo>
                  <a:lnTo>
                    <a:pt x="79248" y="0"/>
                  </a:lnTo>
                  <a:lnTo>
                    <a:pt x="79248" y="4572"/>
                  </a:lnTo>
                  <a:lnTo>
                    <a:pt x="83820" y="4572"/>
                  </a:lnTo>
                  <a:lnTo>
                    <a:pt x="83820" y="0"/>
                  </a:lnTo>
                  <a:close/>
                </a:path>
                <a:path w="652779" h="5079">
                  <a:moveTo>
                    <a:pt x="89916" y="0"/>
                  </a:moveTo>
                  <a:lnTo>
                    <a:pt x="86868" y="0"/>
                  </a:lnTo>
                  <a:lnTo>
                    <a:pt x="86868" y="4572"/>
                  </a:lnTo>
                  <a:lnTo>
                    <a:pt x="89916" y="4572"/>
                  </a:lnTo>
                  <a:lnTo>
                    <a:pt x="89916" y="0"/>
                  </a:lnTo>
                  <a:close/>
                </a:path>
                <a:path w="652779" h="5079">
                  <a:moveTo>
                    <a:pt x="97536" y="0"/>
                  </a:moveTo>
                  <a:lnTo>
                    <a:pt x="92964" y="0"/>
                  </a:lnTo>
                  <a:lnTo>
                    <a:pt x="92964" y="4572"/>
                  </a:lnTo>
                  <a:lnTo>
                    <a:pt x="97536" y="4572"/>
                  </a:lnTo>
                  <a:lnTo>
                    <a:pt x="97536" y="0"/>
                  </a:lnTo>
                  <a:close/>
                </a:path>
                <a:path w="652779" h="5079">
                  <a:moveTo>
                    <a:pt x="103632" y="0"/>
                  </a:moveTo>
                  <a:lnTo>
                    <a:pt x="100584" y="0"/>
                  </a:lnTo>
                  <a:lnTo>
                    <a:pt x="100584" y="4572"/>
                  </a:lnTo>
                  <a:lnTo>
                    <a:pt x="103632" y="4572"/>
                  </a:lnTo>
                  <a:lnTo>
                    <a:pt x="103632" y="0"/>
                  </a:lnTo>
                  <a:close/>
                </a:path>
                <a:path w="652779" h="5079">
                  <a:moveTo>
                    <a:pt x="111252" y="0"/>
                  </a:moveTo>
                  <a:lnTo>
                    <a:pt x="106680" y="0"/>
                  </a:lnTo>
                  <a:lnTo>
                    <a:pt x="106680" y="4572"/>
                  </a:lnTo>
                  <a:lnTo>
                    <a:pt x="111252" y="4572"/>
                  </a:lnTo>
                  <a:lnTo>
                    <a:pt x="111252" y="0"/>
                  </a:lnTo>
                  <a:close/>
                </a:path>
                <a:path w="652779" h="5079">
                  <a:moveTo>
                    <a:pt x="117348" y="0"/>
                  </a:moveTo>
                  <a:lnTo>
                    <a:pt x="114300" y="0"/>
                  </a:lnTo>
                  <a:lnTo>
                    <a:pt x="114300" y="4572"/>
                  </a:lnTo>
                  <a:lnTo>
                    <a:pt x="117348" y="4572"/>
                  </a:lnTo>
                  <a:lnTo>
                    <a:pt x="117348" y="0"/>
                  </a:lnTo>
                  <a:close/>
                </a:path>
                <a:path w="652779" h="5079">
                  <a:moveTo>
                    <a:pt x="124968" y="0"/>
                  </a:moveTo>
                  <a:lnTo>
                    <a:pt x="120396" y="0"/>
                  </a:lnTo>
                  <a:lnTo>
                    <a:pt x="120396" y="4572"/>
                  </a:lnTo>
                  <a:lnTo>
                    <a:pt x="124968" y="4572"/>
                  </a:lnTo>
                  <a:lnTo>
                    <a:pt x="124968" y="0"/>
                  </a:lnTo>
                  <a:close/>
                </a:path>
                <a:path w="652779" h="5079">
                  <a:moveTo>
                    <a:pt x="131064" y="0"/>
                  </a:moveTo>
                  <a:lnTo>
                    <a:pt x="128016" y="0"/>
                  </a:lnTo>
                  <a:lnTo>
                    <a:pt x="128016" y="4572"/>
                  </a:lnTo>
                  <a:lnTo>
                    <a:pt x="131064" y="4572"/>
                  </a:lnTo>
                  <a:lnTo>
                    <a:pt x="131064" y="0"/>
                  </a:lnTo>
                  <a:close/>
                </a:path>
                <a:path w="652779" h="5079">
                  <a:moveTo>
                    <a:pt x="138684" y="0"/>
                  </a:moveTo>
                  <a:lnTo>
                    <a:pt x="134112" y="0"/>
                  </a:lnTo>
                  <a:lnTo>
                    <a:pt x="134112" y="4572"/>
                  </a:lnTo>
                  <a:lnTo>
                    <a:pt x="138684" y="4572"/>
                  </a:lnTo>
                  <a:lnTo>
                    <a:pt x="138684" y="0"/>
                  </a:lnTo>
                  <a:close/>
                </a:path>
                <a:path w="652779" h="5079">
                  <a:moveTo>
                    <a:pt x="144780" y="0"/>
                  </a:moveTo>
                  <a:lnTo>
                    <a:pt x="141732" y="0"/>
                  </a:lnTo>
                  <a:lnTo>
                    <a:pt x="141732" y="4572"/>
                  </a:lnTo>
                  <a:lnTo>
                    <a:pt x="144780" y="4572"/>
                  </a:lnTo>
                  <a:lnTo>
                    <a:pt x="144780" y="0"/>
                  </a:lnTo>
                  <a:close/>
                </a:path>
                <a:path w="652779" h="5079">
                  <a:moveTo>
                    <a:pt x="152400" y="0"/>
                  </a:moveTo>
                  <a:lnTo>
                    <a:pt x="147828" y="0"/>
                  </a:lnTo>
                  <a:lnTo>
                    <a:pt x="147828" y="4572"/>
                  </a:lnTo>
                  <a:lnTo>
                    <a:pt x="152400" y="4572"/>
                  </a:lnTo>
                  <a:lnTo>
                    <a:pt x="152400" y="0"/>
                  </a:lnTo>
                  <a:close/>
                </a:path>
                <a:path w="652779" h="5079">
                  <a:moveTo>
                    <a:pt x="158496" y="0"/>
                  </a:moveTo>
                  <a:lnTo>
                    <a:pt x="155448" y="0"/>
                  </a:lnTo>
                  <a:lnTo>
                    <a:pt x="155448" y="4572"/>
                  </a:lnTo>
                  <a:lnTo>
                    <a:pt x="158496" y="4572"/>
                  </a:lnTo>
                  <a:lnTo>
                    <a:pt x="158496" y="0"/>
                  </a:lnTo>
                  <a:close/>
                </a:path>
                <a:path w="652779" h="5079">
                  <a:moveTo>
                    <a:pt x="166116" y="0"/>
                  </a:moveTo>
                  <a:lnTo>
                    <a:pt x="161544" y="0"/>
                  </a:lnTo>
                  <a:lnTo>
                    <a:pt x="161544" y="4572"/>
                  </a:lnTo>
                  <a:lnTo>
                    <a:pt x="166116" y="4572"/>
                  </a:lnTo>
                  <a:lnTo>
                    <a:pt x="166116" y="0"/>
                  </a:lnTo>
                  <a:close/>
                </a:path>
                <a:path w="652779" h="5079">
                  <a:moveTo>
                    <a:pt x="172212" y="0"/>
                  </a:moveTo>
                  <a:lnTo>
                    <a:pt x="169164" y="0"/>
                  </a:lnTo>
                  <a:lnTo>
                    <a:pt x="169164" y="4572"/>
                  </a:lnTo>
                  <a:lnTo>
                    <a:pt x="172212" y="4572"/>
                  </a:lnTo>
                  <a:lnTo>
                    <a:pt x="172212" y="0"/>
                  </a:lnTo>
                  <a:close/>
                </a:path>
                <a:path w="652779" h="5079">
                  <a:moveTo>
                    <a:pt x="179832" y="0"/>
                  </a:moveTo>
                  <a:lnTo>
                    <a:pt x="175260" y="0"/>
                  </a:lnTo>
                  <a:lnTo>
                    <a:pt x="175260" y="4572"/>
                  </a:lnTo>
                  <a:lnTo>
                    <a:pt x="179832" y="4572"/>
                  </a:lnTo>
                  <a:lnTo>
                    <a:pt x="179832" y="0"/>
                  </a:lnTo>
                  <a:close/>
                </a:path>
                <a:path w="652779" h="5079">
                  <a:moveTo>
                    <a:pt x="185928" y="0"/>
                  </a:moveTo>
                  <a:lnTo>
                    <a:pt x="182880" y="0"/>
                  </a:lnTo>
                  <a:lnTo>
                    <a:pt x="182880" y="4572"/>
                  </a:lnTo>
                  <a:lnTo>
                    <a:pt x="185928" y="4572"/>
                  </a:lnTo>
                  <a:lnTo>
                    <a:pt x="185928" y="0"/>
                  </a:lnTo>
                  <a:close/>
                </a:path>
                <a:path w="652779" h="5079">
                  <a:moveTo>
                    <a:pt x="193548" y="0"/>
                  </a:moveTo>
                  <a:lnTo>
                    <a:pt x="188976" y="0"/>
                  </a:lnTo>
                  <a:lnTo>
                    <a:pt x="188976" y="4572"/>
                  </a:lnTo>
                  <a:lnTo>
                    <a:pt x="193548" y="4572"/>
                  </a:lnTo>
                  <a:lnTo>
                    <a:pt x="193548" y="0"/>
                  </a:lnTo>
                  <a:close/>
                </a:path>
                <a:path w="652779" h="5079">
                  <a:moveTo>
                    <a:pt x="199644" y="0"/>
                  </a:moveTo>
                  <a:lnTo>
                    <a:pt x="196596" y="0"/>
                  </a:lnTo>
                  <a:lnTo>
                    <a:pt x="196596" y="4572"/>
                  </a:lnTo>
                  <a:lnTo>
                    <a:pt x="199644" y="4572"/>
                  </a:lnTo>
                  <a:lnTo>
                    <a:pt x="199644" y="0"/>
                  </a:lnTo>
                  <a:close/>
                </a:path>
                <a:path w="652779" h="5079">
                  <a:moveTo>
                    <a:pt x="205740" y="0"/>
                  </a:moveTo>
                  <a:lnTo>
                    <a:pt x="202692" y="0"/>
                  </a:lnTo>
                  <a:lnTo>
                    <a:pt x="202692" y="4572"/>
                  </a:lnTo>
                  <a:lnTo>
                    <a:pt x="205740" y="4572"/>
                  </a:lnTo>
                  <a:lnTo>
                    <a:pt x="205740" y="0"/>
                  </a:lnTo>
                  <a:close/>
                </a:path>
                <a:path w="652779" h="5079">
                  <a:moveTo>
                    <a:pt x="213360" y="0"/>
                  </a:moveTo>
                  <a:lnTo>
                    <a:pt x="210312" y="0"/>
                  </a:lnTo>
                  <a:lnTo>
                    <a:pt x="210312" y="4572"/>
                  </a:lnTo>
                  <a:lnTo>
                    <a:pt x="213360" y="4572"/>
                  </a:lnTo>
                  <a:lnTo>
                    <a:pt x="213360" y="0"/>
                  </a:lnTo>
                  <a:close/>
                </a:path>
                <a:path w="652779" h="5079">
                  <a:moveTo>
                    <a:pt x="219456" y="0"/>
                  </a:moveTo>
                  <a:lnTo>
                    <a:pt x="216408" y="0"/>
                  </a:lnTo>
                  <a:lnTo>
                    <a:pt x="216408" y="4572"/>
                  </a:lnTo>
                  <a:lnTo>
                    <a:pt x="219456" y="4572"/>
                  </a:lnTo>
                  <a:lnTo>
                    <a:pt x="219456" y="0"/>
                  </a:lnTo>
                  <a:close/>
                </a:path>
                <a:path w="652779" h="5079">
                  <a:moveTo>
                    <a:pt x="227076" y="0"/>
                  </a:moveTo>
                  <a:lnTo>
                    <a:pt x="224028" y="0"/>
                  </a:lnTo>
                  <a:lnTo>
                    <a:pt x="224028" y="4572"/>
                  </a:lnTo>
                  <a:lnTo>
                    <a:pt x="227076" y="4572"/>
                  </a:lnTo>
                  <a:lnTo>
                    <a:pt x="227076" y="0"/>
                  </a:lnTo>
                  <a:close/>
                </a:path>
                <a:path w="652779" h="5079">
                  <a:moveTo>
                    <a:pt x="233172" y="0"/>
                  </a:moveTo>
                  <a:lnTo>
                    <a:pt x="230124" y="0"/>
                  </a:lnTo>
                  <a:lnTo>
                    <a:pt x="230124" y="4572"/>
                  </a:lnTo>
                  <a:lnTo>
                    <a:pt x="233172" y="4572"/>
                  </a:lnTo>
                  <a:lnTo>
                    <a:pt x="233172" y="0"/>
                  </a:lnTo>
                  <a:close/>
                </a:path>
                <a:path w="652779" h="5079">
                  <a:moveTo>
                    <a:pt x="240792" y="0"/>
                  </a:moveTo>
                  <a:lnTo>
                    <a:pt x="237744" y="0"/>
                  </a:lnTo>
                  <a:lnTo>
                    <a:pt x="237744" y="4572"/>
                  </a:lnTo>
                  <a:lnTo>
                    <a:pt x="240792" y="4572"/>
                  </a:lnTo>
                  <a:lnTo>
                    <a:pt x="240792" y="0"/>
                  </a:lnTo>
                  <a:close/>
                </a:path>
                <a:path w="652779" h="5079">
                  <a:moveTo>
                    <a:pt x="246888" y="0"/>
                  </a:moveTo>
                  <a:lnTo>
                    <a:pt x="243840" y="0"/>
                  </a:lnTo>
                  <a:lnTo>
                    <a:pt x="243840" y="4572"/>
                  </a:lnTo>
                  <a:lnTo>
                    <a:pt x="246888" y="4572"/>
                  </a:lnTo>
                  <a:lnTo>
                    <a:pt x="246888" y="0"/>
                  </a:lnTo>
                  <a:close/>
                </a:path>
                <a:path w="652779" h="5079">
                  <a:moveTo>
                    <a:pt x="254508" y="0"/>
                  </a:moveTo>
                  <a:lnTo>
                    <a:pt x="251460" y="0"/>
                  </a:lnTo>
                  <a:lnTo>
                    <a:pt x="251460" y="4572"/>
                  </a:lnTo>
                  <a:lnTo>
                    <a:pt x="254508" y="4572"/>
                  </a:lnTo>
                  <a:lnTo>
                    <a:pt x="254508" y="0"/>
                  </a:lnTo>
                  <a:close/>
                </a:path>
                <a:path w="652779" h="5079">
                  <a:moveTo>
                    <a:pt x="432816" y="0"/>
                  </a:moveTo>
                  <a:lnTo>
                    <a:pt x="429768" y="0"/>
                  </a:lnTo>
                  <a:lnTo>
                    <a:pt x="429768" y="4572"/>
                  </a:lnTo>
                  <a:lnTo>
                    <a:pt x="432816" y="4572"/>
                  </a:lnTo>
                  <a:lnTo>
                    <a:pt x="432816" y="0"/>
                  </a:lnTo>
                  <a:close/>
                </a:path>
                <a:path w="652779" h="5079">
                  <a:moveTo>
                    <a:pt x="438912" y="0"/>
                  </a:moveTo>
                  <a:lnTo>
                    <a:pt x="435864" y="0"/>
                  </a:lnTo>
                  <a:lnTo>
                    <a:pt x="435864" y="4572"/>
                  </a:lnTo>
                  <a:lnTo>
                    <a:pt x="438912" y="4572"/>
                  </a:lnTo>
                  <a:lnTo>
                    <a:pt x="438912" y="0"/>
                  </a:lnTo>
                  <a:close/>
                </a:path>
                <a:path w="652779" h="5079">
                  <a:moveTo>
                    <a:pt x="446532" y="0"/>
                  </a:moveTo>
                  <a:lnTo>
                    <a:pt x="443484" y="0"/>
                  </a:lnTo>
                  <a:lnTo>
                    <a:pt x="443484" y="4572"/>
                  </a:lnTo>
                  <a:lnTo>
                    <a:pt x="446532" y="4572"/>
                  </a:lnTo>
                  <a:lnTo>
                    <a:pt x="446532" y="0"/>
                  </a:lnTo>
                  <a:close/>
                </a:path>
                <a:path w="652779" h="5079">
                  <a:moveTo>
                    <a:pt x="452628" y="0"/>
                  </a:moveTo>
                  <a:lnTo>
                    <a:pt x="449580" y="0"/>
                  </a:lnTo>
                  <a:lnTo>
                    <a:pt x="449580" y="4572"/>
                  </a:lnTo>
                  <a:lnTo>
                    <a:pt x="452628" y="4572"/>
                  </a:lnTo>
                  <a:lnTo>
                    <a:pt x="452628" y="0"/>
                  </a:lnTo>
                  <a:close/>
                </a:path>
                <a:path w="652779" h="5079">
                  <a:moveTo>
                    <a:pt x="460248" y="0"/>
                  </a:moveTo>
                  <a:lnTo>
                    <a:pt x="457200" y="0"/>
                  </a:lnTo>
                  <a:lnTo>
                    <a:pt x="457200" y="4572"/>
                  </a:lnTo>
                  <a:lnTo>
                    <a:pt x="460248" y="4572"/>
                  </a:lnTo>
                  <a:lnTo>
                    <a:pt x="460248" y="0"/>
                  </a:lnTo>
                  <a:close/>
                </a:path>
                <a:path w="652779" h="5079">
                  <a:moveTo>
                    <a:pt x="466344" y="0"/>
                  </a:moveTo>
                  <a:lnTo>
                    <a:pt x="463296" y="0"/>
                  </a:lnTo>
                  <a:lnTo>
                    <a:pt x="463296" y="4572"/>
                  </a:lnTo>
                  <a:lnTo>
                    <a:pt x="466344" y="4572"/>
                  </a:lnTo>
                  <a:lnTo>
                    <a:pt x="466344" y="0"/>
                  </a:lnTo>
                  <a:close/>
                </a:path>
                <a:path w="652779" h="5079">
                  <a:moveTo>
                    <a:pt x="473964" y="0"/>
                  </a:moveTo>
                  <a:lnTo>
                    <a:pt x="470916" y="0"/>
                  </a:lnTo>
                  <a:lnTo>
                    <a:pt x="470916" y="4572"/>
                  </a:lnTo>
                  <a:lnTo>
                    <a:pt x="473964" y="4572"/>
                  </a:lnTo>
                  <a:lnTo>
                    <a:pt x="473964" y="0"/>
                  </a:lnTo>
                  <a:close/>
                </a:path>
                <a:path w="652779" h="5079">
                  <a:moveTo>
                    <a:pt x="480060" y="0"/>
                  </a:moveTo>
                  <a:lnTo>
                    <a:pt x="477012" y="0"/>
                  </a:lnTo>
                  <a:lnTo>
                    <a:pt x="477012" y="4572"/>
                  </a:lnTo>
                  <a:lnTo>
                    <a:pt x="480060" y="4572"/>
                  </a:lnTo>
                  <a:lnTo>
                    <a:pt x="480060" y="0"/>
                  </a:lnTo>
                  <a:close/>
                </a:path>
                <a:path w="652779" h="5079">
                  <a:moveTo>
                    <a:pt x="487680" y="0"/>
                  </a:moveTo>
                  <a:lnTo>
                    <a:pt x="484632" y="0"/>
                  </a:lnTo>
                  <a:lnTo>
                    <a:pt x="484632" y="4572"/>
                  </a:lnTo>
                  <a:lnTo>
                    <a:pt x="487680" y="4572"/>
                  </a:lnTo>
                  <a:lnTo>
                    <a:pt x="487680" y="0"/>
                  </a:lnTo>
                  <a:close/>
                </a:path>
                <a:path w="652779" h="5079">
                  <a:moveTo>
                    <a:pt x="493776" y="0"/>
                  </a:moveTo>
                  <a:lnTo>
                    <a:pt x="490728" y="0"/>
                  </a:lnTo>
                  <a:lnTo>
                    <a:pt x="490728" y="4572"/>
                  </a:lnTo>
                  <a:lnTo>
                    <a:pt x="493776" y="4572"/>
                  </a:lnTo>
                  <a:lnTo>
                    <a:pt x="493776" y="0"/>
                  </a:lnTo>
                  <a:close/>
                </a:path>
                <a:path w="652779" h="5079">
                  <a:moveTo>
                    <a:pt x="501396" y="0"/>
                  </a:moveTo>
                  <a:lnTo>
                    <a:pt x="498348" y="0"/>
                  </a:lnTo>
                  <a:lnTo>
                    <a:pt x="498348" y="4572"/>
                  </a:lnTo>
                  <a:lnTo>
                    <a:pt x="501396" y="4572"/>
                  </a:lnTo>
                  <a:lnTo>
                    <a:pt x="501396" y="0"/>
                  </a:lnTo>
                  <a:close/>
                </a:path>
                <a:path w="652779" h="5079">
                  <a:moveTo>
                    <a:pt x="507492" y="0"/>
                  </a:moveTo>
                  <a:lnTo>
                    <a:pt x="504444" y="0"/>
                  </a:lnTo>
                  <a:lnTo>
                    <a:pt x="504444" y="4572"/>
                  </a:lnTo>
                  <a:lnTo>
                    <a:pt x="507492" y="4572"/>
                  </a:lnTo>
                  <a:lnTo>
                    <a:pt x="507492" y="0"/>
                  </a:lnTo>
                  <a:close/>
                </a:path>
                <a:path w="652779" h="5079">
                  <a:moveTo>
                    <a:pt x="515112" y="0"/>
                  </a:moveTo>
                  <a:lnTo>
                    <a:pt x="512064" y="0"/>
                  </a:lnTo>
                  <a:lnTo>
                    <a:pt x="512064" y="4572"/>
                  </a:lnTo>
                  <a:lnTo>
                    <a:pt x="515112" y="4572"/>
                  </a:lnTo>
                  <a:lnTo>
                    <a:pt x="515112" y="0"/>
                  </a:lnTo>
                  <a:close/>
                </a:path>
                <a:path w="652779" h="5079">
                  <a:moveTo>
                    <a:pt x="521208" y="0"/>
                  </a:moveTo>
                  <a:lnTo>
                    <a:pt x="518160" y="0"/>
                  </a:lnTo>
                  <a:lnTo>
                    <a:pt x="518160" y="4572"/>
                  </a:lnTo>
                  <a:lnTo>
                    <a:pt x="521208" y="4572"/>
                  </a:lnTo>
                  <a:lnTo>
                    <a:pt x="521208" y="0"/>
                  </a:lnTo>
                  <a:close/>
                </a:path>
                <a:path w="652779" h="5079">
                  <a:moveTo>
                    <a:pt x="528828" y="0"/>
                  </a:moveTo>
                  <a:lnTo>
                    <a:pt x="525780" y="0"/>
                  </a:lnTo>
                  <a:lnTo>
                    <a:pt x="525780" y="4572"/>
                  </a:lnTo>
                  <a:lnTo>
                    <a:pt x="528828" y="4572"/>
                  </a:lnTo>
                  <a:lnTo>
                    <a:pt x="528828" y="0"/>
                  </a:lnTo>
                  <a:close/>
                </a:path>
                <a:path w="652779" h="5079">
                  <a:moveTo>
                    <a:pt x="534924" y="0"/>
                  </a:moveTo>
                  <a:lnTo>
                    <a:pt x="531876" y="0"/>
                  </a:lnTo>
                  <a:lnTo>
                    <a:pt x="531876" y="4572"/>
                  </a:lnTo>
                  <a:lnTo>
                    <a:pt x="534924" y="4572"/>
                  </a:lnTo>
                  <a:lnTo>
                    <a:pt x="534924" y="0"/>
                  </a:lnTo>
                  <a:close/>
                </a:path>
                <a:path w="652779" h="5079">
                  <a:moveTo>
                    <a:pt x="542544" y="0"/>
                  </a:moveTo>
                  <a:lnTo>
                    <a:pt x="539496" y="0"/>
                  </a:lnTo>
                  <a:lnTo>
                    <a:pt x="539496" y="4572"/>
                  </a:lnTo>
                  <a:lnTo>
                    <a:pt x="542544" y="4572"/>
                  </a:lnTo>
                  <a:lnTo>
                    <a:pt x="542544" y="0"/>
                  </a:lnTo>
                  <a:close/>
                </a:path>
                <a:path w="652779" h="5079">
                  <a:moveTo>
                    <a:pt x="548640" y="0"/>
                  </a:moveTo>
                  <a:lnTo>
                    <a:pt x="545592" y="0"/>
                  </a:lnTo>
                  <a:lnTo>
                    <a:pt x="545592" y="4572"/>
                  </a:lnTo>
                  <a:lnTo>
                    <a:pt x="548640" y="4572"/>
                  </a:lnTo>
                  <a:lnTo>
                    <a:pt x="548640" y="0"/>
                  </a:lnTo>
                  <a:close/>
                </a:path>
                <a:path w="652779" h="5079">
                  <a:moveTo>
                    <a:pt x="556260" y="0"/>
                  </a:moveTo>
                  <a:lnTo>
                    <a:pt x="553212" y="0"/>
                  </a:lnTo>
                  <a:lnTo>
                    <a:pt x="553212" y="4572"/>
                  </a:lnTo>
                  <a:lnTo>
                    <a:pt x="556260" y="4572"/>
                  </a:lnTo>
                  <a:lnTo>
                    <a:pt x="556260" y="0"/>
                  </a:lnTo>
                  <a:close/>
                </a:path>
                <a:path w="652779" h="5079">
                  <a:moveTo>
                    <a:pt x="562356" y="0"/>
                  </a:moveTo>
                  <a:lnTo>
                    <a:pt x="559308" y="0"/>
                  </a:lnTo>
                  <a:lnTo>
                    <a:pt x="559308" y="4572"/>
                  </a:lnTo>
                  <a:lnTo>
                    <a:pt x="562356" y="4572"/>
                  </a:lnTo>
                  <a:lnTo>
                    <a:pt x="562356" y="0"/>
                  </a:lnTo>
                  <a:close/>
                </a:path>
                <a:path w="652779" h="5079">
                  <a:moveTo>
                    <a:pt x="569976" y="0"/>
                  </a:moveTo>
                  <a:lnTo>
                    <a:pt x="566928" y="0"/>
                  </a:lnTo>
                  <a:lnTo>
                    <a:pt x="566928" y="4572"/>
                  </a:lnTo>
                  <a:lnTo>
                    <a:pt x="569976" y="4572"/>
                  </a:lnTo>
                  <a:lnTo>
                    <a:pt x="569976" y="0"/>
                  </a:lnTo>
                  <a:close/>
                </a:path>
                <a:path w="652779" h="5079">
                  <a:moveTo>
                    <a:pt x="576072" y="0"/>
                  </a:moveTo>
                  <a:lnTo>
                    <a:pt x="573024" y="0"/>
                  </a:lnTo>
                  <a:lnTo>
                    <a:pt x="573024" y="4572"/>
                  </a:lnTo>
                  <a:lnTo>
                    <a:pt x="576072" y="4572"/>
                  </a:lnTo>
                  <a:lnTo>
                    <a:pt x="576072" y="0"/>
                  </a:lnTo>
                  <a:close/>
                </a:path>
                <a:path w="652779" h="5079">
                  <a:moveTo>
                    <a:pt x="583692" y="0"/>
                  </a:moveTo>
                  <a:lnTo>
                    <a:pt x="580644" y="0"/>
                  </a:lnTo>
                  <a:lnTo>
                    <a:pt x="580644" y="4572"/>
                  </a:lnTo>
                  <a:lnTo>
                    <a:pt x="583692" y="4572"/>
                  </a:lnTo>
                  <a:lnTo>
                    <a:pt x="583692" y="0"/>
                  </a:lnTo>
                  <a:close/>
                </a:path>
                <a:path w="652779" h="5079">
                  <a:moveTo>
                    <a:pt x="589788" y="0"/>
                  </a:moveTo>
                  <a:lnTo>
                    <a:pt x="586740" y="0"/>
                  </a:lnTo>
                  <a:lnTo>
                    <a:pt x="586740" y="4572"/>
                  </a:lnTo>
                  <a:lnTo>
                    <a:pt x="589788" y="4572"/>
                  </a:lnTo>
                  <a:lnTo>
                    <a:pt x="589788" y="0"/>
                  </a:lnTo>
                  <a:close/>
                </a:path>
                <a:path w="652779" h="5079">
                  <a:moveTo>
                    <a:pt x="597408" y="0"/>
                  </a:moveTo>
                  <a:lnTo>
                    <a:pt x="594360" y="0"/>
                  </a:lnTo>
                  <a:lnTo>
                    <a:pt x="594360" y="4572"/>
                  </a:lnTo>
                  <a:lnTo>
                    <a:pt x="597408" y="4572"/>
                  </a:lnTo>
                  <a:lnTo>
                    <a:pt x="597408" y="0"/>
                  </a:lnTo>
                  <a:close/>
                </a:path>
                <a:path w="652779" h="5079">
                  <a:moveTo>
                    <a:pt x="603504" y="0"/>
                  </a:moveTo>
                  <a:lnTo>
                    <a:pt x="600456" y="0"/>
                  </a:lnTo>
                  <a:lnTo>
                    <a:pt x="600456" y="4572"/>
                  </a:lnTo>
                  <a:lnTo>
                    <a:pt x="603504" y="4572"/>
                  </a:lnTo>
                  <a:lnTo>
                    <a:pt x="603504" y="0"/>
                  </a:lnTo>
                  <a:close/>
                </a:path>
                <a:path w="652779" h="5079">
                  <a:moveTo>
                    <a:pt x="611124" y="0"/>
                  </a:moveTo>
                  <a:lnTo>
                    <a:pt x="608076" y="0"/>
                  </a:lnTo>
                  <a:lnTo>
                    <a:pt x="608076" y="4572"/>
                  </a:lnTo>
                  <a:lnTo>
                    <a:pt x="611124" y="4572"/>
                  </a:lnTo>
                  <a:lnTo>
                    <a:pt x="611124" y="0"/>
                  </a:lnTo>
                  <a:close/>
                </a:path>
                <a:path w="652779" h="5079">
                  <a:moveTo>
                    <a:pt x="617220" y="0"/>
                  </a:moveTo>
                  <a:lnTo>
                    <a:pt x="614172" y="0"/>
                  </a:lnTo>
                  <a:lnTo>
                    <a:pt x="614172" y="4572"/>
                  </a:lnTo>
                  <a:lnTo>
                    <a:pt x="617220" y="4572"/>
                  </a:lnTo>
                  <a:lnTo>
                    <a:pt x="617220" y="0"/>
                  </a:lnTo>
                  <a:close/>
                </a:path>
                <a:path w="652779" h="5079">
                  <a:moveTo>
                    <a:pt x="624840" y="0"/>
                  </a:moveTo>
                  <a:lnTo>
                    <a:pt x="621792" y="0"/>
                  </a:lnTo>
                  <a:lnTo>
                    <a:pt x="621792" y="4572"/>
                  </a:lnTo>
                  <a:lnTo>
                    <a:pt x="624840" y="4572"/>
                  </a:lnTo>
                  <a:lnTo>
                    <a:pt x="624840" y="0"/>
                  </a:lnTo>
                  <a:close/>
                </a:path>
                <a:path w="652779" h="5079">
                  <a:moveTo>
                    <a:pt x="630936" y="0"/>
                  </a:moveTo>
                  <a:lnTo>
                    <a:pt x="627888" y="0"/>
                  </a:lnTo>
                  <a:lnTo>
                    <a:pt x="627888" y="4572"/>
                  </a:lnTo>
                  <a:lnTo>
                    <a:pt x="630936" y="4572"/>
                  </a:lnTo>
                  <a:lnTo>
                    <a:pt x="630936" y="0"/>
                  </a:lnTo>
                  <a:close/>
                </a:path>
                <a:path w="652779" h="5079">
                  <a:moveTo>
                    <a:pt x="638556" y="0"/>
                  </a:moveTo>
                  <a:lnTo>
                    <a:pt x="635508" y="0"/>
                  </a:lnTo>
                  <a:lnTo>
                    <a:pt x="635508" y="4572"/>
                  </a:lnTo>
                  <a:lnTo>
                    <a:pt x="638556" y="4572"/>
                  </a:lnTo>
                  <a:lnTo>
                    <a:pt x="638556" y="0"/>
                  </a:lnTo>
                  <a:close/>
                </a:path>
                <a:path w="652779" h="5079">
                  <a:moveTo>
                    <a:pt x="644652" y="0"/>
                  </a:moveTo>
                  <a:lnTo>
                    <a:pt x="641604" y="0"/>
                  </a:lnTo>
                  <a:lnTo>
                    <a:pt x="641604" y="4572"/>
                  </a:lnTo>
                  <a:lnTo>
                    <a:pt x="644652" y="4572"/>
                  </a:lnTo>
                  <a:lnTo>
                    <a:pt x="644652" y="0"/>
                  </a:lnTo>
                  <a:close/>
                </a:path>
                <a:path w="652779" h="5079">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32" name="object 32"/>
            <p:cNvSpPr/>
            <p:nvPr/>
          </p:nvSpPr>
          <p:spPr>
            <a:xfrm>
              <a:off x="4581144" y="5637275"/>
              <a:ext cx="30480" cy="5080"/>
            </a:xfrm>
            <a:custGeom>
              <a:avLst/>
              <a:gdLst/>
              <a:ahLst/>
              <a:cxnLst/>
              <a:rect l="l" t="t" r="r" b="b"/>
              <a:pathLst>
                <a:path w="30479" h="5079">
                  <a:moveTo>
                    <a:pt x="3048" y="0"/>
                  </a:moveTo>
                  <a:lnTo>
                    <a:pt x="0" y="0"/>
                  </a:lnTo>
                  <a:lnTo>
                    <a:pt x="0" y="4572"/>
                  </a:lnTo>
                  <a:lnTo>
                    <a:pt x="3048" y="4572"/>
                  </a:lnTo>
                  <a:lnTo>
                    <a:pt x="3048" y="0"/>
                  </a:lnTo>
                  <a:close/>
                </a:path>
                <a:path w="30479" h="5079">
                  <a:moveTo>
                    <a:pt x="9144" y="0"/>
                  </a:moveTo>
                  <a:lnTo>
                    <a:pt x="6096" y="0"/>
                  </a:lnTo>
                  <a:lnTo>
                    <a:pt x="6096" y="4572"/>
                  </a:lnTo>
                  <a:lnTo>
                    <a:pt x="9144" y="4572"/>
                  </a:lnTo>
                  <a:lnTo>
                    <a:pt x="9144" y="0"/>
                  </a:lnTo>
                  <a:close/>
                </a:path>
                <a:path w="30479" h="5079">
                  <a:moveTo>
                    <a:pt x="16764" y="0"/>
                  </a:moveTo>
                  <a:lnTo>
                    <a:pt x="13716" y="0"/>
                  </a:lnTo>
                  <a:lnTo>
                    <a:pt x="13716" y="4572"/>
                  </a:lnTo>
                  <a:lnTo>
                    <a:pt x="16764" y="4572"/>
                  </a:lnTo>
                  <a:lnTo>
                    <a:pt x="16764" y="0"/>
                  </a:lnTo>
                  <a:close/>
                </a:path>
                <a:path w="30479" h="5079">
                  <a:moveTo>
                    <a:pt x="22860" y="0"/>
                  </a:moveTo>
                  <a:lnTo>
                    <a:pt x="19812" y="0"/>
                  </a:lnTo>
                  <a:lnTo>
                    <a:pt x="19812" y="4572"/>
                  </a:lnTo>
                  <a:lnTo>
                    <a:pt x="22860" y="4572"/>
                  </a:lnTo>
                  <a:lnTo>
                    <a:pt x="22860" y="0"/>
                  </a:lnTo>
                  <a:close/>
                </a:path>
                <a:path w="30479" h="5079">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33" name="object 33"/>
            <p:cNvSpPr/>
            <p:nvPr/>
          </p:nvSpPr>
          <p:spPr>
            <a:xfrm>
              <a:off x="4780788" y="5639562"/>
              <a:ext cx="256540" cy="0"/>
            </a:xfrm>
            <a:custGeom>
              <a:avLst/>
              <a:gdLst/>
              <a:ahLst/>
              <a:cxnLst/>
              <a:rect l="l" t="t" r="r" b="b"/>
              <a:pathLst>
                <a:path w="256539">
                  <a:moveTo>
                    <a:pt x="0" y="0"/>
                  </a:moveTo>
                  <a:lnTo>
                    <a:pt x="256032" y="0"/>
                  </a:lnTo>
                </a:path>
              </a:pathLst>
            </a:custGeom>
            <a:ln w="4571">
              <a:solidFill>
                <a:srgbClr val="D8D8D8"/>
              </a:solidFill>
              <a:prstDash val="sysDot"/>
            </a:ln>
          </p:spPr>
          <p:txBody>
            <a:bodyPr wrap="square" lIns="0" tIns="0" rIns="0" bIns="0" rtlCol="0"/>
            <a:lstStyle/>
            <a:p>
              <a:endParaRPr sz="1539"/>
            </a:p>
          </p:txBody>
        </p:sp>
        <p:sp>
          <p:nvSpPr>
            <p:cNvPr id="34" name="object 34"/>
            <p:cNvSpPr/>
            <p:nvPr/>
          </p:nvSpPr>
          <p:spPr>
            <a:xfrm>
              <a:off x="5205984" y="5637275"/>
              <a:ext cx="646430" cy="5080"/>
            </a:xfrm>
            <a:custGeom>
              <a:avLst/>
              <a:gdLst/>
              <a:ahLst/>
              <a:cxnLst/>
              <a:rect l="l" t="t" r="r" b="b"/>
              <a:pathLst>
                <a:path w="646429" h="5079">
                  <a:moveTo>
                    <a:pt x="1524" y="0"/>
                  </a:moveTo>
                  <a:lnTo>
                    <a:pt x="0" y="0"/>
                  </a:lnTo>
                  <a:lnTo>
                    <a:pt x="0" y="4572"/>
                  </a:lnTo>
                  <a:lnTo>
                    <a:pt x="1524" y="4572"/>
                  </a:lnTo>
                  <a:lnTo>
                    <a:pt x="1524" y="0"/>
                  </a:lnTo>
                  <a:close/>
                </a:path>
                <a:path w="646429" h="5079">
                  <a:moveTo>
                    <a:pt x="9144" y="0"/>
                  </a:moveTo>
                  <a:lnTo>
                    <a:pt x="4572" y="0"/>
                  </a:lnTo>
                  <a:lnTo>
                    <a:pt x="4572" y="4572"/>
                  </a:lnTo>
                  <a:lnTo>
                    <a:pt x="9144" y="4572"/>
                  </a:lnTo>
                  <a:lnTo>
                    <a:pt x="9144" y="0"/>
                  </a:lnTo>
                  <a:close/>
                </a:path>
                <a:path w="646429" h="5079">
                  <a:moveTo>
                    <a:pt x="15240" y="0"/>
                  </a:moveTo>
                  <a:lnTo>
                    <a:pt x="12192" y="0"/>
                  </a:lnTo>
                  <a:lnTo>
                    <a:pt x="12192" y="4572"/>
                  </a:lnTo>
                  <a:lnTo>
                    <a:pt x="15240" y="4572"/>
                  </a:lnTo>
                  <a:lnTo>
                    <a:pt x="15240" y="0"/>
                  </a:lnTo>
                  <a:close/>
                </a:path>
                <a:path w="646429" h="5079">
                  <a:moveTo>
                    <a:pt x="22860" y="0"/>
                  </a:moveTo>
                  <a:lnTo>
                    <a:pt x="18288" y="0"/>
                  </a:lnTo>
                  <a:lnTo>
                    <a:pt x="18288" y="4572"/>
                  </a:lnTo>
                  <a:lnTo>
                    <a:pt x="22860" y="4572"/>
                  </a:lnTo>
                  <a:lnTo>
                    <a:pt x="22860" y="0"/>
                  </a:lnTo>
                  <a:close/>
                </a:path>
                <a:path w="646429" h="5079">
                  <a:moveTo>
                    <a:pt x="28956" y="0"/>
                  </a:moveTo>
                  <a:lnTo>
                    <a:pt x="25908" y="0"/>
                  </a:lnTo>
                  <a:lnTo>
                    <a:pt x="25908" y="4572"/>
                  </a:lnTo>
                  <a:lnTo>
                    <a:pt x="28956" y="4572"/>
                  </a:lnTo>
                  <a:lnTo>
                    <a:pt x="28956" y="0"/>
                  </a:lnTo>
                  <a:close/>
                </a:path>
                <a:path w="646429" h="5079">
                  <a:moveTo>
                    <a:pt x="36576" y="0"/>
                  </a:moveTo>
                  <a:lnTo>
                    <a:pt x="32004" y="0"/>
                  </a:lnTo>
                  <a:lnTo>
                    <a:pt x="32004" y="4572"/>
                  </a:lnTo>
                  <a:lnTo>
                    <a:pt x="36576" y="4572"/>
                  </a:lnTo>
                  <a:lnTo>
                    <a:pt x="36576" y="0"/>
                  </a:lnTo>
                  <a:close/>
                </a:path>
                <a:path w="646429" h="5079">
                  <a:moveTo>
                    <a:pt x="42672" y="0"/>
                  </a:moveTo>
                  <a:lnTo>
                    <a:pt x="39624" y="0"/>
                  </a:lnTo>
                  <a:lnTo>
                    <a:pt x="39624" y="4572"/>
                  </a:lnTo>
                  <a:lnTo>
                    <a:pt x="42672" y="4572"/>
                  </a:lnTo>
                  <a:lnTo>
                    <a:pt x="42672" y="0"/>
                  </a:lnTo>
                  <a:close/>
                </a:path>
                <a:path w="646429" h="5079">
                  <a:moveTo>
                    <a:pt x="50292" y="0"/>
                  </a:moveTo>
                  <a:lnTo>
                    <a:pt x="45720" y="0"/>
                  </a:lnTo>
                  <a:lnTo>
                    <a:pt x="45720" y="4572"/>
                  </a:lnTo>
                  <a:lnTo>
                    <a:pt x="50292" y="4572"/>
                  </a:lnTo>
                  <a:lnTo>
                    <a:pt x="50292" y="0"/>
                  </a:lnTo>
                  <a:close/>
                </a:path>
                <a:path w="646429" h="5079">
                  <a:moveTo>
                    <a:pt x="56388" y="0"/>
                  </a:moveTo>
                  <a:lnTo>
                    <a:pt x="53340" y="0"/>
                  </a:lnTo>
                  <a:lnTo>
                    <a:pt x="53340" y="4572"/>
                  </a:lnTo>
                  <a:lnTo>
                    <a:pt x="56388" y="4572"/>
                  </a:lnTo>
                  <a:lnTo>
                    <a:pt x="56388" y="0"/>
                  </a:lnTo>
                  <a:close/>
                </a:path>
                <a:path w="646429" h="5079">
                  <a:moveTo>
                    <a:pt x="64008" y="0"/>
                  </a:moveTo>
                  <a:lnTo>
                    <a:pt x="59436" y="0"/>
                  </a:lnTo>
                  <a:lnTo>
                    <a:pt x="59436" y="4572"/>
                  </a:lnTo>
                  <a:lnTo>
                    <a:pt x="64008" y="4572"/>
                  </a:lnTo>
                  <a:lnTo>
                    <a:pt x="64008" y="0"/>
                  </a:lnTo>
                  <a:close/>
                </a:path>
                <a:path w="646429" h="5079">
                  <a:moveTo>
                    <a:pt x="70104" y="0"/>
                  </a:moveTo>
                  <a:lnTo>
                    <a:pt x="67056" y="0"/>
                  </a:lnTo>
                  <a:lnTo>
                    <a:pt x="67056" y="4572"/>
                  </a:lnTo>
                  <a:lnTo>
                    <a:pt x="70104" y="4572"/>
                  </a:lnTo>
                  <a:lnTo>
                    <a:pt x="70104" y="0"/>
                  </a:lnTo>
                  <a:close/>
                </a:path>
                <a:path w="646429" h="5079">
                  <a:moveTo>
                    <a:pt x="77724" y="0"/>
                  </a:moveTo>
                  <a:lnTo>
                    <a:pt x="73152" y="0"/>
                  </a:lnTo>
                  <a:lnTo>
                    <a:pt x="73152" y="4572"/>
                  </a:lnTo>
                  <a:lnTo>
                    <a:pt x="77724" y="4572"/>
                  </a:lnTo>
                  <a:lnTo>
                    <a:pt x="77724" y="0"/>
                  </a:lnTo>
                  <a:close/>
                </a:path>
                <a:path w="646429" h="5079">
                  <a:moveTo>
                    <a:pt x="83820" y="0"/>
                  </a:moveTo>
                  <a:lnTo>
                    <a:pt x="80772" y="0"/>
                  </a:lnTo>
                  <a:lnTo>
                    <a:pt x="80772" y="4572"/>
                  </a:lnTo>
                  <a:lnTo>
                    <a:pt x="83820" y="4572"/>
                  </a:lnTo>
                  <a:lnTo>
                    <a:pt x="83820" y="0"/>
                  </a:lnTo>
                  <a:close/>
                </a:path>
                <a:path w="646429" h="5079">
                  <a:moveTo>
                    <a:pt x="91440" y="0"/>
                  </a:moveTo>
                  <a:lnTo>
                    <a:pt x="86868" y="0"/>
                  </a:lnTo>
                  <a:lnTo>
                    <a:pt x="86868" y="4572"/>
                  </a:lnTo>
                  <a:lnTo>
                    <a:pt x="91440" y="4572"/>
                  </a:lnTo>
                  <a:lnTo>
                    <a:pt x="91440" y="0"/>
                  </a:lnTo>
                  <a:close/>
                </a:path>
                <a:path w="646429" h="5079">
                  <a:moveTo>
                    <a:pt x="97536" y="0"/>
                  </a:moveTo>
                  <a:lnTo>
                    <a:pt x="94488" y="0"/>
                  </a:lnTo>
                  <a:lnTo>
                    <a:pt x="94488" y="4572"/>
                  </a:lnTo>
                  <a:lnTo>
                    <a:pt x="97536" y="4572"/>
                  </a:lnTo>
                  <a:lnTo>
                    <a:pt x="97536" y="0"/>
                  </a:lnTo>
                  <a:close/>
                </a:path>
                <a:path w="646429" h="5079">
                  <a:moveTo>
                    <a:pt x="105156" y="0"/>
                  </a:moveTo>
                  <a:lnTo>
                    <a:pt x="100584" y="0"/>
                  </a:lnTo>
                  <a:lnTo>
                    <a:pt x="100584" y="4572"/>
                  </a:lnTo>
                  <a:lnTo>
                    <a:pt x="105156" y="4572"/>
                  </a:lnTo>
                  <a:lnTo>
                    <a:pt x="105156" y="0"/>
                  </a:lnTo>
                  <a:close/>
                </a:path>
                <a:path w="646429" h="5079">
                  <a:moveTo>
                    <a:pt x="111252" y="0"/>
                  </a:moveTo>
                  <a:lnTo>
                    <a:pt x="108204" y="0"/>
                  </a:lnTo>
                  <a:lnTo>
                    <a:pt x="108204" y="4572"/>
                  </a:lnTo>
                  <a:lnTo>
                    <a:pt x="111252" y="4572"/>
                  </a:lnTo>
                  <a:lnTo>
                    <a:pt x="111252" y="0"/>
                  </a:lnTo>
                  <a:close/>
                </a:path>
                <a:path w="646429" h="5079">
                  <a:moveTo>
                    <a:pt x="118872" y="0"/>
                  </a:moveTo>
                  <a:lnTo>
                    <a:pt x="114300" y="0"/>
                  </a:lnTo>
                  <a:lnTo>
                    <a:pt x="114300" y="4572"/>
                  </a:lnTo>
                  <a:lnTo>
                    <a:pt x="118872" y="4572"/>
                  </a:lnTo>
                  <a:lnTo>
                    <a:pt x="118872" y="0"/>
                  </a:lnTo>
                  <a:close/>
                </a:path>
                <a:path w="646429" h="5079">
                  <a:moveTo>
                    <a:pt x="124968" y="0"/>
                  </a:moveTo>
                  <a:lnTo>
                    <a:pt x="121920" y="0"/>
                  </a:lnTo>
                  <a:lnTo>
                    <a:pt x="121920" y="4572"/>
                  </a:lnTo>
                  <a:lnTo>
                    <a:pt x="124968" y="4572"/>
                  </a:lnTo>
                  <a:lnTo>
                    <a:pt x="124968" y="0"/>
                  </a:lnTo>
                  <a:close/>
                </a:path>
                <a:path w="646429" h="5079">
                  <a:moveTo>
                    <a:pt x="132588" y="0"/>
                  </a:moveTo>
                  <a:lnTo>
                    <a:pt x="128016" y="0"/>
                  </a:lnTo>
                  <a:lnTo>
                    <a:pt x="128016" y="4572"/>
                  </a:lnTo>
                  <a:lnTo>
                    <a:pt x="132588" y="4572"/>
                  </a:lnTo>
                  <a:lnTo>
                    <a:pt x="132588" y="0"/>
                  </a:lnTo>
                  <a:close/>
                </a:path>
                <a:path w="646429" h="5079">
                  <a:moveTo>
                    <a:pt x="138684" y="0"/>
                  </a:moveTo>
                  <a:lnTo>
                    <a:pt x="135636" y="0"/>
                  </a:lnTo>
                  <a:lnTo>
                    <a:pt x="135636" y="4572"/>
                  </a:lnTo>
                  <a:lnTo>
                    <a:pt x="138684" y="4572"/>
                  </a:lnTo>
                  <a:lnTo>
                    <a:pt x="138684" y="0"/>
                  </a:lnTo>
                  <a:close/>
                </a:path>
                <a:path w="646429" h="5079">
                  <a:moveTo>
                    <a:pt x="146304" y="0"/>
                  </a:moveTo>
                  <a:lnTo>
                    <a:pt x="141732" y="0"/>
                  </a:lnTo>
                  <a:lnTo>
                    <a:pt x="141732" y="4572"/>
                  </a:lnTo>
                  <a:lnTo>
                    <a:pt x="146304" y="4572"/>
                  </a:lnTo>
                  <a:lnTo>
                    <a:pt x="146304" y="0"/>
                  </a:lnTo>
                  <a:close/>
                </a:path>
                <a:path w="646429" h="5079">
                  <a:moveTo>
                    <a:pt x="152400" y="0"/>
                  </a:moveTo>
                  <a:lnTo>
                    <a:pt x="149352" y="0"/>
                  </a:lnTo>
                  <a:lnTo>
                    <a:pt x="149352" y="4572"/>
                  </a:lnTo>
                  <a:lnTo>
                    <a:pt x="152400" y="4572"/>
                  </a:lnTo>
                  <a:lnTo>
                    <a:pt x="152400" y="0"/>
                  </a:lnTo>
                  <a:close/>
                </a:path>
                <a:path w="646429" h="5079">
                  <a:moveTo>
                    <a:pt x="158496" y="0"/>
                  </a:moveTo>
                  <a:lnTo>
                    <a:pt x="155448" y="0"/>
                  </a:lnTo>
                  <a:lnTo>
                    <a:pt x="155448" y="4572"/>
                  </a:lnTo>
                  <a:lnTo>
                    <a:pt x="158496" y="4572"/>
                  </a:lnTo>
                  <a:lnTo>
                    <a:pt x="158496" y="0"/>
                  </a:lnTo>
                  <a:close/>
                </a:path>
                <a:path w="646429" h="5079">
                  <a:moveTo>
                    <a:pt x="166116" y="0"/>
                  </a:moveTo>
                  <a:lnTo>
                    <a:pt x="163068" y="0"/>
                  </a:lnTo>
                  <a:lnTo>
                    <a:pt x="163068" y="4572"/>
                  </a:lnTo>
                  <a:lnTo>
                    <a:pt x="166116" y="4572"/>
                  </a:lnTo>
                  <a:lnTo>
                    <a:pt x="166116" y="0"/>
                  </a:lnTo>
                  <a:close/>
                </a:path>
                <a:path w="646429" h="5079">
                  <a:moveTo>
                    <a:pt x="172212" y="0"/>
                  </a:moveTo>
                  <a:lnTo>
                    <a:pt x="169164" y="0"/>
                  </a:lnTo>
                  <a:lnTo>
                    <a:pt x="169164" y="4572"/>
                  </a:lnTo>
                  <a:lnTo>
                    <a:pt x="172212" y="4572"/>
                  </a:lnTo>
                  <a:lnTo>
                    <a:pt x="172212" y="0"/>
                  </a:lnTo>
                  <a:close/>
                </a:path>
                <a:path w="646429" h="5079">
                  <a:moveTo>
                    <a:pt x="179832" y="0"/>
                  </a:moveTo>
                  <a:lnTo>
                    <a:pt x="176784" y="0"/>
                  </a:lnTo>
                  <a:lnTo>
                    <a:pt x="176784" y="4572"/>
                  </a:lnTo>
                  <a:lnTo>
                    <a:pt x="179832" y="4572"/>
                  </a:lnTo>
                  <a:lnTo>
                    <a:pt x="179832" y="0"/>
                  </a:lnTo>
                  <a:close/>
                </a:path>
                <a:path w="646429" h="5079">
                  <a:moveTo>
                    <a:pt x="185928" y="0"/>
                  </a:moveTo>
                  <a:lnTo>
                    <a:pt x="182880" y="0"/>
                  </a:lnTo>
                  <a:lnTo>
                    <a:pt x="182880" y="4572"/>
                  </a:lnTo>
                  <a:lnTo>
                    <a:pt x="185928" y="4572"/>
                  </a:lnTo>
                  <a:lnTo>
                    <a:pt x="185928" y="0"/>
                  </a:lnTo>
                  <a:close/>
                </a:path>
                <a:path w="646429" h="5079">
                  <a:moveTo>
                    <a:pt x="193548" y="0"/>
                  </a:moveTo>
                  <a:lnTo>
                    <a:pt x="190500" y="0"/>
                  </a:lnTo>
                  <a:lnTo>
                    <a:pt x="190500" y="4572"/>
                  </a:lnTo>
                  <a:lnTo>
                    <a:pt x="193548" y="4572"/>
                  </a:lnTo>
                  <a:lnTo>
                    <a:pt x="193548" y="0"/>
                  </a:lnTo>
                  <a:close/>
                </a:path>
                <a:path w="646429" h="5079">
                  <a:moveTo>
                    <a:pt x="199644" y="0"/>
                  </a:moveTo>
                  <a:lnTo>
                    <a:pt x="196596" y="0"/>
                  </a:lnTo>
                  <a:lnTo>
                    <a:pt x="196596" y="4572"/>
                  </a:lnTo>
                  <a:lnTo>
                    <a:pt x="199644" y="4572"/>
                  </a:lnTo>
                  <a:lnTo>
                    <a:pt x="199644" y="0"/>
                  </a:lnTo>
                  <a:close/>
                </a:path>
                <a:path w="646429" h="5079">
                  <a:moveTo>
                    <a:pt x="207264" y="0"/>
                  </a:moveTo>
                  <a:lnTo>
                    <a:pt x="204216" y="0"/>
                  </a:lnTo>
                  <a:lnTo>
                    <a:pt x="204216" y="4572"/>
                  </a:lnTo>
                  <a:lnTo>
                    <a:pt x="207264" y="4572"/>
                  </a:lnTo>
                  <a:lnTo>
                    <a:pt x="207264" y="0"/>
                  </a:lnTo>
                  <a:close/>
                </a:path>
                <a:path w="646429" h="5079">
                  <a:moveTo>
                    <a:pt x="213360" y="0"/>
                  </a:moveTo>
                  <a:lnTo>
                    <a:pt x="210312" y="0"/>
                  </a:lnTo>
                  <a:lnTo>
                    <a:pt x="210312" y="4572"/>
                  </a:lnTo>
                  <a:lnTo>
                    <a:pt x="213360" y="4572"/>
                  </a:lnTo>
                  <a:lnTo>
                    <a:pt x="213360" y="0"/>
                  </a:lnTo>
                  <a:close/>
                </a:path>
                <a:path w="646429" h="5079">
                  <a:moveTo>
                    <a:pt x="220980" y="0"/>
                  </a:moveTo>
                  <a:lnTo>
                    <a:pt x="217932" y="0"/>
                  </a:lnTo>
                  <a:lnTo>
                    <a:pt x="217932" y="4572"/>
                  </a:lnTo>
                  <a:lnTo>
                    <a:pt x="220980" y="4572"/>
                  </a:lnTo>
                  <a:lnTo>
                    <a:pt x="220980" y="0"/>
                  </a:lnTo>
                  <a:close/>
                </a:path>
                <a:path w="646429" h="5079">
                  <a:moveTo>
                    <a:pt x="227076" y="0"/>
                  </a:moveTo>
                  <a:lnTo>
                    <a:pt x="224028" y="0"/>
                  </a:lnTo>
                  <a:lnTo>
                    <a:pt x="224028" y="4572"/>
                  </a:lnTo>
                  <a:lnTo>
                    <a:pt x="227076" y="4572"/>
                  </a:lnTo>
                  <a:lnTo>
                    <a:pt x="227076" y="0"/>
                  </a:lnTo>
                  <a:close/>
                </a:path>
                <a:path w="646429" h="5079">
                  <a:moveTo>
                    <a:pt x="234696" y="0"/>
                  </a:moveTo>
                  <a:lnTo>
                    <a:pt x="231648" y="0"/>
                  </a:lnTo>
                  <a:lnTo>
                    <a:pt x="231648" y="4572"/>
                  </a:lnTo>
                  <a:lnTo>
                    <a:pt x="234696" y="4572"/>
                  </a:lnTo>
                  <a:lnTo>
                    <a:pt x="234696" y="0"/>
                  </a:lnTo>
                  <a:close/>
                </a:path>
                <a:path w="646429" h="5079">
                  <a:moveTo>
                    <a:pt x="240792" y="0"/>
                  </a:moveTo>
                  <a:lnTo>
                    <a:pt x="237744" y="0"/>
                  </a:lnTo>
                  <a:lnTo>
                    <a:pt x="237744" y="4572"/>
                  </a:lnTo>
                  <a:lnTo>
                    <a:pt x="240792" y="4572"/>
                  </a:lnTo>
                  <a:lnTo>
                    <a:pt x="240792" y="0"/>
                  </a:lnTo>
                  <a:close/>
                </a:path>
                <a:path w="646429" h="5079">
                  <a:moveTo>
                    <a:pt x="248412" y="0"/>
                  </a:moveTo>
                  <a:lnTo>
                    <a:pt x="245364" y="0"/>
                  </a:lnTo>
                  <a:lnTo>
                    <a:pt x="245364" y="4572"/>
                  </a:lnTo>
                  <a:lnTo>
                    <a:pt x="248412" y="4572"/>
                  </a:lnTo>
                  <a:lnTo>
                    <a:pt x="248412" y="0"/>
                  </a:lnTo>
                  <a:close/>
                </a:path>
                <a:path w="646429" h="5079">
                  <a:moveTo>
                    <a:pt x="254508" y="0"/>
                  </a:moveTo>
                  <a:lnTo>
                    <a:pt x="251460" y="0"/>
                  </a:lnTo>
                  <a:lnTo>
                    <a:pt x="251460" y="4572"/>
                  </a:lnTo>
                  <a:lnTo>
                    <a:pt x="254508" y="4572"/>
                  </a:lnTo>
                  <a:lnTo>
                    <a:pt x="254508" y="0"/>
                  </a:lnTo>
                  <a:close/>
                </a:path>
                <a:path w="646429" h="5079">
                  <a:moveTo>
                    <a:pt x="426720" y="0"/>
                  </a:moveTo>
                  <a:lnTo>
                    <a:pt x="425196" y="0"/>
                  </a:lnTo>
                  <a:lnTo>
                    <a:pt x="425196" y="4572"/>
                  </a:lnTo>
                  <a:lnTo>
                    <a:pt x="426720" y="4572"/>
                  </a:lnTo>
                  <a:lnTo>
                    <a:pt x="426720" y="0"/>
                  </a:lnTo>
                  <a:close/>
                </a:path>
                <a:path w="646429" h="5079">
                  <a:moveTo>
                    <a:pt x="432816" y="0"/>
                  </a:moveTo>
                  <a:lnTo>
                    <a:pt x="429768" y="0"/>
                  </a:lnTo>
                  <a:lnTo>
                    <a:pt x="429768" y="4572"/>
                  </a:lnTo>
                  <a:lnTo>
                    <a:pt x="432816" y="4572"/>
                  </a:lnTo>
                  <a:lnTo>
                    <a:pt x="432816" y="0"/>
                  </a:lnTo>
                  <a:close/>
                </a:path>
                <a:path w="646429" h="5079">
                  <a:moveTo>
                    <a:pt x="440436" y="0"/>
                  </a:moveTo>
                  <a:lnTo>
                    <a:pt x="437388" y="0"/>
                  </a:lnTo>
                  <a:lnTo>
                    <a:pt x="437388" y="4572"/>
                  </a:lnTo>
                  <a:lnTo>
                    <a:pt x="440436" y="4572"/>
                  </a:lnTo>
                  <a:lnTo>
                    <a:pt x="440436" y="0"/>
                  </a:lnTo>
                  <a:close/>
                </a:path>
                <a:path w="646429" h="5079">
                  <a:moveTo>
                    <a:pt x="446532" y="0"/>
                  </a:moveTo>
                  <a:lnTo>
                    <a:pt x="443484" y="0"/>
                  </a:lnTo>
                  <a:lnTo>
                    <a:pt x="443484" y="4572"/>
                  </a:lnTo>
                  <a:lnTo>
                    <a:pt x="446532" y="4572"/>
                  </a:lnTo>
                  <a:lnTo>
                    <a:pt x="446532" y="0"/>
                  </a:lnTo>
                  <a:close/>
                </a:path>
                <a:path w="646429" h="5079">
                  <a:moveTo>
                    <a:pt x="454152" y="0"/>
                  </a:moveTo>
                  <a:lnTo>
                    <a:pt x="451104" y="0"/>
                  </a:lnTo>
                  <a:lnTo>
                    <a:pt x="451104" y="4572"/>
                  </a:lnTo>
                  <a:lnTo>
                    <a:pt x="454152" y="4572"/>
                  </a:lnTo>
                  <a:lnTo>
                    <a:pt x="454152" y="0"/>
                  </a:lnTo>
                  <a:close/>
                </a:path>
                <a:path w="646429" h="5079">
                  <a:moveTo>
                    <a:pt x="460248" y="0"/>
                  </a:moveTo>
                  <a:lnTo>
                    <a:pt x="457200" y="0"/>
                  </a:lnTo>
                  <a:lnTo>
                    <a:pt x="457200" y="4572"/>
                  </a:lnTo>
                  <a:lnTo>
                    <a:pt x="460248" y="4572"/>
                  </a:lnTo>
                  <a:lnTo>
                    <a:pt x="460248" y="0"/>
                  </a:lnTo>
                  <a:close/>
                </a:path>
                <a:path w="646429" h="5079">
                  <a:moveTo>
                    <a:pt x="467868" y="0"/>
                  </a:moveTo>
                  <a:lnTo>
                    <a:pt x="464820" y="0"/>
                  </a:lnTo>
                  <a:lnTo>
                    <a:pt x="464820" y="4572"/>
                  </a:lnTo>
                  <a:lnTo>
                    <a:pt x="467868" y="4572"/>
                  </a:lnTo>
                  <a:lnTo>
                    <a:pt x="467868" y="0"/>
                  </a:lnTo>
                  <a:close/>
                </a:path>
                <a:path w="646429" h="5079">
                  <a:moveTo>
                    <a:pt x="473964" y="0"/>
                  </a:moveTo>
                  <a:lnTo>
                    <a:pt x="470916" y="0"/>
                  </a:lnTo>
                  <a:lnTo>
                    <a:pt x="470916" y="4572"/>
                  </a:lnTo>
                  <a:lnTo>
                    <a:pt x="473964" y="4572"/>
                  </a:lnTo>
                  <a:lnTo>
                    <a:pt x="473964" y="0"/>
                  </a:lnTo>
                  <a:close/>
                </a:path>
                <a:path w="646429" h="5079">
                  <a:moveTo>
                    <a:pt x="481584" y="0"/>
                  </a:moveTo>
                  <a:lnTo>
                    <a:pt x="478536" y="0"/>
                  </a:lnTo>
                  <a:lnTo>
                    <a:pt x="478536" y="4572"/>
                  </a:lnTo>
                  <a:lnTo>
                    <a:pt x="481584" y="4572"/>
                  </a:lnTo>
                  <a:lnTo>
                    <a:pt x="481584" y="0"/>
                  </a:lnTo>
                  <a:close/>
                </a:path>
                <a:path w="646429" h="5079">
                  <a:moveTo>
                    <a:pt x="487680" y="0"/>
                  </a:moveTo>
                  <a:lnTo>
                    <a:pt x="484632" y="0"/>
                  </a:lnTo>
                  <a:lnTo>
                    <a:pt x="484632" y="4572"/>
                  </a:lnTo>
                  <a:lnTo>
                    <a:pt x="487680" y="4572"/>
                  </a:lnTo>
                  <a:lnTo>
                    <a:pt x="487680" y="0"/>
                  </a:lnTo>
                  <a:close/>
                </a:path>
                <a:path w="646429" h="5079">
                  <a:moveTo>
                    <a:pt x="495300" y="0"/>
                  </a:moveTo>
                  <a:lnTo>
                    <a:pt x="492252" y="0"/>
                  </a:lnTo>
                  <a:lnTo>
                    <a:pt x="492252" y="4572"/>
                  </a:lnTo>
                  <a:lnTo>
                    <a:pt x="495300" y="4572"/>
                  </a:lnTo>
                  <a:lnTo>
                    <a:pt x="495300" y="0"/>
                  </a:lnTo>
                  <a:close/>
                </a:path>
                <a:path w="646429" h="5079">
                  <a:moveTo>
                    <a:pt x="501396" y="0"/>
                  </a:moveTo>
                  <a:lnTo>
                    <a:pt x="498348" y="0"/>
                  </a:lnTo>
                  <a:lnTo>
                    <a:pt x="498348" y="4572"/>
                  </a:lnTo>
                  <a:lnTo>
                    <a:pt x="501396" y="4572"/>
                  </a:lnTo>
                  <a:lnTo>
                    <a:pt x="501396" y="0"/>
                  </a:lnTo>
                  <a:close/>
                </a:path>
                <a:path w="646429" h="5079">
                  <a:moveTo>
                    <a:pt x="509016" y="0"/>
                  </a:moveTo>
                  <a:lnTo>
                    <a:pt x="505968" y="0"/>
                  </a:lnTo>
                  <a:lnTo>
                    <a:pt x="505968" y="4572"/>
                  </a:lnTo>
                  <a:lnTo>
                    <a:pt x="509016" y="4572"/>
                  </a:lnTo>
                  <a:lnTo>
                    <a:pt x="509016" y="0"/>
                  </a:lnTo>
                  <a:close/>
                </a:path>
                <a:path w="646429" h="5079">
                  <a:moveTo>
                    <a:pt x="515112" y="0"/>
                  </a:moveTo>
                  <a:lnTo>
                    <a:pt x="512064" y="0"/>
                  </a:lnTo>
                  <a:lnTo>
                    <a:pt x="512064" y="4572"/>
                  </a:lnTo>
                  <a:lnTo>
                    <a:pt x="515112" y="4572"/>
                  </a:lnTo>
                  <a:lnTo>
                    <a:pt x="515112" y="0"/>
                  </a:lnTo>
                  <a:close/>
                </a:path>
                <a:path w="646429" h="5079">
                  <a:moveTo>
                    <a:pt x="522732" y="0"/>
                  </a:moveTo>
                  <a:lnTo>
                    <a:pt x="519684" y="0"/>
                  </a:lnTo>
                  <a:lnTo>
                    <a:pt x="519684" y="4572"/>
                  </a:lnTo>
                  <a:lnTo>
                    <a:pt x="522732" y="4572"/>
                  </a:lnTo>
                  <a:lnTo>
                    <a:pt x="522732" y="0"/>
                  </a:lnTo>
                  <a:close/>
                </a:path>
                <a:path w="646429" h="5079">
                  <a:moveTo>
                    <a:pt x="528828" y="0"/>
                  </a:moveTo>
                  <a:lnTo>
                    <a:pt x="525780" y="0"/>
                  </a:lnTo>
                  <a:lnTo>
                    <a:pt x="525780" y="4572"/>
                  </a:lnTo>
                  <a:lnTo>
                    <a:pt x="528828" y="4572"/>
                  </a:lnTo>
                  <a:lnTo>
                    <a:pt x="528828" y="0"/>
                  </a:lnTo>
                  <a:close/>
                </a:path>
                <a:path w="646429" h="5079">
                  <a:moveTo>
                    <a:pt x="536448" y="0"/>
                  </a:moveTo>
                  <a:lnTo>
                    <a:pt x="533400" y="0"/>
                  </a:lnTo>
                  <a:lnTo>
                    <a:pt x="533400" y="4572"/>
                  </a:lnTo>
                  <a:lnTo>
                    <a:pt x="536448" y="4572"/>
                  </a:lnTo>
                  <a:lnTo>
                    <a:pt x="536448" y="0"/>
                  </a:lnTo>
                  <a:close/>
                </a:path>
                <a:path w="646429" h="5079">
                  <a:moveTo>
                    <a:pt x="542544" y="0"/>
                  </a:moveTo>
                  <a:lnTo>
                    <a:pt x="539496" y="0"/>
                  </a:lnTo>
                  <a:lnTo>
                    <a:pt x="539496" y="4572"/>
                  </a:lnTo>
                  <a:lnTo>
                    <a:pt x="542544" y="4572"/>
                  </a:lnTo>
                  <a:lnTo>
                    <a:pt x="542544" y="0"/>
                  </a:lnTo>
                  <a:close/>
                </a:path>
                <a:path w="646429" h="5079">
                  <a:moveTo>
                    <a:pt x="550164" y="0"/>
                  </a:moveTo>
                  <a:lnTo>
                    <a:pt x="547116" y="0"/>
                  </a:lnTo>
                  <a:lnTo>
                    <a:pt x="547116" y="4572"/>
                  </a:lnTo>
                  <a:lnTo>
                    <a:pt x="550164" y="4572"/>
                  </a:lnTo>
                  <a:lnTo>
                    <a:pt x="550164" y="0"/>
                  </a:lnTo>
                  <a:close/>
                </a:path>
                <a:path w="646429" h="5079">
                  <a:moveTo>
                    <a:pt x="556260" y="0"/>
                  </a:moveTo>
                  <a:lnTo>
                    <a:pt x="553212" y="0"/>
                  </a:lnTo>
                  <a:lnTo>
                    <a:pt x="553212" y="4572"/>
                  </a:lnTo>
                  <a:lnTo>
                    <a:pt x="556260" y="4572"/>
                  </a:lnTo>
                  <a:lnTo>
                    <a:pt x="556260" y="0"/>
                  </a:lnTo>
                  <a:close/>
                </a:path>
                <a:path w="646429" h="5079">
                  <a:moveTo>
                    <a:pt x="563880" y="0"/>
                  </a:moveTo>
                  <a:lnTo>
                    <a:pt x="560832" y="0"/>
                  </a:lnTo>
                  <a:lnTo>
                    <a:pt x="560832" y="4572"/>
                  </a:lnTo>
                  <a:lnTo>
                    <a:pt x="563880" y="4572"/>
                  </a:lnTo>
                  <a:lnTo>
                    <a:pt x="563880" y="0"/>
                  </a:lnTo>
                  <a:close/>
                </a:path>
                <a:path w="646429" h="5079">
                  <a:moveTo>
                    <a:pt x="569976" y="0"/>
                  </a:moveTo>
                  <a:lnTo>
                    <a:pt x="566928" y="0"/>
                  </a:lnTo>
                  <a:lnTo>
                    <a:pt x="566928" y="4572"/>
                  </a:lnTo>
                  <a:lnTo>
                    <a:pt x="569976" y="4572"/>
                  </a:lnTo>
                  <a:lnTo>
                    <a:pt x="569976" y="0"/>
                  </a:lnTo>
                  <a:close/>
                </a:path>
                <a:path w="646429" h="5079">
                  <a:moveTo>
                    <a:pt x="577596" y="0"/>
                  </a:moveTo>
                  <a:lnTo>
                    <a:pt x="574548" y="0"/>
                  </a:lnTo>
                  <a:lnTo>
                    <a:pt x="574548" y="4572"/>
                  </a:lnTo>
                  <a:lnTo>
                    <a:pt x="577596" y="4572"/>
                  </a:lnTo>
                  <a:lnTo>
                    <a:pt x="577596" y="0"/>
                  </a:lnTo>
                  <a:close/>
                </a:path>
                <a:path w="646429" h="5079">
                  <a:moveTo>
                    <a:pt x="583692" y="0"/>
                  </a:moveTo>
                  <a:lnTo>
                    <a:pt x="580644" y="0"/>
                  </a:lnTo>
                  <a:lnTo>
                    <a:pt x="580644" y="4572"/>
                  </a:lnTo>
                  <a:lnTo>
                    <a:pt x="583692" y="4572"/>
                  </a:lnTo>
                  <a:lnTo>
                    <a:pt x="583692" y="0"/>
                  </a:lnTo>
                  <a:close/>
                </a:path>
                <a:path w="646429" h="5079">
                  <a:moveTo>
                    <a:pt x="591312" y="0"/>
                  </a:moveTo>
                  <a:lnTo>
                    <a:pt x="588264" y="0"/>
                  </a:lnTo>
                  <a:lnTo>
                    <a:pt x="588264" y="4572"/>
                  </a:lnTo>
                  <a:lnTo>
                    <a:pt x="591312" y="4572"/>
                  </a:lnTo>
                  <a:lnTo>
                    <a:pt x="591312" y="0"/>
                  </a:lnTo>
                  <a:close/>
                </a:path>
                <a:path w="646429" h="5079">
                  <a:moveTo>
                    <a:pt x="597408" y="0"/>
                  </a:moveTo>
                  <a:lnTo>
                    <a:pt x="594360" y="0"/>
                  </a:lnTo>
                  <a:lnTo>
                    <a:pt x="594360" y="4572"/>
                  </a:lnTo>
                  <a:lnTo>
                    <a:pt x="597408" y="4572"/>
                  </a:lnTo>
                  <a:lnTo>
                    <a:pt x="597408" y="0"/>
                  </a:lnTo>
                  <a:close/>
                </a:path>
                <a:path w="646429" h="5079">
                  <a:moveTo>
                    <a:pt x="605028" y="0"/>
                  </a:moveTo>
                  <a:lnTo>
                    <a:pt x="601980" y="0"/>
                  </a:lnTo>
                  <a:lnTo>
                    <a:pt x="601980" y="4572"/>
                  </a:lnTo>
                  <a:lnTo>
                    <a:pt x="605028" y="4572"/>
                  </a:lnTo>
                  <a:lnTo>
                    <a:pt x="605028" y="0"/>
                  </a:lnTo>
                  <a:close/>
                </a:path>
                <a:path w="646429" h="5079">
                  <a:moveTo>
                    <a:pt x="611124" y="0"/>
                  </a:moveTo>
                  <a:lnTo>
                    <a:pt x="608076" y="0"/>
                  </a:lnTo>
                  <a:lnTo>
                    <a:pt x="608076" y="4572"/>
                  </a:lnTo>
                  <a:lnTo>
                    <a:pt x="611124" y="4572"/>
                  </a:lnTo>
                  <a:lnTo>
                    <a:pt x="611124" y="0"/>
                  </a:lnTo>
                  <a:close/>
                </a:path>
                <a:path w="646429" h="5079">
                  <a:moveTo>
                    <a:pt x="618744" y="0"/>
                  </a:moveTo>
                  <a:lnTo>
                    <a:pt x="615696" y="0"/>
                  </a:lnTo>
                  <a:lnTo>
                    <a:pt x="615696" y="4572"/>
                  </a:lnTo>
                  <a:lnTo>
                    <a:pt x="618744" y="4572"/>
                  </a:lnTo>
                  <a:lnTo>
                    <a:pt x="618744" y="0"/>
                  </a:lnTo>
                  <a:close/>
                </a:path>
                <a:path w="646429" h="5079">
                  <a:moveTo>
                    <a:pt x="624840" y="0"/>
                  </a:moveTo>
                  <a:lnTo>
                    <a:pt x="621792" y="0"/>
                  </a:lnTo>
                  <a:lnTo>
                    <a:pt x="621792" y="4572"/>
                  </a:lnTo>
                  <a:lnTo>
                    <a:pt x="624840" y="4572"/>
                  </a:lnTo>
                  <a:lnTo>
                    <a:pt x="624840" y="0"/>
                  </a:lnTo>
                  <a:close/>
                </a:path>
                <a:path w="646429" h="5079">
                  <a:moveTo>
                    <a:pt x="632460" y="0"/>
                  </a:moveTo>
                  <a:lnTo>
                    <a:pt x="629412" y="0"/>
                  </a:lnTo>
                  <a:lnTo>
                    <a:pt x="629412" y="4572"/>
                  </a:lnTo>
                  <a:lnTo>
                    <a:pt x="632460" y="4572"/>
                  </a:lnTo>
                  <a:lnTo>
                    <a:pt x="632460" y="0"/>
                  </a:lnTo>
                  <a:close/>
                </a:path>
                <a:path w="646429" h="5079">
                  <a:moveTo>
                    <a:pt x="638556" y="0"/>
                  </a:moveTo>
                  <a:lnTo>
                    <a:pt x="635508" y="0"/>
                  </a:lnTo>
                  <a:lnTo>
                    <a:pt x="635508" y="4572"/>
                  </a:lnTo>
                  <a:lnTo>
                    <a:pt x="638556" y="4572"/>
                  </a:lnTo>
                  <a:lnTo>
                    <a:pt x="638556" y="0"/>
                  </a:lnTo>
                  <a:close/>
                </a:path>
                <a:path w="646429" h="5079">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35" name="object 35"/>
            <p:cNvSpPr/>
            <p:nvPr/>
          </p:nvSpPr>
          <p:spPr>
            <a:xfrm>
              <a:off x="5849112" y="5637275"/>
              <a:ext cx="36830" cy="5080"/>
            </a:xfrm>
            <a:custGeom>
              <a:avLst/>
              <a:gdLst/>
              <a:ahLst/>
              <a:cxnLst/>
              <a:rect l="l" t="t" r="r" b="b"/>
              <a:pathLst>
                <a:path w="36829" h="5079">
                  <a:moveTo>
                    <a:pt x="3048" y="0"/>
                  </a:moveTo>
                  <a:lnTo>
                    <a:pt x="0" y="0"/>
                  </a:lnTo>
                  <a:lnTo>
                    <a:pt x="0" y="4572"/>
                  </a:lnTo>
                  <a:lnTo>
                    <a:pt x="3048" y="4572"/>
                  </a:lnTo>
                  <a:lnTo>
                    <a:pt x="3048" y="0"/>
                  </a:lnTo>
                  <a:close/>
                </a:path>
                <a:path w="36829" h="5079">
                  <a:moveTo>
                    <a:pt x="9144" y="0"/>
                  </a:moveTo>
                  <a:lnTo>
                    <a:pt x="6096" y="0"/>
                  </a:lnTo>
                  <a:lnTo>
                    <a:pt x="6096" y="4572"/>
                  </a:lnTo>
                  <a:lnTo>
                    <a:pt x="9144" y="4572"/>
                  </a:lnTo>
                  <a:lnTo>
                    <a:pt x="9144" y="0"/>
                  </a:lnTo>
                  <a:close/>
                </a:path>
                <a:path w="36829" h="5079">
                  <a:moveTo>
                    <a:pt x="16764" y="0"/>
                  </a:moveTo>
                  <a:lnTo>
                    <a:pt x="13716" y="0"/>
                  </a:lnTo>
                  <a:lnTo>
                    <a:pt x="13716" y="4572"/>
                  </a:lnTo>
                  <a:lnTo>
                    <a:pt x="16764" y="4572"/>
                  </a:lnTo>
                  <a:lnTo>
                    <a:pt x="16764" y="0"/>
                  </a:lnTo>
                  <a:close/>
                </a:path>
                <a:path w="36829" h="5079">
                  <a:moveTo>
                    <a:pt x="22860" y="0"/>
                  </a:moveTo>
                  <a:lnTo>
                    <a:pt x="19812" y="0"/>
                  </a:lnTo>
                  <a:lnTo>
                    <a:pt x="19812" y="4572"/>
                  </a:lnTo>
                  <a:lnTo>
                    <a:pt x="22860" y="4572"/>
                  </a:lnTo>
                  <a:lnTo>
                    <a:pt x="22860" y="0"/>
                  </a:lnTo>
                  <a:close/>
                </a:path>
                <a:path w="36829" h="5079">
                  <a:moveTo>
                    <a:pt x="30480" y="0"/>
                  </a:moveTo>
                  <a:lnTo>
                    <a:pt x="27432" y="0"/>
                  </a:lnTo>
                  <a:lnTo>
                    <a:pt x="27432" y="4572"/>
                  </a:lnTo>
                  <a:lnTo>
                    <a:pt x="30480" y="4572"/>
                  </a:lnTo>
                  <a:lnTo>
                    <a:pt x="30480" y="0"/>
                  </a:lnTo>
                  <a:close/>
                </a:path>
                <a:path w="36829" h="5079">
                  <a:moveTo>
                    <a:pt x="36576" y="0"/>
                  </a:moveTo>
                  <a:lnTo>
                    <a:pt x="33528" y="0"/>
                  </a:lnTo>
                  <a:lnTo>
                    <a:pt x="33528" y="4572"/>
                  </a:lnTo>
                  <a:lnTo>
                    <a:pt x="36576" y="4572"/>
                  </a:lnTo>
                  <a:lnTo>
                    <a:pt x="36576" y="0"/>
                  </a:lnTo>
                  <a:close/>
                </a:path>
              </a:pathLst>
            </a:custGeom>
            <a:solidFill>
              <a:srgbClr val="D8D8D8"/>
            </a:solidFill>
          </p:spPr>
          <p:txBody>
            <a:bodyPr wrap="square" lIns="0" tIns="0" rIns="0" bIns="0" rtlCol="0"/>
            <a:lstStyle/>
            <a:p>
              <a:endParaRPr sz="1539"/>
            </a:p>
          </p:txBody>
        </p:sp>
        <p:sp>
          <p:nvSpPr>
            <p:cNvPr id="36" name="object 36"/>
            <p:cNvSpPr/>
            <p:nvPr/>
          </p:nvSpPr>
          <p:spPr>
            <a:xfrm>
              <a:off x="6056376" y="5639562"/>
              <a:ext cx="254635" cy="0"/>
            </a:xfrm>
            <a:custGeom>
              <a:avLst/>
              <a:gdLst/>
              <a:ahLst/>
              <a:cxnLst/>
              <a:rect l="l" t="t" r="r" b="b"/>
              <a:pathLst>
                <a:path w="254635">
                  <a:moveTo>
                    <a:pt x="0" y="0"/>
                  </a:moveTo>
                  <a:lnTo>
                    <a:pt x="254508" y="0"/>
                  </a:lnTo>
                </a:path>
              </a:pathLst>
            </a:custGeom>
            <a:ln w="4571">
              <a:solidFill>
                <a:srgbClr val="D8D8D8"/>
              </a:solidFill>
              <a:prstDash val="sysDot"/>
            </a:ln>
          </p:spPr>
          <p:txBody>
            <a:bodyPr wrap="square" lIns="0" tIns="0" rIns="0" bIns="0" rtlCol="0"/>
            <a:lstStyle/>
            <a:p>
              <a:endParaRPr sz="1539"/>
            </a:p>
          </p:txBody>
        </p:sp>
        <p:sp>
          <p:nvSpPr>
            <p:cNvPr id="37" name="object 37"/>
            <p:cNvSpPr/>
            <p:nvPr/>
          </p:nvSpPr>
          <p:spPr>
            <a:xfrm>
              <a:off x="6481572" y="5637275"/>
              <a:ext cx="652780" cy="5080"/>
            </a:xfrm>
            <a:custGeom>
              <a:avLst/>
              <a:gdLst/>
              <a:ahLst/>
              <a:cxnLst/>
              <a:rect l="l" t="t" r="r" b="b"/>
              <a:pathLst>
                <a:path w="652779" h="5079">
                  <a:moveTo>
                    <a:pt x="1524" y="0"/>
                  </a:moveTo>
                  <a:lnTo>
                    <a:pt x="0" y="0"/>
                  </a:lnTo>
                  <a:lnTo>
                    <a:pt x="0" y="4572"/>
                  </a:lnTo>
                  <a:lnTo>
                    <a:pt x="1524" y="4572"/>
                  </a:lnTo>
                  <a:lnTo>
                    <a:pt x="1524" y="0"/>
                  </a:lnTo>
                  <a:close/>
                </a:path>
                <a:path w="652779" h="5079">
                  <a:moveTo>
                    <a:pt x="7620" y="0"/>
                  </a:moveTo>
                  <a:lnTo>
                    <a:pt x="4572" y="0"/>
                  </a:lnTo>
                  <a:lnTo>
                    <a:pt x="4572" y="4572"/>
                  </a:lnTo>
                  <a:lnTo>
                    <a:pt x="7620" y="4572"/>
                  </a:lnTo>
                  <a:lnTo>
                    <a:pt x="7620" y="0"/>
                  </a:lnTo>
                  <a:close/>
                </a:path>
                <a:path w="652779" h="5079">
                  <a:moveTo>
                    <a:pt x="15240" y="0"/>
                  </a:moveTo>
                  <a:lnTo>
                    <a:pt x="10668" y="0"/>
                  </a:lnTo>
                  <a:lnTo>
                    <a:pt x="10668" y="4572"/>
                  </a:lnTo>
                  <a:lnTo>
                    <a:pt x="15240" y="4572"/>
                  </a:lnTo>
                  <a:lnTo>
                    <a:pt x="15240" y="0"/>
                  </a:lnTo>
                  <a:close/>
                </a:path>
                <a:path w="652779" h="5079">
                  <a:moveTo>
                    <a:pt x="21323" y="0"/>
                  </a:moveTo>
                  <a:lnTo>
                    <a:pt x="18288" y="0"/>
                  </a:lnTo>
                  <a:lnTo>
                    <a:pt x="18288" y="4572"/>
                  </a:lnTo>
                  <a:lnTo>
                    <a:pt x="21323" y="4572"/>
                  </a:lnTo>
                  <a:lnTo>
                    <a:pt x="21323" y="0"/>
                  </a:lnTo>
                  <a:close/>
                </a:path>
                <a:path w="652779" h="5079">
                  <a:moveTo>
                    <a:pt x="28956" y="0"/>
                  </a:moveTo>
                  <a:lnTo>
                    <a:pt x="24384" y="0"/>
                  </a:lnTo>
                  <a:lnTo>
                    <a:pt x="24384" y="4572"/>
                  </a:lnTo>
                  <a:lnTo>
                    <a:pt x="28956" y="4572"/>
                  </a:lnTo>
                  <a:lnTo>
                    <a:pt x="28956" y="0"/>
                  </a:lnTo>
                  <a:close/>
                </a:path>
                <a:path w="652779" h="5079">
                  <a:moveTo>
                    <a:pt x="35052" y="0"/>
                  </a:moveTo>
                  <a:lnTo>
                    <a:pt x="32004" y="0"/>
                  </a:lnTo>
                  <a:lnTo>
                    <a:pt x="32004" y="4572"/>
                  </a:lnTo>
                  <a:lnTo>
                    <a:pt x="35052" y="4572"/>
                  </a:lnTo>
                  <a:lnTo>
                    <a:pt x="35052" y="0"/>
                  </a:lnTo>
                  <a:close/>
                </a:path>
                <a:path w="652779" h="5079">
                  <a:moveTo>
                    <a:pt x="42672" y="0"/>
                  </a:moveTo>
                  <a:lnTo>
                    <a:pt x="38100" y="0"/>
                  </a:lnTo>
                  <a:lnTo>
                    <a:pt x="38100" y="4572"/>
                  </a:lnTo>
                  <a:lnTo>
                    <a:pt x="42672" y="4572"/>
                  </a:lnTo>
                  <a:lnTo>
                    <a:pt x="42672" y="0"/>
                  </a:lnTo>
                  <a:close/>
                </a:path>
                <a:path w="652779" h="5079">
                  <a:moveTo>
                    <a:pt x="48768" y="0"/>
                  </a:moveTo>
                  <a:lnTo>
                    <a:pt x="45720" y="0"/>
                  </a:lnTo>
                  <a:lnTo>
                    <a:pt x="45720" y="4572"/>
                  </a:lnTo>
                  <a:lnTo>
                    <a:pt x="48768" y="4572"/>
                  </a:lnTo>
                  <a:lnTo>
                    <a:pt x="48768" y="0"/>
                  </a:lnTo>
                  <a:close/>
                </a:path>
                <a:path w="652779" h="5079">
                  <a:moveTo>
                    <a:pt x="56375" y="0"/>
                  </a:moveTo>
                  <a:lnTo>
                    <a:pt x="51816" y="0"/>
                  </a:lnTo>
                  <a:lnTo>
                    <a:pt x="51816" y="4572"/>
                  </a:lnTo>
                  <a:lnTo>
                    <a:pt x="56375" y="4572"/>
                  </a:lnTo>
                  <a:lnTo>
                    <a:pt x="56375" y="0"/>
                  </a:lnTo>
                  <a:close/>
                </a:path>
                <a:path w="652779" h="5079">
                  <a:moveTo>
                    <a:pt x="62484" y="0"/>
                  </a:moveTo>
                  <a:lnTo>
                    <a:pt x="59423" y="0"/>
                  </a:lnTo>
                  <a:lnTo>
                    <a:pt x="59423" y="4572"/>
                  </a:lnTo>
                  <a:lnTo>
                    <a:pt x="62484" y="4572"/>
                  </a:lnTo>
                  <a:lnTo>
                    <a:pt x="62484" y="0"/>
                  </a:lnTo>
                  <a:close/>
                </a:path>
                <a:path w="652779" h="5079">
                  <a:moveTo>
                    <a:pt x="70104" y="0"/>
                  </a:moveTo>
                  <a:lnTo>
                    <a:pt x="65532" y="0"/>
                  </a:lnTo>
                  <a:lnTo>
                    <a:pt x="65532" y="4572"/>
                  </a:lnTo>
                  <a:lnTo>
                    <a:pt x="70104" y="4572"/>
                  </a:lnTo>
                  <a:lnTo>
                    <a:pt x="70104" y="0"/>
                  </a:lnTo>
                  <a:close/>
                </a:path>
                <a:path w="652779" h="5079">
                  <a:moveTo>
                    <a:pt x="76200" y="0"/>
                  </a:moveTo>
                  <a:lnTo>
                    <a:pt x="73152" y="0"/>
                  </a:lnTo>
                  <a:lnTo>
                    <a:pt x="73152" y="4572"/>
                  </a:lnTo>
                  <a:lnTo>
                    <a:pt x="76200" y="4572"/>
                  </a:lnTo>
                  <a:lnTo>
                    <a:pt x="76200" y="0"/>
                  </a:lnTo>
                  <a:close/>
                </a:path>
                <a:path w="652779" h="5079">
                  <a:moveTo>
                    <a:pt x="83820" y="0"/>
                  </a:moveTo>
                  <a:lnTo>
                    <a:pt x="79248" y="0"/>
                  </a:lnTo>
                  <a:lnTo>
                    <a:pt x="79248" y="4572"/>
                  </a:lnTo>
                  <a:lnTo>
                    <a:pt x="83820" y="4572"/>
                  </a:lnTo>
                  <a:lnTo>
                    <a:pt x="83820" y="0"/>
                  </a:lnTo>
                  <a:close/>
                </a:path>
                <a:path w="652779" h="5079">
                  <a:moveTo>
                    <a:pt x="89916" y="0"/>
                  </a:moveTo>
                  <a:lnTo>
                    <a:pt x="86868" y="0"/>
                  </a:lnTo>
                  <a:lnTo>
                    <a:pt x="86868" y="4572"/>
                  </a:lnTo>
                  <a:lnTo>
                    <a:pt x="89916" y="4572"/>
                  </a:lnTo>
                  <a:lnTo>
                    <a:pt x="89916" y="0"/>
                  </a:lnTo>
                  <a:close/>
                </a:path>
                <a:path w="652779" h="5079">
                  <a:moveTo>
                    <a:pt x="97523" y="0"/>
                  </a:moveTo>
                  <a:lnTo>
                    <a:pt x="92951" y="0"/>
                  </a:lnTo>
                  <a:lnTo>
                    <a:pt x="92951" y="4572"/>
                  </a:lnTo>
                  <a:lnTo>
                    <a:pt x="97523" y="4572"/>
                  </a:lnTo>
                  <a:lnTo>
                    <a:pt x="97523" y="0"/>
                  </a:lnTo>
                  <a:close/>
                </a:path>
                <a:path w="652779" h="5079">
                  <a:moveTo>
                    <a:pt x="103632" y="0"/>
                  </a:moveTo>
                  <a:lnTo>
                    <a:pt x="100584" y="0"/>
                  </a:lnTo>
                  <a:lnTo>
                    <a:pt x="100584" y="4572"/>
                  </a:lnTo>
                  <a:lnTo>
                    <a:pt x="103632" y="4572"/>
                  </a:lnTo>
                  <a:lnTo>
                    <a:pt x="103632" y="0"/>
                  </a:lnTo>
                  <a:close/>
                </a:path>
                <a:path w="652779" h="5079">
                  <a:moveTo>
                    <a:pt x="109728" y="0"/>
                  </a:moveTo>
                  <a:lnTo>
                    <a:pt x="106680" y="0"/>
                  </a:lnTo>
                  <a:lnTo>
                    <a:pt x="106680" y="4572"/>
                  </a:lnTo>
                  <a:lnTo>
                    <a:pt x="109728" y="4572"/>
                  </a:lnTo>
                  <a:lnTo>
                    <a:pt x="109728" y="0"/>
                  </a:lnTo>
                  <a:close/>
                </a:path>
                <a:path w="652779" h="5079">
                  <a:moveTo>
                    <a:pt x="117348" y="0"/>
                  </a:moveTo>
                  <a:lnTo>
                    <a:pt x="114300" y="0"/>
                  </a:lnTo>
                  <a:lnTo>
                    <a:pt x="114300" y="4572"/>
                  </a:lnTo>
                  <a:lnTo>
                    <a:pt x="117348" y="4572"/>
                  </a:lnTo>
                  <a:lnTo>
                    <a:pt x="117348" y="0"/>
                  </a:lnTo>
                  <a:close/>
                </a:path>
                <a:path w="652779" h="5079">
                  <a:moveTo>
                    <a:pt x="123444" y="0"/>
                  </a:moveTo>
                  <a:lnTo>
                    <a:pt x="120396" y="0"/>
                  </a:lnTo>
                  <a:lnTo>
                    <a:pt x="120396" y="4572"/>
                  </a:lnTo>
                  <a:lnTo>
                    <a:pt x="123444" y="4572"/>
                  </a:lnTo>
                  <a:lnTo>
                    <a:pt x="123444" y="0"/>
                  </a:lnTo>
                  <a:close/>
                </a:path>
                <a:path w="652779" h="5079">
                  <a:moveTo>
                    <a:pt x="131051" y="0"/>
                  </a:moveTo>
                  <a:lnTo>
                    <a:pt x="128016" y="0"/>
                  </a:lnTo>
                  <a:lnTo>
                    <a:pt x="128016" y="4572"/>
                  </a:lnTo>
                  <a:lnTo>
                    <a:pt x="131051" y="4572"/>
                  </a:lnTo>
                  <a:lnTo>
                    <a:pt x="131051" y="0"/>
                  </a:lnTo>
                  <a:close/>
                </a:path>
                <a:path w="652779" h="5079">
                  <a:moveTo>
                    <a:pt x="137147" y="0"/>
                  </a:moveTo>
                  <a:lnTo>
                    <a:pt x="134099" y="0"/>
                  </a:lnTo>
                  <a:lnTo>
                    <a:pt x="134099" y="4572"/>
                  </a:lnTo>
                  <a:lnTo>
                    <a:pt x="137147" y="4572"/>
                  </a:lnTo>
                  <a:lnTo>
                    <a:pt x="137147" y="0"/>
                  </a:lnTo>
                  <a:close/>
                </a:path>
                <a:path w="652779" h="5079">
                  <a:moveTo>
                    <a:pt x="144780" y="0"/>
                  </a:moveTo>
                  <a:lnTo>
                    <a:pt x="141732" y="0"/>
                  </a:lnTo>
                  <a:lnTo>
                    <a:pt x="141732" y="4572"/>
                  </a:lnTo>
                  <a:lnTo>
                    <a:pt x="144780" y="4572"/>
                  </a:lnTo>
                  <a:lnTo>
                    <a:pt x="144780" y="0"/>
                  </a:lnTo>
                  <a:close/>
                </a:path>
                <a:path w="652779" h="5079">
                  <a:moveTo>
                    <a:pt x="150876" y="0"/>
                  </a:moveTo>
                  <a:lnTo>
                    <a:pt x="147828" y="0"/>
                  </a:lnTo>
                  <a:lnTo>
                    <a:pt x="147828" y="4572"/>
                  </a:lnTo>
                  <a:lnTo>
                    <a:pt x="150876" y="4572"/>
                  </a:lnTo>
                  <a:lnTo>
                    <a:pt x="150876" y="0"/>
                  </a:lnTo>
                  <a:close/>
                </a:path>
                <a:path w="652779" h="5079">
                  <a:moveTo>
                    <a:pt x="158496" y="0"/>
                  </a:moveTo>
                  <a:lnTo>
                    <a:pt x="155448" y="0"/>
                  </a:lnTo>
                  <a:lnTo>
                    <a:pt x="155448" y="4572"/>
                  </a:lnTo>
                  <a:lnTo>
                    <a:pt x="158496" y="4572"/>
                  </a:lnTo>
                  <a:lnTo>
                    <a:pt x="158496" y="0"/>
                  </a:lnTo>
                  <a:close/>
                </a:path>
                <a:path w="652779" h="5079">
                  <a:moveTo>
                    <a:pt x="164592" y="0"/>
                  </a:moveTo>
                  <a:lnTo>
                    <a:pt x="161544" y="0"/>
                  </a:lnTo>
                  <a:lnTo>
                    <a:pt x="161544" y="4572"/>
                  </a:lnTo>
                  <a:lnTo>
                    <a:pt x="164592" y="4572"/>
                  </a:lnTo>
                  <a:lnTo>
                    <a:pt x="164592" y="0"/>
                  </a:lnTo>
                  <a:close/>
                </a:path>
                <a:path w="652779" h="5079">
                  <a:moveTo>
                    <a:pt x="172199" y="0"/>
                  </a:moveTo>
                  <a:lnTo>
                    <a:pt x="169151" y="0"/>
                  </a:lnTo>
                  <a:lnTo>
                    <a:pt x="169151" y="4572"/>
                  </a:lnTo>
                  <a:lnTo>
                    <a:pt x="172199" y="4572"/>
                  </a:lnTo>
                  <a:lnTo>
                    <a:pt x="172199" y="0"/>
                  </a:lnTo>
                  <a:close/>
                </a:path>
                <a:path w="652779" h="5079">
                  <a:moveTo>
                    <a:pt x="178308" y="0"/>
                  </a:moveTo>
                  <a:lnTo>
                    <a:pt x="175247" y="0"/>
                  </a:lnTo>
                  <a:lnTo>
                    <a:pt x="175247" y="4572"/>
                  </a:lnTo>
                  <a:lnTo>
                    <a:pt x="178308" y="4572"/>
                  </a:lnTo>
                  <a:lnTo>
                    <a:pt x="178308" y="0"/>
                  </a:lnTo>
                  <a:close/>
                </a:path>
                <a:path w="652779" h="5079">
                  <a:moveTo>
                    <a:pt x="185928" y="0"/>
                  </a:moveTo>
                  <a:lnTo>
                    <a:pt x="182880" y="0"/>
                  </a:lnTo>
                  <a:lnTo>
                    <a:pt x="182880" y="4572"/>
                  </a:lnTo>
                  <a:lnTo>
                    <a:pt x="185928" y="4572"/>
                  </a:lnTo>
                  <a:lnTo>
                    <a:pt x="185928" y="0"/>
                  </a:lnTo>
                  <a:close/>
                </a:path>
                <a:path w="652779" h="5079">
                  <a:moveTo>
                    <a:pt x="192024" y="0"/>
                  </a:moveTo>
                  <a:lnTo>
                    <a:pt x="188976" y="0"/>
                  </a:lnTo>
                  <a:lnTo>
                    <a:pt x="188976" y="4572"/>
                  </a:lnTo>
                  <a:lnTo>
                    <a:pt x="192024" y="4572"/>
                  </a:lnTo>
                  <a:lnTo>
                    <a:pt x="192024" y="0"/>
                  </a:lnTo>
                  <a:close/>
                </a:path>
                <a:path w="652779" h="5079">
                  <a:moveTo>
                    <a:pt x="199644" y="0"/>
                  </a:moveTo>
                  <a:lnTo>
                    <a:pt x="196596" y="0"/>
                  </a:lnTo>
                  <a:lnTo>
                    <a:pt x="196596" y="4572"/>
                  </a:lnTo>
                  <a:lnTo>
                    <a:pt x="199644" y="4572"/>
                  </a:lnTo>
                  <a:lnTo>
                    <a:pt x="199644" y="0"/>
                  </a:lnTo>
                  <a:close/>
                </a:path>
                <a:path w="652779" h="5079">
                  <a:moveTo>
                    <a:pt x="205740" y="0"/>
                  </a:moveTo>
                  <a:lnTo>
                    <a:pt x="202692" y="0"/>
                  </a:lnTo>
                  <a:lnTo>
                    <a:pt x="202692" y="4572"/>
                  </a:lnTo>
                  <a:lnTo>
                    <a:pt x="205740" y="4572"/>
                  </a:lnTo>
                  <a:lnTo>
                    <a:pt x="205740" y="0"/>
                  </a:lnTo>
                  <a:close/>
                </a:path>
                <a:path w="652779" h="5079">
                  <a:moveTo>
                    <a:pt x="213360" y="0"/>
                  </a:moveTo>
                  <a:lnTo>
                    <a:pt x="210312" y="0"/>
                  </a:lnTo>
                  <a:lnTo>
                    <a:pt x="210312" y="4572"/>
                  </a:lnTo>
                  <a:lnTo>
                    <a:pt x="213360" y="4572"/>
                  </a:lnTo>
                  <a:lnTo>
                    <a:pt x="213360" y="0"/>
                  </a:lnTo>
                  <a:close/>
                </a:path>
                <a:path w="652779" h="5079">
                  <a:moveTo>
                    <a:pt x="219456" y="0"/>
                  </a:moveTo>
                  <a:lnTo>
                    <a:pt x="216408" y="0"/>
                  </a:lnTo>
                  <a:lnTo>
                    <a:pt x="216408" y="4572"/>
                  </a:lnTo>
                  <a:lnTo>
                    <a:pt x="219456" y="4572"/>
                  </a:lnTo>
                  <a:lnTo>
                    <a:pt x="219456" y="0"/>
                  </a:lnTo>
                  <a:close/>
                </a:path>
                <a:path w="652779" h="5079">
                  <a:moveTo>
                    <a:pt x="227076" y="0"/>
                  </a:moveTo>
                  <a:lnTo>
                    <a:pt x="224028" y="0"/>
                  </a:lnTo>
                  <a:lnTo>
                    <a:pt x="224028" y="4572"/>
                  </a:lnTo>
                  <a:lnTo>
                    <a:pt x="227076" y="4572"/>
                  </a:lnTo>
                  <a:lnTo>
                    <a:pt x="227076" y="0"/>
                  </a:lnTo>
                  <a:close/>
                </a:path>
                <a:path w="652779" h="5079">
                  <a:moveTo>
                    <a:pt x="233172" y="0"/>
                  </a:moveTo>
                  <a:lnTo>
                    <a:pt x="230124" y="0"/>
                  </a:lnTo>
                  <a:lnTo>
                    <a:pt x="230124" y="4572"/>
                  </a:lnTo>
                  <a:lnTo>
                    <a:pt x="233172" y="4572"/>
                  </a:lnTo>
                  <a:lnTo>
                    <a:pt x="233172" y="0"/>
                  </a:lnTo>
                  <a:close/>
                </a:path>
                <a:path w="652779" h="5079">
                  <a:moveTo>
                    <a:pt x="240792" y="0"/>
                  </a:moveTo>
                  <a:lnTo>
                    <a:pt x="237744" y="0"/>
                  </a:lnTo>
                  <a:lnTo>
                    <a:pt x="237744" y="4572"/>
                  </a:lnTo>
                  <a:lnTo>
                    <a:pt x="240792" y="4572"/>
                  </a:lnTo>
                  <a:lnTo>
                    <a:pt x="240792" y="0"/>
                  </a:lnTo>
                  <a:close/>
                </a:path>
                <a:path w="652779" h="5079">
                  <a:moveTo>
                    <a:pt x="246888" y="0"/>
                  </a:moveTo>
                  <a:lnTo>
                    <a:pt x="243840" y="0"/>
                  </a:lnTo>
                  <a:lnTo>
                    <a:pt x="243840" y="4572"/>
                  </a:lnTo>
                  <a:lnTo>
                    <a:pt x="246888" y="4572"/>
                  </a:lnTo>
                  <a:lnTo>
                    <a:pt x="246888" y="0"/>
                  </a:lnTo>
                  <a:close/>
                </a:path>
                <a:path w="652779" h="5079">
                  <a:moveTo>
                    <a:pt x="254508" y="0"/>
                  </a:moveTo>
                  <a:lnTo>
                    <a:pt x="251460" y="0"/>
                  </a:lnTo>
                  <a:lnTo>
                    <a:pt x="251460" y="4572"/>
                  </a:lnTo>
                  <a:lnTo>
                    <a:pt x="254508" y="4572"/>
                  </a:lnTo>
                  <a:lnTo>
                    <a:pt x="254508" y="0"/>
                  </a:lnTo>
                  <a:close/>
                </a:path>
                <a:path w="652779" h="5079">
                  <a:moveTo>
                    <a:pt x="432816" y="0"/>
                  </a:moveTo>
                  <a:lnTo>
                    <a:pt x="429768" y="0"/>
                  </a:lnTo>
                  <a:lnTo>
                    <a:pt x="429768" y="4572"/>
                  </a:lnTo>
                  <a:lnTo>
                    <a:pt x="432816" y="4572"/>
                  </a:lnTo>
                  <a:lnTo>
                    <a:pt x="432816" y="0"/>
                  </a:lnTo>
                  <a:close/>
                </a:path>
                <a:path w="652779" h="5079">
                  <a:moveTo>
                    <a:pt x="438912" y="0"/>
                  </a:moveTo>
                  <a:lnTo>
                    <a:pt x="435864" y="0"/>
                  </a:lnTo>
                  <a:lnTo>
                    <a:pt x="435864" y="4572"/>
                  </a:lnTo>
                  <a:lnTo>
                    <a:pt x="438912" y="4572"/>
                  </a:lnTo>
                  <a:lnTo>
                    <a:pt x="438912" y="0"/>
                  </a:lnTo>
                  <a:close/>
                </a:path>
                <a:path w="652779" h="5079">
                  <a:moveTo>
                    <a:pt x="446532" y="0"/>
                  </a:moveTo>
                  <a:lnTo>
                    <a:pt x="443484" y="0"/>
                  </a:lnTo>
                  <a:lnTo>
                    <a:pt x="443484" y="4572"/>
                  </a:lnTo>
                  <a:lnTo>
                    <a:pt x="446532" y="4572"/>
                  </a:lnTo>
                  <a:lnTo>
                    <a:pt x="446532" y="0"/>
                  </a:lnTo>
                  <a:close/>
                </a:path>
                <a:path w="652779" h="5079">
                  <a:moveTo>
                    <a:pt x="452628" y="0"/>
                  </a:moveTo>
                  <a:lnTo>
                    <a:pt x="449580" y="0"/>
                  </a:lnTo>
                  <a:lnTo>
                    <a:pt x="449580" y="4572"/>
                  </a:lnTo>
                  <a:lnTo>
                    <a:pt x="452628" y="4572"/>
                  </a:lnTo>
                  <a:lnTo>
                    <a:pt x="452628" y="0"/>
                  </a:lnTo>
                  <a:close/>
                </a:path>
                <a:path w="652779" h="5079">
                  <a:moveTo>
                    <a:pt x="460248" y="0"/>
                  </a:moveTo>
                  <a:lnTo>
                    <a:pt x="457200" y="0"/>
                  </a:lnTo>
                  <a:lnTo>
                    <a:pt x="457200" y="4572"/>
                  </a:lnTo>
                  <a:lnTo>
                    <a:pt x="460248" y="4572"/>
                  </a:lnTo>
                  <a:lnTo>
                    <a:pt x="460248" y="0"/>
                  </a:lnTo>
                  <a:close/>
                </a:path>
                <a:path w="652779" h="5079">
                  <a:moveTo>
                    <a:pt x="466344" y="0"/>
                  </a:moveTo>
                  <a:lnTo>
                    <a:pt x="463296" y="0"/>
                  </a:lnTo>
                  <a:lnTo>
                    <a:pt x="463296" y="4572"/>
                  </a:lnTo>
                  <a:lnTo>
                    <a:pt x="466344" y="4572"/>
                  </a:lnTo>
                  <a:lnTo>
                    <a:pt x="466344" y="0"/>
                  </a:lnTo>
                  <a:close/>
                </a:path>
                <a:path w="652779" h="5079">
                  <a:moveTo>
                    <a:pt x="473964" y="0"/>
                  </a:moveTo>
                  <a:lnTo>
                    <a:pt x="470916" y="0"/>
                  </a:lnTo>
                  <a:lnTo>
                    <a:pt x="470916" y="4572"/>
                  </a:lnTo>
                  <a:lnTo>
                    <a:pt x="473964" y="4572"/>
                  </a:lnTo>
                  <a:lnTo>
                    <a:pt x="473964" y="0"/>
                  </a:lnTo>
                  <a:close/>
                </a:path>
                <a:path w="652779" h="5079">
                  <a:moveTo>
                    <a:pt x="480060" y="0"/>
                  </a:moveTo>
                  <a:lnTo>
                    <a:pt x="477012" y="0"/>
                  </a:lnTo>
                  <a:lnTo>
                    <a:pt x="477012" y="4572"/>
                  </a:lnTo>
                  <a:lnTo>
                    <a:pt x="480060" y="4572"/>
                  </a:lnTo>
                  <a:lnTo>
                    <a:pt x="480060" y="0"/>
                  </a:lnTo>
                  <a:close/>
                </a:path>
                <a:path w="652779" h="5079">
                  <a:moveTo>
                    <a:pt x="487680" y="0"/>
                  </a:moveTo>
                  <a:lnTo>
                    <a:pt x="484632" y="0"/>
                  </a:lnTo>
                  <a:lnTo>
                    <a:pt x="484632" y="4572"/>
                  </a:lnTo>
                  <a:lnTo>
                    <a:pt x="487680" y="4572"/>
                  </a:lnTo>
                  <a:lnTo>
                    <a:pt x="487680" y="0"/>
                  </a:lnTo>
                  <a:close/>
                </a:path>
                <a:path w="652779" h="5079">
                  <a:moveTo>
                    <a:pt x="493776" y="0"/>
                  </a:moveTo>
                  <a:lnTo>
                    <a:pt x="490728" y="0"/>
                  </a:lnTo>
                  <a:lnTo>
                    <a:pt x="490728" y="4572"/>
                  </a:lnTo>
                  <a:lnTo>
                    <a:pt x="493776" y="4572"/>
                  </a:lnTo>
                  <a:lnTo>
                    <a:pt x="493776" y="0"/>
                  </a:lnTo>
                  <a:close/>
                </a:path>
                <a:path w="652779" h="5079">
                  <a:moveTo>
                    <a:pt x="501396" y="0"/>
                  </a:moveTo>
                  <a:lnTo>
                    <a:pt x="498348" y="0"/>
                  </a:lnTo>
                  <a:lnTo>
                    <a:pt x="498348" y="4572"/>
                  </a:lnTo>
                  <a:lnTo>
                    <a:pt x="501396" y="4572"/>
                  </a:lnTo>
                  <a:lnTo>
                    <a:pt x="501396" y="0"/>
                  </a:lnTo>
                  <a:close/>
                </a:path>
                <a:path w="652779" h="5079">
                  <a:moveTo>
                    <a:pt x="507492" y="0"/>
                  </a:moveTo>
                  <a:lnTo>
                    <a:pt x="504444" y="0"/>
                  </a:lnTo>
                  <a:lnTo>
                    <a:pt x="504444" y="4572"/>
                  </a:lnTo>
                  <a:lnTo>
                    <a:pt x="507492" y="4572"/>
                  </a:lnTo>
                  <a:lnTo>
                    <a:pt x="507492" y="0"/>
                  </a:lnTo>
                  <a:close/>
                </a:path>
                <a:path w="652779" h="5079">
                  <a:moveTo>
                    <a:pt x="515112" y="0"/>
                  </a:moveTo>
                  <a:lnTo>
                    <a:pt x="512064" y="0"/>
                  </a:lnTo>
                  <a:lnTo>
                    <a:pt x="512064" y="4572"/>
                  </a:lnTo>
                  <a:lnTo>
                    <a:pt x="515112" y="4572"/>
                  </a:lnTo>
                  <a:lnTo>
                    <a:pt x="515112" y="0"/>
                  </a:lnTo>
                  <a:close/>
                </a:path>
                <a:path w="652779" h="5079">
                  <a:moveTo>
                    <a:pt x="521208" y="0"/>
                  </a:moveTo>
                  <a:lnTo>
                    <a:pt x="518160" y="0"/>
                  </a:lnTo>
                  <a:lnTo>
                    <a:pt x="518160" y="4572"/>
                  </a:lnTo>
                  <a:lnTo>
                    <a:pt x="521208" y="4572"/>
                  </a:lnTo>
                  <a:lnTo>
                    <a:pt x="521208" y="0"/>
                  </a:lnTo>
                  <a:close/>
                </a:path>
                <a:path w="652779" h="5079">
                  <a:moveTo>
                    <a:pt x="528828" y="0"/>
                  </a:moveTo>
                  <a:lnTo>
                    <a:pt x="525780" y="0"/>
                  </a:lnTo>
                  <a:lnTo>
                    <a:pt x="525780" y="4572"/>
                  </a:lnTo>
                  <a:lnTo>
                    <a:pt x="528828" y="4572"/>
                  </a:lnTo>
                  <a:lnTo>
                    <a:pt x="528828" y="0"/>
                  </a:lnTo>
                  <a:close/>
                </a:path>
                <a:path w="652779" h="5079">
                  <a:moveTo>
                    <a:pt x="534924" y="0"/>
                  </a:moveTo>
                  <a:lnTo>
                    <a:pt x="531876" y="0"/>
                  </a:lnTo>
                  <a:lnTo>
                    <a:pt x="531876" y="4572"/>
                  </a:lnTo>
                  <a:lnTo>
                    <a:pt x="534924" y="4572"/>
                  </a:lnTo>
                  <a:lnTo>
                    <a:pt x="534924" y="0"/>
                  </a:lnTo>
                  <a:close/>
                </a:path>
                <a:path w="652779" h="5079">
                  <a:moveTo>
                    <a:pt x="542544" y="0"/>
                  </a:moveTo>
                  <a:lnTo>
                    <a:pt x="539496" y="0"/>
                  </a:lnTo>
                  <a:lnTo>
                    <a:pt x="539496" y="4572"/>
                  </a:lnTo>
                  <a:lnTo>
                    <a:pt x="542544" y="4572"/>
                  </a:lnTo>
                  <a:lnTo>
                    <a:pt x="542544" y="0"/>
                  </a:lnTo>
                  <a:close/>
                </a:path>
                <a:path w="652779" h="5079">
                  <a:moveTo>
                    <a:pt x="548640" y="0"/>
                  </a:moveTo>
                  <a:lnTo>
                    <a:pt x="545592" y="0"/>
                  </a:lnTo>
                  <a:lnTo>
                    <a:pt x="545592" y="4572"/>
                  </a:lnTo>
                  <a:lnTo>
                    <a:pt x="548640" y="4572"/>
                  </a:lnTo>
                  <a:lnTo>
                    <a:pt x="548640" y="0"/>
                  </a:lnTo>
                  <a:close/>
                </a:path>
                <a:path w="652779" h="5079">
                  <a:moveTo>
                    <a:pt x="556260" y="0"/>
                  </a:moveTo>
                  <a:lnTo>
                    <a:pt x="553212" y="0"/>
                  </a:lnTo>
                  <a:lnTo>
                    <a:pt x="553212" y="4572"/>
                  </a:lnTo>
                  <a:lnTo>
                    <a:pt x="556260" y="4572"/>
                  </a:lnTo>
                  <a:lnTo>
                    <a:pt x="556260" y="0"/>
                  </a:lnTo>
                  <a:close/>
                </a:path>
                <a:path w="652779" h="5079">
                  <a:moveTo>
                    <a:pt x="562356" y="0"/>
                  </a:moveTo>
                  <a:lnTo>
                    <a:pt x="559308" y="0"/>
                  </a:lnTo>
                  <a:lnTo>
                    <a:pt x="559308" y="4572"/>
                  </a:lnTo>
                  <a:lnTo>
                    <a:pt x="562356" y="4572"/>
                  </a:lnTo>
                  <a:lnTo>
                    <a:pt x="562356" y="0"/>
                  </a:lnTo>
                  <a:close/>
                </a:path>
                <a:path w="652779" h="5079">
                  <a:moveTo>
                    <a:pt x="569976" y="0"/>
                  </a:moveTo>
                  <a:lnTo>
                    <a:pt x="566928" y="0"/>
                  </a:lnTo>
                  <a:lnTo>
                    <a:pt x="566928" y="4572"/>
                  </a:lnTo>
                  <a:lnTo>
                    <a:pt x="569976" y="4572"/>
                  </a:lnTo>
                  <a:lnTo>
                    <a:pt x="569976" y="0"/>
                  </a:lnTo>
                  <a:close/>
                </a:path>
                <a:path w="652779" h="5079">
                  <a:moveTo>
                    <a:pt x="576072" y="0"/>
                  </a:moveTo>
                  <a:lnTo>
                    <a:pt x="573024" y="0"/>
                  </a:lnTo>
                  <a:lnTo>
                    <a:pt x="573024" y="4572"/>
                  </a:lnTo>
                  <a:lnTo>
                    <a:pt x="576072" y="4572"/>
                  </a:lnTo>
                  <a:lnTo>
                    <a:pt x="576072" y="0"/>
                  </a:lnTo>
                  <a:close/>
                </a:path>
                <a:path w="652779" h="5079">
                  <a:moveTo>
                    <a:pt x="583692" y="0"/>
                  </a:moveTo>
                  <a:lnTo>
                    <a:pt x="580644" y="0"/>
                  </a:lnTo>
                  <a:lnTo>
                    <a:pt x="580644" y="4572"/>
                  </a:lnTo>
                  <a:lnTo>
                    <a:pt x="583692" y="4572"/>
                  </a:lnTo>
                  <a:lnTo>
                    <a:pt x="583692" y="0"/>
                  </a:lnTo>
                  <a:close/>
                </a:path>
                <a:path w="652779" h="5079">
                  <a:moveTo>
                    <a:pt x="589788" y="0"/>
                  </a:moveTo>
                  <a:lnTo>
                    <a:pt x="586740" y="0"/>
                  </a:lnTo>
                  <a:lnTo>
                    <a:pt x="586740" y="4572"/>
                  </a:lnTo>
                  <a:lnTo>
                    <a:pt x="589788" y="4572"/>
                  </a:lnTo>
                  <a:lnTo>
                    <a:pt x="589788" y="0"/>
                  </a:lnTo>
                  <a:close/>
                </a:path>
                <a:path w="652779" h="5079">
                  <a:moveTo>
                    <a:pt x="597408" y="0"/>
                  </a:moveTo>
                  <a:lnTo>
                    <a:pt x="594360" y="0"/>
                  </a:lnTo>
                  <a:lnTo>
                    <a:pt x="594360" y="4572"/>
                  </a:lnTo>
                  <a:lnTo>
                    <a:pt x="597408" y="4572"/>
                  </a:lnTo>
                  <a:lnTo>
                    <a:pt x="597408" y="0"/>
                  </a:lnTo>
                  <a:close/>
                </a:path>
                <a:path w="652779" h="5079">
                  <a:moveTo>
                    <a:pt x="603504" y="0"/>
                  </a:moveTo>
                  <a:lnTo>
                    <a:pt x="600456" y="0"/>
                  </a:lnTo>
                  <a:lnTo>
                    <a:pt x="600456" y="4572"/>
                  </a:lnTo>
                  <a:lnTo>
                    <a:pt x="603504" y="4572"/>
                  </a:lnTo>
                  <a:lnTo>
                    <a:pt x="603504" y="0"/>
                  </a:lnTo>
                  <a:close/>
                </a:path>
                <a:path w="652779" h="5079">
                  <a:moveTo>
                    <a:pt x="611124" y="0"/>
                  </a:moveTo>
                  <a:lnTo>
                    <a:pt x="608076" y="0"/>
                  </a:lnTo>
                  <a:lnTo>
                    <a:pt x="608076" y="4572"/>
                  </a:lnTo>
                  <a:lnTo>
                    <a:pt x="611124" y="4572"/>
                  </a:lnTo>
                  <a:lnTo>
                    <a:pt x="611124" y="0"/>
                  </a:lnTo>
                  <a:close/>
                </a:path>
                <a:path w="652779" h="5079">
                  <a:moveTo>
                    <a:pt x="617220" y="0"/>
                  </a:moveTo>
                  <a:lnTo>
                    <a:pt x="614172" y="0"/>
                  </a:lnTo>
                  <a:lnTo>
                    <a:pt x="614172" y="4572"/>
                  </a:lnTo>
                  <a:lnTo>
                    <a:pt x="617220" y="4572"/>
                  </a:lnTo>
                  <a:lnTo>
                    <a:pt x="617220" y="0"/>
                  </a:lnTo>
                  <a:close/>
                </a:path>
                <a:path w="652779" h="5079">
                  <a:moveTo>
                    <a:pt x="624840" y="0"/>
                  </a:moveTo>
                  <a:lnTo>
                    <a:pt x="621792" y="0"/>
                  </a:lnTo>
                  <a:lnTo>
                    <a:pt x="621792" y="4572"/>
                  </a:lnTo>
                  <a:lnTo>
                    <a:pt x="624840" y="4572"/>
                  </a:lnTo>
                  <a:lnTo>
                    <a:pt x="624840" y="0"/>
                  </a:lnTo>
                  <a:close/>
                </a:path>
                <a:path w="652779" h="5079">
                  <a:moveTo>
                    <a:pt x="630936" y="0"/>
                  </a:moveTo>
                  <a:lnTo>
                    <a:pt x="627888" y="0"/>
                  </a:lnTo>
                  <a:lnTo>
                    <a:pt x="627888" y="4572"/>
                  </a:lnTo>
                  <a:lnTo>
                    <a:pt x="630936" y="4572"/>
                  </a:lnTo>
                  <a:lnTo>
                    <a:pt x="630936" y="0"/>
                  </a:lnTo>
                  <a:close/>
                </a:path>
                <a:path w="652779" h="5079">
                  <a:moveTo>
                    <a:pt x="638556" y="0"/>
                  </a:moveTo>
                  <a:lnTo>
                    <a:pt x="635508" y="0"/>
                  </a:lnTo>
                  <a:lnTo>
                    <a:pt x="635508" y="4572"/>
                  </a:lnTo>
                  <a:lnTo>
                    <a:pt x="638556" y="4572"/>
                  </a:lnTo>
                  <a:lnTo>
                    <a:pt x="638556" y="0"/>
                  </a:lnTo>
                  <a:close/>
                </a:path>
                <a:path w="652779" h="5079">
                  <a:moveTo>
                    <a:pt x="644652" y="0"/>
                  </a:moveTo>
                  <a:lnTo>
                    <a:pt x="641604" y="0"/>
                  </a:lnTo>
                  <a:lnTo>
                    <a:pt x="641604" y="4572"/>
                  </a:lnTo>
                  <a:lnTo>
                    <a:pt x="644652" y="4572"/>
                  </a:lnTo>
                  <a:lnTo>
                    <a:pt x="644652" y="0"/>
                  </a:lnTo>
                  <a:close/>
                </a:path>
                <a:path w="652779" h="5079">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38" name="object 38"/>
            <p:cNvSpPr/>
            <p:nvPr/>
          </p:nvSpPr>
          <p:spPr>
            <a:xfrm>
              <a:off x="7130796" y="5637275"/>
              <a:ext cx="30480" cy="5080"/>
            </a:xfrm>
            <a:custGeom>
              <a:avLst/>
              <a:gdLst/>
              <a:ahLst/>
              <a:cxnLst/>
              <a:rect l="l" t="t" r="r" b="b"/>
              <a:pathLst>
                <a:path w="30479" h="5079">
                  <a:moveTo>
                    <a:pt x="3048" y="0"/>
                  </a:moveTo>
                  <a:lnTo>
                    <a:pt x="0" y="0"/>
                  </a:lnTo>
                  <a:lnTo>
                    <a:pt x="0" y="4572"/>
                  </a:lnTo>
                  <a:lnTo>
                    <a:pt x="3048" y="4572"/>
                  </a:lnTo>
                  <a:lnTo>
                    <a:pt x="3048" y="0"/>
                  </a:lnTo>
                  <a:close/>
                </a:path>
                <a:path w="30479" h="5079">
                  <a:moveTo>
                    <a:pt x="9144" y="0"/>
                  </a:moveTo>
                  <a:lnTo>
                    <a:pt x="6096" y="0"/>
                  </a:lnTo>
                  <a:lnTo>
                    <a:pt x="6096" y="4572"/>
                  </a:lnTo>
                  <a:lnTo>
                    <a:pt x="9144" y="4572"/>
                  </a:lnTo>
                  <a:lnTo>
                    <a:pt x="9144" y="0"/>
                  </a:lnTo>
                  <a:close/>
                </a:path>
                <a:path w="30479" h="5079">
                  <a:moveTo>
                    <a:pt x="16764" y="0"/>
                  </a:moveTo>
                  <a:lnTo>
                    <a:pt x="13716" y="0"/>
                  </a:lnTo>
                  <a:lnTo>
                    <a:pt x="13716" y="4572"/>
                  </a:lnTo>
                  <a:lnTo>
                    <a:pt x="16764" y="4572"/>
                  </a:lnTo>
                  <a:lnTo>
                    <a:pt x="16764" y="0"/>
                  </a:lnTo>
                  <a:close/>
                </a:path>
                <a:path w="30479" h="5079">
                  <a:moveTo>
                    <a:pt x="22860" y="0"/>
                  </a:moveTo>
                  <a:lnTo>
                    <a:pt x="19812" y="0"/>
                  </a:lnTo>
                  <a:lnTo>
                    <a:pt x="19812" y="4572"/>
                  </a:lnTo>
                  <a:lnTo>
                    <a:pt x="22860" y="4572"/>
                  </a:lnTo>
                  <a:lnTo>
                    <a:pt x="22860" y="0"/>
                  </a:lnTo>
                  <a:close/>
                </a:path>
                <a:path w="30479" h="5079">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39" name="object 39"/>
            <p:cNvSpPr/>
            <p:nvPr/>
          </p:nvSpPr>
          <p:spPr>
            <a:xfrm>
              <a:off x="7330439" y="5639562"/>
              <a:ext cx="256540" cy="0"/>
            </a:xfrm>
            <a:custGeom>
              <a:avLst/>
              <a:gdLst/>
              <a:ahLst/>
              <a:cxnLst/>
              <a:rect l="l" t="t" r="r" b="b"/>
              <a:pathLst>
                <a:path w="256540">
                  <a:moveTo>
                    <a:pt x="0" y="0"/>
                  </a:moveTo>
                  <a:lnTo>
                    <a:pt x="256031" y="0"/>
                  </a:lnTo>
                </a:path>
              </a:pathLst>
            </a:custGeom>
            <a:ln w="4571">
              <a:solidFill>
                <a:srgbClr val="D8D8D8"/>
              </a:solidFill>
              <a:prstDash val="sysDot"/>
            </a:ln>
          </p:spPr>
          <p:txBody>
            <a:bodyPr wrap="square" lIns="0" tIns="0" rIns="0" bIns="0" rtlCol="0"/>
            <a:lstStyle/>
            <a:p>
              <a:endParaRPr sz="1539"/>
            </a:p>
          </p:txBody>
        </p:sp>
        <p:sp>
          <p:nvSpPr>
            <p:cNvPr id="40" name="object 40"/>
            <p:cNvSpPr/>
            <p:nvPr/>
          </p:nvSpPr>
          <p:spPr>
            <a:xfrm>
              <a:off x="7755636" y="5637275"/>
              <a:ext cx="646430" cy="5080"/>
            </a:xfrm>
            <a:custGeom>
              <a:avLst/>
              <a:gdLst/>
              <a:ahLst/>
              <a:cxnLst/>
              <a:rect l="l" t="t" r="r" b="b"/>
              <a:pathLst>
                <a:path w="646429" h="5079">
                  <a:moveTo>
                    <a:pt x="1524" y="0"/>
                  </a:moveTo>
                  <a:lnTo>
                    <a:pt x="0" y="0"/>
                  </a:lnTo>
                  <a:lnTo>
                    <a:pt x="0" y="4572"/>
                  </a:lnTo>
                  <a:lnTo>
                    <a:pt x="1524" y="4572"/>
                  </a:lnTo>
                  <a:lnTo>
                    <a:pt x="1524" y="0"/>
                  </a:lnTo>
                  <a:close/>
                </a:path>
                <a:path w="646429" h="5079">
                  <a:moveTo>
                    <a:pt x="9144" y="0"/>
                  </a:moveTo>
                  <a:lnTo>
                    <a:pt x="4572" y="0"/>
                  </a:lnTo>
                  <a:lnTo>
                    <a:pt x="4572" y="4572"/>
                  </a:lnTo>
                  <a:lnTo>
                    <a:pt x="9144" y="4572"/>
                  </a:lnTo>
                  <a:lnTo>
                    <a:pt x="9144" y="0"/>
                  </a:lnTo>
                  <a:close/>
                </a:path>
                <a:path w="646429" h="5079">
                  <a:moveTo>
                    <a:pt x="15240" y="0"/>
                  </a:moveTo>
                  <a:lnTo>
                    <a:pt x="12192" y="0"/>
                  </a:lnTo>
                  <a:lnTo>
                    <a:pt x="12192" y="4572"/>
                  </a:lnTo>
                  <a:lnTo>
                    <a:pt x="15240" y="4572"/>
                  </a:lnTo>
                  <a:lnTo>
                    <a:pt x="15240" y="0"/>
                  </a:lnTo>
                  <a:close/>
                </a:path>
                <a:path w="646429" h="5079">
                  <a:moveTo>
                    <a:pt x="22860" y="0"/>
                  </a:moveTo>
                  <a:lnTo>
                    <a:pt x="18288" y="0"/>
                  </a:lnTo>
                  <a:lnTo>
                    <a:pt x="18288" y="4572"/>
                  </a:lnTo>
                  <a:lnTo>
                    <a:pt x="22860" y="4572"/>
                  </a:lnTo>
                  <a:lnTo>
                    <a:pt x="22860" y="0"/>
                  </a:lnTo>
                  <a:close/>
                </a:path>
                <a:path w="646429" h="5079">
                  <a:moveTo>
                    <a:pt x="28956" y="0"/>
                  </a:moveTo>
                  <a:lnTo>
                    <a:pt x="25908" y="0"/>
                  </a:lnTo>
                  <a:lnTo>
                    <a:pt x="25908" y="4572"/>
                  </a:lnTo>
                  <a:lnTo>
                    <a:pt x="28956" y="4572"/>
                  </a:lnTo>
                  <a:lnTo>
                    <a:pt x="28956" y="0"/>
                  </a:lnTo>
                  <a:close/>
                </a:path>
                <a:path w="646429" h="5079">
                  <a:moveTo>
                    <a:pt x="36576" y="0"/>
                  </a:moveTo>
                  <a:lnTo>
                    <a:pt x="32004" y="0"/>
                  </a:lnTo>
                  <a:lnTo>
                    <a:pt x="32004" y="4572"/>
                  </a:lnTo>
                  <a:lnTo>
                    <a:pt x="36576" y="4572"/>
                  </a:lnTo>
                  <a:lnTo>
                    <a:pt x="36576" y="0"/>
                  </a:lnTo>
                  <a:close/>
                </a:path>
                <a:path w="646429" h="5079">
                  <a:moveTo>
                    <a:pt x="42672" y="0"/>
                  </a:moveTo>
                  <a:lnTo>
                    <a:pt x="39624" y="0"/>
                  </a:lnTo>
                  <a:lnTo>
                    <a:pt x="39624" y="4572"/>
                  </a:lnTo>
                  <a:lnTo>
                    <a:pt x="42672" y="4572"/>
                  </a:lnTo>
                  <a:lnTo>
                    <a:pt x="42672" y="0"/>
                  </a:lnTo>
                  <a:close/>
                </a:path>
                <a:path w="646429" h="5079">
                  <a:moveTo>
                    <a:pt x="48768" y="0"/>
                  </a:moveTo>
                  <a:lnTo>
                    <a:pt x="45720" y="0"/>
                  </a:lnTo>
                  <a:lnTo>
                    <a:pt x="45720" y="4572"/>
                  </a:lnTo>
                  <a:lnTo>
                    <a:pt x="48768" y="4572"/>
                  </a:lnTo>
                  <a:lnTo>
                    <a:pt x="48768" y="0"/>
                  </a:lnTo>
                  <a:close/>
                </a:path>
                <a:path w="646429" h="5079">
                  <a:moveTo>
                    <a:pt x="56388" y="0"/>
                  </a:moveTo>
                  <a:lnTo>
                    <a:pt x="53340" y="0"/>
                  </a:lnTo>
                  <a:lnTo>
                    <a:pt x="53340" y="4572"/>
                  </a:lnTo>
                  <a:lnTo>
                    <a:pt x="56388" y="4572"/>
                  </a:lnTo>
                  <a:lnTo>
                    <a:pt x="56388" y="0"/>
                  </a:lnTo>
                  <a:close/>
                </a:path>
                <a:path w="646429" h="5079">
                  <a:moveTo>
                    <a:pt x="62484" y="0"/>
                  </a:moveTo>
                  <a:lnTo>
                    <a:pt x="59436" y="0"/>
                  </a:lnTo>
                  <a:lnTo>
                    <a:pt x="59436" y="4572"/>
                  </a:lnTo>
                  <a:lnTo>
                    <a:pt x="62484" y="4572"/>
                  </a:lnTo>
                  <a:lnTo>
                    <a:pt x="62484" y="0"/>
                  </a:lnTo>
                  <a:close/>
                </a:path>
                <a:path w="646429" h="5079">
                  <a:moveTo>
                    <a:pt x="70104" y="0"/>
                  </a:moveTo>
                  <a:lnTo>
                    <a:pt x="67056" y="0"/>
                  </a:lnTo>
                  <a:lnTo>
                    <a:pt x="67056" y="4572"/>
                  </a:lnTo>
                  <a:lnTo>
                    <a:pt x="70104" y="4572"/>
                  </a:lnTo>
                  <a:lnTo>
                    <a:pt x="70104" y="0"/>
                  </a:lnTo>
                  <a:close/>
                </a:path>
                <a:path w="646429" h="5079">
                  <a:moveTo>
                    <a:pt x="76200" y="0"/>
                  </a:moveTo>
                  <a:lnTo>
                    <a:pt x="73152" y="0"/>
                  </a:lnTo>
                  <a:lnTo>
                    <a:pt x="73152" y="4572"/>
                  </a:lnTo>
                  <a:lnTo>
                    <a:pt x="76200" y="4572"/>
                  </a:lnTo>
                  <a:lnTo>
                    <a:pt x="76200" y="0"/>
                  </a:lnTo>
                  <a:close/>
                </a:path>
                <a:path w="646429" h="5079">
                  <a:moveTo>
                    <a:pt x="83820" y="0"/>
                  </a:moveTo>
                  <a:lnTo>
                    <a:pt x="80772" y="0"/>
                  </a:lnTo>
                  <a:lnTo>
                    <a:pt x="80772" y="4572"/>
                  </a:lnTo>
                  <a:lnTo>
                    <a:pt x="83820" y="4572"/>
                  </a:lnTo>
                  <a:lnTo>
                    <a:pt x="83820" y="0"/>
                  </a:lnTo>
                  <a:close/>
                </a:path>
                <a:path w="646429" h="5079">
                  <a:moveTo>
                    <a:pt x="89916" y="0"/>
                  </a:moveTo>
                  <a:lnTo>
                    <a:pt x="86868" y="0"/>
                  </a:lnTo>
                  <a:lnTo>
                    <a:pt x="86868" y="4572"/>
                  </a:lnTo>
                  <a:lnTo>
                    <a:pt x="89916" y="4572"/>
                  </a:lnTo>
                  <a:lnTo>
                    <a:pt x="89916" y="0"/>
                  </a:lnTo>
                  <a:close/>
                </a:path>
                <a:path w="646429" h="5079">
                  <a:moveTo>
                    <a:pt x="97536" y="0"/>
                  </a:moveTo>
                  <a:lnTo>
                    <a:pt x="94488" y="0"/>
                  </a:lnTo>
                  <a:lnTo>
                    <a:pt x="94488" y="4572"/>
                  </a:lnTo>
                  <a:lnTo>
                    <a:pt x="97536" y="4572"/>
                  </a:lnTo>
                  <a:lnTo>
                    <a:pt x="97536" y="0"/>
                  </a:lnTo>
                  <a:close/>
                </a:path>
                <a:path w="646429" h="5079">
                  <a:moveTo>
                    <a:pt x="103632" y="0"/>
                  </a:moveTo>
                  <a:lnTo>
                    <a:pt x="100584" y="0"/>
                  </a:lnTo>
                  <a:lnTo>
                    <a:pt x="100584" y="4572"/>
                  </a:lnTo>
                  <a:lnTo>
                    <a:pt x="103632" y="4572"/>
                  </a:lnTo>
                  <a:lnTo>
                    <a:pt x="103632" y="0"/>
                  </a:lnTo>
                  <a:close/>
                </a:path>
                <a:path w="646429" h="5079">
                  <a:moveTo>
                    <a:pt x="111252" y="0"/>
                  </a:moveTo>
                  <a:lnTo>
                    <a:pt x="108204" y="0"/>
                  </a:lnTo>
                  <a:lnTo>
                    <a:pt x="108204" y="4572"/>
                  </a:lnTo>
                  <a:lnTo>
                    <a:pt x="111252" y="4572"/>
                  </a:lnTo>
                  <a:lnTo>
                    <a:pt x="111252" y="0"/>
                  </a:lnTo>
                  <a:close/>
                </a:path>
                <a:path w="646429" h="5079">
                  <a:moveTo>
                    <a:pt x="117348" y="0"/>
                  </a:moveTo>
                  <a:lnTo>
                    <a:pt x="114300" y="0"/>
                  </a:lnTo>
                  <a:lnTo>
                    <a:pt x="114300" y="4572"/>
                  </a:lnTo>
                  <a:lnTo>
                    <a:pt x="117348" y="4572"/>
                  </a:lnTo>
                  <a:lnTo>
                    <a:pt x="117348" y="0"/>
                  </a:lnTo>
                  <a:close/>
                </a:path>
                <a:path w="646429" h="5079">
                  <a:moveTo>
                    <a:pt x="124968" y="0"/>
                  </a:moveTo>
                  <a:lnTo>
                    <a:pt x="121920" y="0"/>
                  </a:lnTo>
                  <a:lnTo>
                    <a:pt x="121920" y="4572"/>
                  </a:lnTo>
                  <a:lnTo>
                    <a:pt x="124968" y="4572"/>
                  </a:lnTo>
                  <a:lnTo>
                    <a:pt x="124968" y="0"/>
                  </a:lnTo>
                  <a:close/>
                </a:path>
                <a:path w="646429" h="5079">
                  <a:moveTo>
                    <a:pt x="131064" y="0"/>
                  </a:moveTo>
                  <a:lnTo>
                    <a:pt x="128016" y="0"/>
                  </a:lnTo>
                  <a:lnTo>
                    <a:pt x="128016" y="4572"/>
                  </a:lnTo>
                  <a:lnTo>
                    <a:pt x="131064" y="4572"/>
                  </a:lnTo>
                  <a:lnTo>
                    <a:pt x="131064" y="0"/>
                  </a:lnTo>
                  <a:close/>
                </a:path>
                <a:path w="646429" h="5079">
                  <a:moveTo>
                    <a:pt x="138684" y="0"/>
                  </a:moveTo>
                  <a:lnTo>
                    <a:pt x="135636" y="0"/>
                  </a:lnTo>
                  <a:lnTo>
                    <a:pt x="135636" y="4572"/>
                  </a:lnTo>
                  <a:lnTo>
                    <a:pt x="138684" y="4572"/>
                  </a:lnTo>
                  <a:lnTo>
                    <a:pt x="138684" y="0"/>
                  </a:lnTo>
                  <a:close/>
                </a:path>
                <a:path w="646429" h="5079">
                  <a:moveTo>
                    <a:pt x="144780" y="0"/>
                  </a:moveTo>
                  <a:lnTo>
                    <a:pt x="141732" y="0"/>
                  </a:lnTo>
                  <a:lnTo>
                    <a:pt x="141732" y="4572"/>
                  </a:lnTo>
                  <a:lnTo>
                    <a:pt x="144780" y="4572"/>
                  </a:lnTo>
                  <a:lnTo>
                    <a:pt x="144780" y="0"/>
                  </a:lnTo>
                  <a:close/>
                </a:path>
                <a:path w="646429" h="5079">
                  <a:moveTo>
                    <a:pt x="152400" y="0"/>
                  </a:moveTo>
                  <a:lnTo>
                    <a:pt x="149352" y="0"/>
                  </a:lnTo>
                  <a:lnTo>
                    <a:pt x="149352" y="4572"/>
                  </a:lnTo>
                  <a:lnTo>
                    <a:pt x="152400" y="4572"/>
                  </a:lnTo>
                  <a:lnTo>
                    <a:pt x="152400" y="0"/>
                  </a:lnTo>
                  <a:close/>
                </a:path>
                <a:path w="646429" h="5079">
                  <a:moveTo>
                    <a:pt x="158496" y="0"/>
                  </a:moveTo>
                  <a:lnTo>
                    <a:pt x="155448" y="0"/>
                  </a:lnTo>
                  <a:lnTo>
                    <a:pt x="155448" y="4572"/>
                  </a:lnTo>
                  <a:lnTo>
                    <a:pt x="158496" y="4572"/>
                  </a:lnTo>
                  <a:lnTo>
                    <a:pt x="158496" y="0"/>
                  </a:lnTo>
                  <a:close/>
                </a:path>
                <a:path w="646429" h="5079">
                  <a:moveTo>
                    <a:pt x="166116" y="0"/>
                  </a:moveTo>
                  <a:lnTo>
                    <a:pt x="163068" y="0"/>
                  </a:lnTo>
                  <a:lnTo>
                    <a:pt x="163068" y="4572"/>
                  </a:lnTo>
                  <a:lnTo>
                    <a:pt x="166116" y="4572"/>
                  </a:lnTo>
                  <a:lnTo>
                    <a:pt x="166116" y="0"/>
                  </a:lnTo>
                  <a:close/>
                </a:path>
                <a:path w="646429" h="5079">
                  <a:moveTo>
                    <a:pt x="172212" y="0"/>
                  </a:moveTo>
                  <a:lnTo>
                    <a:pt x="169164" y="0"/>
                  </a:lnTo>
                  <a:lnTo>
                    <a:pt x="169164" y="4572"/>
                  </a:lnTo>
                  <a:lnTo>
                    <a:pt x="172212" y="4572"/>
                  </a:lnTo>
                  <a:lnTo>
                    <a:pt x="172212" y="0"/>
                  </a:lnTo>
                  <a:close/>
                </a:path>
                <a:path w="646429" h="5079">
                  <a:moveTo>
                    <a:pt x="179832" y="0"/>
                  </a:moveTo>
                  <a:lnTo>
                    <a:pt x="176784" y="0"/>
                  </a:lnTo>
                  <a:lnTo>
                    <a:pt x="176784" y="4572"/>
                  </a:lnTo>
                  <a:lnTo>
                    <a:pt x="179832" y="4572"/>
                  </a:lnTo>
                  <a:lnTo>
                    <a:pt x="179832" y="0"/>
                  </a:lnTo>
                  <a:close/>
                </a:path>
                <a:path w="646429" h="5079">
                  <a:moveTo>
                    <a:pt x="185928" y="0"/>
                  </a:moveTo>
                  <a:lnTo>
                    <a:pt x="182880" y="0"/>
                  </a:lnTo>
                  <a:lnTo>
                    <a:pt x="182880" y="4572"/>
                  </a:lnTo>
                  <a:lnTo>
                    <a:pt x="185928" y="4572"/>
                  </a:lnTo>
                  <a:lnTo>
                    <a:pt x="185928" y="0"/>
                  </a:lnTo>
                  <a:close/>
                </a:path>
                <a:path w="646429" h="5079">
                  <a:moveTo>
                    <a:pt x="193548" y="0"/>
                  </a:moveTo>
                  <a:lnTo>
                    <a:pt x="190500" y="0"/>
                  </a:lnTo>
                  <a:lnTo>
                    <a:pt x="190500" y="4572"/>
                  </a:lnTo>
                  <a:lnTo>
                    <a:pt x="193548" y="4572"/>
                  </a:lnTo>
                  <a:lnTo>
                    <a:pt x="193548" y="0"/>
                  </a:lnTo>
                  <a:close/>
                </a:path>
                <a:path w="646429" h="5079">
                  <a:moveTo>
                    <a:pt x="199644" y="0"/>
                  </a:moveTo>
                  <a:lnTo>
                    <a:pt x="196596" y="0"/>
                  </a:lnTo>
                  <a:lnTo>
                    <a:pt x="196596" y="4572"/>
                  </a:lnTo>
                  <a:lnTo>
                    <a:pt x="199644" y="4572"/>
                  </a:lnTo>
                  <a:lnTo>
                    <a:pt x="199644" y="0"/>
                  </a:lnTo>
                  <a:close/>
                </a:path>
                <a:path w="646429" h="5079">
                  <a:moveTo>
                    <a:pt x="207264" y="0"/>
                  </a:moveTo>
                  <a:lnTo>
                    <a:pt x="204216" y="0"/>
                  </a:lnTo>
                  <a:lnTo>
                    <a:pt x="204216" y="4572"/>
                  </a:lnTo>
                  <a:lnTo>
                    <a:pt x="207264" y="4572"/>
                  </a:lnTo>
                  <a:lnTo>
                    <a:pt x="207264" y="0"/>
                  </a:lnTo>
                  <a:close/>
                </a:path>
                <a:path w="646429" h="5079">
                  <a:moveTo>
                    <a:pt x="213360" y="0"/>
                  </a:moveTo>
                  <a:lnTo>
                    <a:pt x="210312" y="0"/>
                  </a:lnTo>
                  <a:lnTo>
                    <a:pt x="210312" y="4572"/>
                  </a:lnTo>
                  <a:lnTo>
                    <a:pt x="213360" y="4572"/>
                  </a:lnTo>
                  <a:lnTo>
                    <a:pt x="213360" y="0"/>
                  </a:lnTo>
                  <a:close/>
                </a:path>
                <a:path w="646429" h="5079">
                  <a:moveTo>
                    <a:pt x="220980" y="0"/>
                  </a:moveTo>
                  <a:lnTo>
                    <a:pt x="217932" y="0"/>
                  </a:lnTo>
                  <a:lnTo>
                    <a:pt x="217932" y="4572"/>
                  </a:lnTo>
                  <a:lnTo>
                    <a:pt x="220980" y="4572"/>
                  </a:lnTo>
                  <a:lnTo>
                    <a:pt x="220980" y="0"/>
                  </a:lnTo>
                  <a:close/>
                </a:path>
                <a:path w="646429" h="5079">
                  <a:moveTo>
                    <a:pt x="227076" y="0"/>
                  </a:moveTo>
                  <a:lnTo>
                    <a:pt x="224028" y="0"/>
                  </a:lnTo>
                  <a:lnTo>
                    <a:pt x="224028" y="4572"/>
                  </a:lnTo>
                  <a:lnTo>
                    <a:pt x="227076" y="4572"/>
                  </a:lnTo>
                  <a:lnTo>
                    <a:pt x="227076" y="0"/>
                  </a:lnTo>
                  <a:close/>
                </a:path>
                <a:path w="646429" h="5079">
                  <a:moveTo>
                    <a:pt x="234696" y="0"/>
                  </a:moveTo>
                  <a:lnTo>
                    <a:pt x="231648" y="0"/>
                  </a:lnTo>
                  <a:lnTo>
                    <a:pt x="231648" y="4572"/>
                  </a:lnTo>
                  <a:lnTo>
                    <a:pt x="234696" y="4572"/>
                  </a:lnTo>
                  <a:lnTo>
                    <a:pt x="234696" y="0"/>
                  </a:lnTo>
                  <a:close/>
                </a:path>
                <a:path w="646429" h="5079">
                  <a:moveTo>
                    <a:pt x="240792" y="0"/>
                  </a:moveTo>
                  <a:lnTo>
                    <a:pt x="237744" y="0"/>
                  </a:lnTo>
                  <a:lnTo>
                    <a:pt x="237744" y="4572"/>
                  </a:lnTo>
                  <a:lnTo>
                    <a:pt x="240792" y="4572"/>
                  </a:lnTo>
                  <a:lnTo>
                    <a:pt x="240792" y="0"/>
                  </a:lnTo>
                  <a:close/>
                </a:path>
                <a:path w="646429" h="5079">
                  <a:moveTo>
                    <a:pt x="248412" y="0"/>
                  </a:moveTo>
                  <a:lnTo>
                    <a:pt x="245364" y="0"/>
                  </a:lnTo>
                  <a:lnTo>
                    <a:pt x="245364" y="4572"/>
                  </a:lnTo>
                  <a:lnTo>
                    <a:pt x="248412" y="4572"/>
                  </a:lnTo>
                  <a:lnTo>
                    <a:pt x="248412" y="0"/>
                  </a:lnTo>
                  <a:close/>
                </a:path>
                <a:path w="646429" h="5079">
                  <a:moveTo>
                    <a:pt x="254508" y="0"/>
                  </a:moveTo>
                  <a:lnTo>
                    <a:pt x="251460" y="0"/>
                  </a:lnTo>
                  <a:lnTo>
                    <a:pt x="251460" y="4572"/>
                  </a:lnTo>
                  <a:lnTo>
                    <a:pt x="254508" y="4572"/>
                  </a:lnTo>
                  <a:lnTo>
                    <a:pt x="254508" y="0"/>
                  </a:lnTo>
                  <a:close/>
                </a:path>
                <a:path w="646429" h="5079">
                  <a:moveTo>
                    <a:pt x="426720" y="0"/>
                  </a:moveTo>
                  <a:lnTo>
                    <a:pt x="425196" y="0"/>
                  </a:lnTo>
                  <a:lnTo>
                    <a:pt x="425196" y="4572"/>
                  </a:lnTo>
                  <a:lnTo>
                    <a:pt x="426720" y="4572"/>
                  </a:lnTo>
                  <a:lnTo>
                    <a:pt x="426720" y="0"/>
                  </a:lnTo>
                  <a:close/>
                </a:path>
                <a:path w="646429" h="5079">
                  <a:moveTo>
                    <a:pt x="432816" y="0"/>
                  </a:moveTo>
                  <a:lnTo>
                    <a:pt x="429768" y="0"/>
                  </a:lnTo>
                  <a:lnTo>
                    <a:pt x="429768" y="4572"/>
                  </a:lnTo>
                  <a:lnTo>
                    <a:pt x="432816" y="4572"/>
                  </a:lnTo>
                  <a:lnTo>
                    <a:pt x="432816" y="0"/>
                  </a:lnTo>
                  <a:close/>
                </a:path>
                <a:path w="646429" h="5079">
                  <a:moveTo>
                    <a:pt x="440436" y="0"/>
                  </a:moveTo>
                  <a:lnTo>
                    <a:pt x="437388" y="0"/>
                  </a:lnTo>
                  <a:lnTo>
                    <a:pt x="437388" y="4572"/>
                  </a:lnTo>
                  <a:lnTo>
                    <a:pt x="440436" y="4572"/>
                  </a:lnTo>
                  <a:lnTo>
                    <a:pt x="440436" y="0"/>
                  </a:lnTo>
                  <a:close/>
                </a:path>
                <a:path w="646429" h="5079">
                  <a:moveTo>
                    <a:pt x="446532" y="0"/>
                  </a:moveTo>
                  <a:lnTo>
                    <a:pt x="443484" y="0"/>
                  </a:lnTo>
                  <a:lnTo>
                    <a:pt x="443484" y="4572"/>
                  </a:lnTo>
                  <a:lnTo>
                    <a:pt x="446532" y="4572"/>
                  </a:lnTo>
                  <a:lnTo>
                    <a:pt x="446532" y="0"/>
                  </a:lnTo>
                  <a:close/>
                </a:path>
                <a:path w="646429" h="5079">
                  <a:moveTo>
                    <a:pt x="454152" y="0"/>
                  </a:moveTo>
                  <a:lnTo>
                    <a:pt x="451104" y="0"/>
                  </a:lnTo>
                  <a:lnTo>
                    <a:pt x="451104" y="4572"/>
                  </a:lnTo>
                  <a:lnTo>
                    <a:pt x="454152" y="4572"/>
                  </a:lnTo>
                  <a:lnTo>
                    <a:pt x="454152" y="0"/>
                  </a:lnTo>
                  <a:close/>
                </a:path>
                <a:path w="646429" h="5079">
                  <a:moveTo>
                    <a:pt x="460248" y="0"/>
                  </a:moveTo>
                  <a:lnTo>
                    <a:pt x="457200" y="0"/>
                  </a:lnTo>
                  <a:lnTo>
                    <a:pt x="457200" y="4572"/>
                  </a:lnTo>
                  <a:lnTo>
                    <a:pt x="460248" y="4572"/>
                  </a:lnTo>
                  <a:lnTo>
                    <a:pt x="460248" y="0"/>
                  </a:lnTo>
                  <a:close/>
                </a:path>
                <a:path w="646429" h="5079">
                  <a:moveTo>
                    <a:pt x="467868" y="0"/>
                  </a:moveTo>
                  <a:lnTo>
                    <a:pt x="464820" y="0"/>
                  </a:lnTo>
                  <a:lnTo>
                    <a:pt x="464820" y="4572"/>
                  </a:lnTo>
                  <a:lnTo>
                    <a:pt x="467868" y="4572"/>
                  </a:lnTo>
                  <a:lnTo>
                    <a:pt x="467868" y="0"/>
                  </a:lnTo>
                  <a:close/>
                </a:path>
                <a:path w="646429" h="5079">
                  <a:moveTo>
                    <a:pt x="473964" y="0"/>
                  </a:moveTo>
                  <a:lnTo>
                    <a:pt x="470916" y="0"/>
                  </a:lnTo>
                  <a:lnTo>
                    <a:pt x="470916" y="4572"/>
                  </a:lnTo>
                  <a:lnTo>
                    <a:pt x="473964" y="4572"/>
                  </a:lnTo>
                  <a:lnTo>
                    <a:pt x="473964" y="0"/>
                  </a:lnTo>
                  <a:close/>
                </a:path>
                <a:path w="646429" h="5079">
                  <a:moveTo>
                    <a:pt x="481584" y="0"/>
                  </a:moveTo>
                  <a:lnTo>
                    <a:pt x="478536" y="0"/>
                  </a:lnTo>
                  <a:lnTo>
                    <a:pt x="478536" y="4572"/>
                  </a:lnTo>
                  <a:lnTo>
                    <a:pt x="481584" y="4572"/>
                  </a:lnTo>
                  <a:lnTo>
                    <a:pt x="481584" y="0"/>
                  </a:lnTo>
                  <a:close/>
                </a:path>
                <a:path w="646429" h="5079">
                  <a:moveTo>
                    <a:pt x="487680" y="0"/>
                  </a:moveTo>
                  <a:lnTo>
                    <a:pt x="484632" y="0"/>
                  </a:lnTo>
                  <a:lnTo>
                    <a:pt x="484632" y="4572"/>
                  </a:lnTo>
                  <a:lnTo>
                    <a:pt x="487680" y="4572"/>
                  </a:lnTo>
                  <a:lnTo>
                    <a:pt x="487680" y="0"/>
                  </a:lnTo>
                  <a:close/>
                </a:path>
                <a:path w="646429" h="5079">
                  <a:moveTo>
                    <a:pt x="495300" y="0"/>
                  </a:moveTo>
                  <a:lnTo>
                    <a:pt x="492252" y="0"/>
                  </a:lnTo>
                  <a:lnTo>
                    <a:pt x="492252" y="4572"/>
                  </a:lnTo>
                  <a:lnTo>
                    <a:pt x="495300" y="4572"/>
                  </a:lnTo>
                  <a:lnTo>
                    <a:pt x="495300" y="0"/>
                  </a:lnTo>
                  <a:close/>
                </a:path>
                <a:path w="646429" h="5079">
                  <a:moveTo>
                    <a:pt x="501396" y="0"/>
                  </a:moveTo>
                  <a:lnTo>
                    <a:pt x="498348" y="0"/>
                  </a:lnTo>
                  <a:lnTo>
                    <a:pt x="498348" y="4572"/>
                  </a:lnTo>
                  <a:lnTo>
                    <a:pt x="501396" y="4572"/>
                  </a:lnTo>
                  <a:lnTo>
                    <a:pt x="501396" y="0"/>
                  </a:lnTo>
                  <a:close/>
                </a:path>
                <a:path w="646429" h="5079">
                  <a:moveTo>
                    <a:pt x="509016" y="0"/>
                  </a:moveTo>
                  <a:lnTo>
                    <a:pt x="505968" y="0"/>
                  </a:lnTo>
                  <a:lnTo>
                    <a:pt x="505968" y="4572"/>
                  </a:lnTo>
                  <a:lnTo>
                    <a:pt x="509016" y="4572"/>
                  </a:lnTo>
                  <a:lnTo>
                    <a:pt x="509016" y="0"/>
                  </a:lnTo>
                  <a:close/>
                </a:path>
                <a:path w="646429" h="5079">
                  <a:moveTo>
                    <a:pt x="515112" y="0"/>
                  </a:moveTo>
                  <a:lnTo>
                    <a:pt x="512064" y="0"/>
                  </a:lnTo>
                  <a:lnTo>
                    <a:pt x="512064" y="4572"/>
                  </a:lnTo>
                  <a:lnTo>
                    <a:pt x="515112" y="4572"/>
                  </a:lnTo>
                  <a:lnTo>
                    <a:pt x="515112" y="0"/>
                  </a:lnTo>
                  <a:close/>
                </a:path>
                <a:path w="646429" h="5079">
                  <a:moveTo>
                    <a:pt x="522732" y="0"/>
                  </a:moveTo>
                  <a:lnTo>
                    <a:pt x="519684" y="0"/>
                  </a:lnTo>
                  <a:lnTo>
                    <a:pt x="519684" y="4572"/>
                  </a:lnTo>
                  <a:lnTo>
                    <a:pt x="522732" y="4572"/>
                  </a:lnTo>
                  <a:lnTo>
                    <a:pt x="522732" y="0"/>
                  </a:lnTo>
                  <a:close/>
                </a:path>
                <a:path w="646429" h="5079">
                  <a:moveTo>
                    <a:pt x="528828" y="0"/>
                  </a:moveTo>
                  <a:lnTo>
                    <a:pt x="525780" y="0"/>
                  </a:lnTo>
                  <a:lnTo>
                    <a:pt x="525780" y="4572"/>
                  </a:lnTo>
                  <a:lnTo>
                    <a:pt x="528828" y="4572"/>
                  </a:lnTo>
                  <a:lnTo>
                    <a:pt x="528828" y="0"/>
                  </a:lnTo>
                  <a:close/>
                </a:path>
                <a:path w="646429" h="5079">
                  <a:moveTo>
                    <a:pt x="536448" y="0"/>
                  </a:moveTo>
                  <a:lnTo>
                    <a:pt x="533400" y="0"/>
                  </a:lnTo>
                  <a:lnTo>
                    <a:pt x="533400" y="4572"/>
                  </a:lnTo>
                  <a:lnTo>
                    <a:pt x="536448" y="4572"/>
                  </a:lnTo>
                  <a:lnTo>
                    <a:pt x="536448" y="0"/>
                  </a:lnTo>
                  <a:close/>
                </a:path>
                <a:path w="646429" h="5079">
                  <a:moveTo>
                    <a:pt x="542544" y="0"/>
                  </a:moveTo>
                  <a:lnTo>
                    <a:pt x="539496" y="0"/>
                  </a:lnTo>
                  <a:lnTo>
                    <a:pt x="539496" y="4572"/>
                  </a:lnTo>
                  <a:lnTo>
                    <a:pt x="542544" y="4572"/>
                  </a:lnTo>
                  <a:lnTo>
                    <a:pt x="542544" y="0"/>
                  </a:lnTo>
                  <a:close/>
                </a:path>
                <a:path w="646429" h="5079">
                  <a:moveTo>
                    <a:pt x="550164" y="0"/>
                  </a:moveTo>
                  <a:lnTo>
                    <a:pt x="547116" y="0"/>
                  </a:lnTo>
                  <a:lnTo>
                    <a:pt x="547116" y="4572"/>
                  </a:lnTo>
                  <a:lnTo>
                    <a:pt x="550164" y="4572"/>
                  </a:lnTo>
                  <a:lnTo>
                    <a:pt x="550164" y="0"/>
                  </a:lnTo>
                  <a:close/>
                </a:path>
                <a:path w="646429" h="5079">
                  <a:moveTo>
                    <a:pt x="556260" y="0"/>
                  </a:moveTo>
                  <a:lnTo>
                    <a:pt x="553212" y="0"/>
                  </a:lnTo>
                  <a:lnTo>
                    <a:pt x="553212" y="4572"/>
                  </a:lnTo>
                  <a:lnTo>
                    <a:pt x="556260" y="4572"/>
                  </a:lnTo>
                  <a:lnTo>
                    <a:pt x="556260" y="0"/>
                  </a:lnTo>
                  <a:close/>
                </a:path>
                <a:path w="646429" h="5079">
                  <a:moveTo>
                    <a:pt x="563880" y="0"/>
                  </a:moveTo>
                  <a:lnTo>
                    <a:pt x="560832" y="0"/>
                  </a:lnTo>
                  <a:lnTo>
                    <a:pt x="560832" y="4572"/>
                  </a:lnTo>
                  <a:lnTo>
                    <a:pt x="563880" y="4572"/>
                  </a:lnTo>
                  <a:lnTo>
                    <a:pt x="563880" y="0"/>
                  </a:lnTo>
                  <a:close/>
                </a:path>
                <a:path w="646429" h="5079">
                  <a:moveTo>
                    <a:pt x="569976" y="0"/>
                  </a:moveTo>
                  <a:lnTo>
                    <a:pt x="566928" y="0"/>
                  </a:lnTo>
                  <a:lnTo>
                    <a:pt x="566928" y="4572"/>
                  </a:lnTo>
                  <a:lnTo>
                    <a:pt x="569976" y="4572"/>
                  </a:lnTo>
                  <a:lnTo>
                    <a:pt x="569976" y="0"/>
                  </a:lnTo>
                  <a:close/>
                </a:path>
                <a:path w="646429" h="5079">
                  <a:moveTo>
                    <a:pt x="577596" y="0"/>
                  </a:moveTo>
                  <a:lnTo>
                    <a:pt x="574548" y="0"/>
                  </a:lnTo>
                  <a:lnTo>
                    <a:pt x="574548" y="4572"/>
                  </a:lnTo>
                  <a:lnTo>
                    <a:pt x="577596" y="4572"/>
                  </a:lnTo>
                  <a:lnTo>
                    <a:pt x="577596" y="0"/>
                  </a:lnTo>
                  <a:close/>
                </a:path>
                <a:path w="646429" h="5079">
                  <a:moveTo>
                    <a:pt x="583692" y="0"/>
                  </a:moveTo>
                  <a:lnTo>
                    <a:pt x="580644" y="0"/>
                  </a:lnTo>
                  <a:lnTo>
                    <a:pt x="580644" y="4572"/>
                  </a:lnTo>
                  <a:lnTo>
                    <a:pt x="583692" y="4572"/>
                  </a:lnTo>
                  <a:lnTo>
                    <a:pt x="583692" y="0"/>
                  </a:lnTo>
                  <a:close/>
                </a:path>
                <a:path w="646429" h="5079">
                  <a:moveTo>
                    <a:pt x="591312" y="0"/>
                  </a:moveTo>
                  <a:lnTo>
                    <a:pt x="588264" y="0"/>
                  </a:lnTo>
                  <a:lnTo>
                    <a:pt x="588264" y="4572"/>
                  </a:lnTo>
                  <a:lnTo>
                    <a:pt x="591312" y="4572"/>
                  </a:lnTo>
                  <a:lnTo>
                    <a:pt x="591312" y="0"/>
                  </a:lnTo>
                  <a:close/>
                </a:path>
                <a:path w="646429" h="5079">
                  <a:moveTo>
                    <a:pt x="597408" y="0"/>
                  </a:moveTo>
                  <a:lnTo>
                    <a:pt x="594360" y="0"/>
                  </a:lnTo>
                  <a:lnTo>
                    <a:pt x="594360" y="4572"/>
                  </a:lnTo>
                  <a:lnTo>
                    <a:pt x="597408" y="4572"/>
                  </a:lnTo>
                  <a:lnTo>
                    <a:pt x="597408" y="0"/>
                  </a:lnTo>
                  <a:close/>
                </a:path>
                <a:path w="646429" h="5079">
                  <a:moveTo>
                    <a:pt x="605028" y="0"/>
                  </a:moveTo>
                  <a:lnTo>
                    <a:pt x="601980" y="0"/>
                  </a:lnTo>
                  <a:lnTo>
                    <a:pt x="601980" y="4572"/>
                  </a:lnTo>
                  <a:lnTo>
                    <a:pt x="605028" y="4572"/>
                  </a:lnTo>
                  <a:lnTo>
                    <a:pt x="605028" y="0"/>
                  </a:lnTo>
                  <a:close/>
                </a:path>
                <a:path w="646429" h="5079">
                  <a:moveTo>
                    <a:pt x="611124" y="0"/>
                  </a:moveTo>
                  <a:lnTo>
                    <a:pt x="608076" y="0"/>
                  </a:lnTo>
                  <a:lnTo>
                    <a:pt x="608076" y="4572"/>
                  </a:lnTo>
                  <a:lnTo>
                    <a:pt x="611124" y="4572"/>
                  </a:lnTo>
                  <a:lnTo>
                    <a:pt x="611124" y="0"/>
                  </a:lnTo>
                  <a:close/>
                </a:path>
                <a:path w="646429" h="5079">
                  <a:moveTo>
                    <a:pt x="618744" y="0"/>
                  </a:moveTo>
                  <a:lnTo>
                    <a:pt x="615696" y="0"/>
                  </a:lnTo>
                  <a:lnTo>
                    <a:pt x="615696" y="4572"/>
                  </a:lnTo>
                  <a:lnTo>
                    <a:pt x="618744" y="4572"/>
                  </a:lnTo>
                  <a:lnTo>
                    <a:pt x="618744" y="0"/>
                  </a:lnTo>
                  <a:close/>
                </a:path>
                <a:path w="646429" h="5079">
                  <a:moveTo>
                    <a:pt x="624840" y="0"/>
                  </a:moveTo>
                  <a:lnTo>
                    <a:pt x="621792" y="0"/>
                  </a:lnTo>
                  <a:lnTo>
                    <a:pt x="621792" y="4572"/>
                  </a:lnTo>
                  <a:lnTo>
                    <a:pt x="624840" y="4572"/>
                  </a:lnTo>
                  <a:lnTo>
                    <a:pt x="624840" y="0"/>
                  </a:lnTo>
                  <a:close/>
                </a:path>
                <a:path w="646429" h="5079">
                  <a:moveTo>
                    <a:pt x="632460" y="0"/>
                  </a:moveTo>
                  <a:lnTo>
                    <a:pt x="629412" y="0"/>
                  </a:lnTo>
                  <a:lnTo>
                    <a:pt x="629412" y="4572"/>
                  </a:lnTo>
                  <a:lnTo>
                    <a:pt x="632460" y="4572"/>
                  </a:lnTo>
                  <a:lnTo>
                    <a:pt x="632460" y="0"/>
                  </a:lnTo>
                  <a:close/>
                </a:path>
                <a:path w="646429" h="5079">
                  <a:moveTo>
                    <a:pt x="638556" y="0"/>
                  </a:moveTo>
                  <a:lnTo>
                    <a:pt x="635508" y="0"/>
                  </a:lnTo>
                  <a:lnTo>
                    <a:pt x="635508" y="4572"/>
                  </a:lnTo>
                  <a:lnTo>
                    <a:pt x="638556" y="4572"/>
                  </a:lnTo>
                  <a:lnTo>
                    <a:pt x="638556" y="0"/>
                  </a:lnTo>
                  <a:close/>
                </a:path>
                <a:path w="646429" h="5079">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41" name="object 41"/>
            <p:cNvSpPr/>
            <p:nvPr/>
          </p:nvSpPr>
          <p:spPr>
            <a:xfrm>
              <a:off x="8398764" y="5637275"/>
              <a:ext cx="36830" cy="5080"/>
            </a:xfrm>
            <a:custGeom>
              <a:avLst/>
              <a:gdLst/>
              <a:ahLst/>
              <a:cxnLst/>
              <a:rect l="l" t="t" r="r" b="b"/>
              <a:pathLst>
                <a:path w="36829" h="5079">
                  <a:moveTo>
                    <a:pt x="3048" y="0"/>
                  </a:moveTo>
                  <a:lnTo>
                    <a:pt x="0" y="0"/>
                  </a:lnTo>
                  <a:lnTo>
                    <a:pt x="0" y="4572"/>
                  </a:lnTo>
                  <a:lnTo>
                    <a:pt x="3048" y="4572"/>
                  </a:lnTo>
                  <a:lnTo>
                    <a:pt x="3048" y="0"/>
                  </a:lnTo>
                  <a:close/>
                </a:path>
                <a:path w="36829" h="5079">
                  <a:moveTo>
                    <a:pt x="9144" y="0"/>
                  </a:moveTo>
                  <a:lnTo>
                    <a:pt x="6096" y="0"/>
                  </a:lnTo>
                  <a:lnTo>
                    <a:pt x="6096" y="4572"/>
                  </a:lnTo>
                  <a:lnTo>
                    <a:pt x="9144" y="4572"/>
                  </a:lnTo>
                  <a:lnTo>
                    <a:pt x="9144" y="0"/>
                  </a:lnTo>
                  <a:close/>
                </a:path>
                <a:path w="36829" h="5079">
                  <a:moveTo>
                    <a:pt x="16764" y="0"/>
                  </a:moveTo>
                  <a:lnTo>
                    <a:pt x="13716" y="0"/>
                  </a:lnTo>
                  <a:lnTo>
                    <a:pt x="13716" y="4572"/>
                  </a:lnTo>
                  <a:lnTo>
                    <a:pt x="16764" y="4572"/>
                  </a:lnTo>
                  <a:lnTo>
                    <a:pt x="16764" y="0"/>
                  </a:lnTo>
                  <a:close/>
                </a:path>
                <a:path w="36829" h="5079">
                  <a:moveTo>
                    <a:pt x="22860" y="0"/>
                  </a:moveTo>
                  <a:lnTo>
                    <a:pt x="19812" y="0"/>
                  </a:lnTo>
                  <a:lnTo>
                    <a:pt x="19812" y="4572"/>
                  </a:lnTo>
                  <a:lnTo>
                    <a:pt x="22860" y="4572"/>
                  </a:lnTo>
                  <a:lnTo>
                    <a:pt x="22860" y="0"/>
                  </a:lnTo>
                  <a:close/>
                </a:path>
                <a:path w="36829" h="5079">
                  <a:moveTo>
                    <a:pt x="30480" y="0"/>
                  </a:moveTo>
                  <a:lnTo>
                    <a:pt x="25908" y="0"/>
                  </a:lnTo>
                  <a:lnTo>
                    <a:pt x="25908" y="4572"/>
                  </a:lnTo>
                  <a:lnTo>
                    <a:pt x="30480" y="4572"/>
                  </a:lnTo>
                  <a:lnTo>
                    <a:pt x="30480" y="0"/>
                  </a:lnTo>
                  <a:close/>
                </a:path>
                <a:path w="36829" h="5079">
                  <a:moveTo>
                    <a:pt x="36576" y="0"/>
                  </a:moveTo>
                  <a:lnTo>
                    <a:pt x="33528" y="0"/>
                  </a:lnTo>
                  <a:lnTo>
                    <a:pt x="33528" y="4572"/>
                  </a:lnTo>
                  <a:lnTo>
                    <a:pt x="36576" y="4572"/>
                  </a:lnTo>
                  <a:lnTo>
                    <a:pt x="36576" y="0"/>
                  </a:lnTo>
                  <a:close/>
                </a:path>
              </a:pathLst>
            </a:custGeom>
            <a:solidFill>
              <a:srgbClr val="D8D8D8"/>
            </a:solidFill>
          </p:spPr>
          <p:txBody>
            <a:bodyPr wrap="square" lIns="0" tIns="0" rIns="0" bIns="0" rtlCol="0"/>
            <a:lstStyle/>
            <a:p>
              <a:endParaRPr sz="1539"/>
            </a:p>
          </p:txBody>
        </p:sp>
        <p:sp>
          <p:nvSpPr>
            <p:cNvPr id="42" name="object 42"/>
            <p:cNvSpPr/>
            <p:nvPr/>
          </p:nvSpPr>
          <p:spPr>
            <a:xfrm>
              <a:off x="8606028" y="5639562"/>
              <a:ext cx="254635" cy="0"/>
            </a:xfrm>
            <a:custGeom>
              <a:avLst/>
              <a:gdLst/>
              <a:ahLst/>
              <a:cxnLst/>
              <a:rect l="l" t="t" r="r" b="b"/>
              <a:pathLst>
                <a:path w="254634">
                  <a:moveTo>
                    <a:pt x="0" y="0"/>
                  </a:moveTo>
                  <a:lnTo>
                    <a:pt x="254507" y="0"/>
                  </a:lnTo>
                </a:path>
              </a:pathLst>
            </a:custGeom>
            <a:ln w="4571">
              <a:solidFill>
                <a:srgbClr val="D8D8D8"/>
              </a:solidFill>
              <a:prstDash val="sysDot"/>
            </a:ln>
          </p:spPr>
          <p:txBody>
            <a:bodyPr wrap="square" lIns="0" tIns="0" rIns="0" bIns="0" rtlCol="0"/>
            <a:lstStyle/>
            <a:p>
              <a:endParaRPr sz="1539"/>
            </a:p>
          </p:txBody>
        </p:sp>
        <p:sp>
          <p:nvSpPr>
            <p:cNvPr id="43" name="object 43"/>
            <p:cNvSpPr/>
            <p:nvPr/>
          </p:nvSpPr>
          <p:spPr>
            <a:xfrm>
              <a:off x="9035796" y="5637275"/>
              <a:ext cx="654050" cy="5080"/>
            </a:xfrm>
            <a:custGeom>
              <a:avLst/>
              <a:gdLst/>
              <a:ahLst/>
              <a:cxnLst/>
              <a:rect l="l" t="t" r="r" b="b"/>
              <a:pathLst>
                <a:path w="654050" h="5079">
                  <a:moveTo>
                    <a:pt x="3048" y="0"/>
                  </a:moveTo>
                  <a:lnTo>
                    <a:pt x="0" y="0"/>
                  </a:lnTo>
                  <a:lnTo>
                    <a:pt x="0" y="4572"/>
                  </a:lnTo>
                  <a:lnTo>
                    <a:pt x="3048" y="4572"/>
                  </a:lnTo>
                  <a:lnTo>
                    <a:pt x="3048" y="0"/>
                  </a:lnTo>
                  <a:close/>
                </a:path>
                <a:path w="654050" h="5079">
                  <a:moveTo>
                    <a:pt x="9144" y="0"/>
                  </a:moveTo>
                  <a:lnTo>
                    <a:pt x="6096" y="0"/>
                  </a:lnTo>
                  <a:lnTo>
                    <a:pt x="6096" y="4572"/>
                  </a:lnTo>
                  <a:lnTo>
                    <a:pt x="9144" y="4572"/>
                  </a:lnTo>
                  <a:lnTo>
                    <a:pt x="9144" y="0"/>
                  </a:lnTo>
                  <a:close/>
                </a:path>
                <a:path w="654050" h="5079">
                  <a:moveTo>
                    <a:pt x="16764" y="0"/>
                  </a:moveTo>
                  <a:lnTo>
                    <a:pt x="13716" y="0"/>
                  </a:lnTo>
                  <a:lnTo>
                    <a:pt x="13716" y="4572"/>
                  </a:lnTo>
                  <a:lnTo>
                    <a:pt x="16764" y="4572"/>
                  </a:lnTo>
                  <a:lnTo>
                    <a:pt x="16764" y="0"/>
                  </a:lnTo>
                  <a:close/>
                </a:path>
                <a:path w="654050" h="5079">
                  <a:moveTo>
                    <a:pt x="22860" y="0"/>
                  </a:moveTo>
                  <a:lnTo>
                    <a:pt x="19812" y="0"/>
                  </a:lnTo>
                  <a:lnTo>
                    <a:pt x="19812" y="4572"/>
                  </a:lnTo>
                  <a:lnTo>
                    <a:pt x="22860" y="4572"/>
                  </a:lnTo>
                  <a:lnTo>
                    <a:pt x="22860" y="0"/>
                  </a:lnTo>
                  <a:close/>
                </a:path>
                <a:path w="654050" h="5079">
                  <a:moveTo>
                    <a:pt x="30480" y="0"/>
                  </a:moveTo>
                  <a:lnTo>
                    <a:pt x="27432" y="0"/>
                  </a:lnTo>
                  <a:lnTo>
                    <a:pt x="27432" y="4572"/>
                  </a:lnTo>
                  <a:lnTo>
                    <a:pt x="30480" y="4572"/>
                  </a:lnTo>
                  <a:lnTo>
                    <a:pt x="30480" y="0"/>
                  </a:lnTo>
                  <a:close/>
                </a:path>
                <a:path w="654050" h="5079">
                  <a:moveTo>
                    <a:pt x="36576" y="0"/>
                  </a:moveTo>
                  <a:lnTo>
                    <a:pt x="33528" y="0"/>
                  </a:lnTo>
                  <a:lnTo>
                    <a:pt x="33528" y="4572"/>
                  </a:lnTo>
                  <a:lnTo>
                    <a:pt x="36576" y="4572"/>
                  </a:lnTo>
                  <a:lnTo>
                    <a:pt x="36576" y="0"/>
                  </a:lnTo>
                  <a:close/>
                </a:path>
                <a:path w="654050" h="5079">
                  <a:moveTo>
                    <a:pt x="44196" y="0"/>
                  </a:moveTo>
                  <a:lnTo>
                    <a:pt x="41148" y="0"/>
                  </a:lnTo>
                  <a:lnTo>
                    <a:pt x="41148" y="4572"/>
                  </a:lnTo>
                  <a:lnTo>
                    <a:pt x="44196" y="4572"/>
                  </a:lnTo>
                  <a:lnTo>
                    <a:pt x="44196" y="0"/>
                  </a:lnTo>
                  <a:close/>
                </a:path>
                <a:path w="654050" h="5079">
                  <a:moveTo>
                    <a:pt x="50292" y="0"/>
                  </a:moveTo>
                  <a:lnTo>
                    <a:pt x="47244" y="0"/>
                  </a:lnTo>
                  <a:lnTo>
                    <a:pt x="47244" y="4572"/>
                  </a:lnTo>
                  <a:lnTo>
                    <a:pt x="50292" y="4572"/>
                  </a:lnTo>
                  <a:lnTo>
                    <a:pt x="50292" y="0"/>
                  </a:lnTo>
                  <a:close/>
                </a:path>
                <a:path w="654050" h="5079">
                  <a:moveTo>
                    <a:pt x="57912" y="0"/>
                  </a:moveTo>
                  <a:lnTo>
                    <a:pt x="54864" y="0"/>
                  </a:lnTo>
                  <a:lnTo>
                    <a:pt x="54864" y="4572"/>
                  </a:lnTo>
                  <a:lnTo>
                    <a:pt x="57912" y="4572"/>
                  </a:lnTo>
                  <a:lnTo>
                    <a:pt x="57912" y="0"/>
                  </a:lnTo>
                  <a:close/>
                </a:path>
                <a:path w="654050" h="5079">
                  <a:moveTo>
                    <a:pt x="64008" y="0"/>
                  </a:moveTo>
                  <a:lnTo>
                    <a:pt x="60960" y="0"/>
                  </a:lnTo>
                  <a:lnTo>
                    <a:pt x="60960" y="4572"/>
                  </a:lnTo>
                  <a:lnTo>
                    <a:pt x="64008" y="4572"/>
                  </a:lnTo>
                  <a:lnTo>
                    <a:pt x="64008" y="0"/>
                  </a:lnTo>
                  <a:close/>
                </a:path>
                <a:path w="654050" h="5079">
                  <a:moveTo>
                    <a:pt x="71628" y="0"/>
                  </a:moveTo>
                  <a:lnTo>
                    <a:pt x="68580" y="0"/>
                  </a:lnTo>
                  <a:lnTo>
                    <a:pt x="68580" y="4572"/>
                  </a:lnTo>
                  <a:lnTo>
                    <a:pt x="71628" y="4572"/>
                  </a:lnTo>
                  <a:lnTo>
                    <a:pt x="71628" y="0"/>
                  </a:lnTo>
                  <a:close/>
                </a:path>
                <a:path w="654050" h="5079">
                  <a:moveTo>
                    <a:pt x="77724" y="0"/>
                  </a:moveTo>
                  <a:lnTo>
                    <a:pt x="74676" y="0"/>
                  </a:lnTo>
                  <a:lnTo>
                    <a:pt x="74676" y="4572"/>
                  </a:lnTo>
                  <a:lnTo>
                    <a:pt x="77724" y="4572"/>
                  </a:lnTo>
                  <a:lnTo>
                    <a:pt x="77724" y="0"/>
                  </a:lnTo>
                  <a:close/>
                </a:path>
                <a:path w="654050" h="5079">
                  <a:moveTo>
                    <a:pt x="85344" y="0"/>
                  </a:moveTo>
                  <a:lnTo>
                    <a:pt x="82296" y="0"/>
                  </a:lnTo>
                  <a:lnTo>
                    <a:pt x="82296" y="4572"/>
                  </a:lnTo>
                  <a:lnTo>
                    <a:pt x="85344" y="4572"/>
                  </a:lnTo>
                  <a:lnTo>
                    <a:pt x="85344" y="0"/>
                  </a:lnTo>
                  <a:close/>
                </a:path>
                <a:path w="654050" h="5079">
                  <a:moveTo>
                    <a:pt x="91440" y="0"/>
                  </a:moveTo>
                  <a:lnTo>
                    <a:pt x="88392" y="0"/>
                  </a:lnTo>
                  <a:lnTo>
                    <a:pt x="88392" y="4572"/>
                  </a:lnTo>
                  <a:lnTo>
                    <a:pt x="91440" y="4572"/>
                  </a:lnTo>
                  <a:lnTo>
                    <a:pt x="91440" y="0"/>
                  </a:lnTo>
                  <a:close/>
                </a:path>
                <a:path w="654050" h="5079">
                  <a:moveTo>
                    <a:pt x="99060" y="0"/>
                  </a:moveTo>
                  <a:lnTo>
                    <a:pt x="96012" y="0"/>
                  </a:lnTo>
                  <a:lnTo>
                    <a:pt x="96012" y="4572"/>
                  </a:lnTo>
                  <a:lnTo>
                    <a:pt x="99060" y="4572"/>
                  </a:lnTo>
                  <a:lnTo>
                    <a:pt x="99060" y="0"/>
                  </a:lnTo>
                  <a:close/>
                </a:path>
                <a:path w="654050" h="5079">
                  <a:moveTo>
                    <a:pt x="105156" y="0"/>
                  </a:moveTo>
                  <a:lnTo>
                    <a:pt x="102108" y="0"/>
                  </a:lnTo>
                  <a:lnTo>
                    <a:pt x="102108" y="4572"/>
                  </a:lnTo>
                  <a:lnTo>
                    <a:pt x="105156" y="4572"/>
                  </a:lnTo>
                  <a:lnTo>
                    <a:pt x="105156" y="0"/>
                  </a:lnTo>
                  <a:close/>
                </a:path>
                <a:path w="654050" h="5079">
                  <a:moveTo>
                    <a:pt x="112776" y="0"/>
                  </a:moveTo>
                  <a:lnTo>
                    <a:pt x="109728" y="0"/>
                  </a:lnTo>
                  <a:lnTo>
                    <a:pt x="109728" y="4572"/>
                  </a:lnTo>
                  <a:lnTo>
                    <a:pt x="112776" y="4572"/>
                  </a:lnTo>
                  <a:lnTo>
                    <a:pt x="112776" y="0"/>
                  </a:lnTo>
                  <a:close/>
                </a:path>
                <a:path w="654050" h="5079">
                  <a:moveTo>
                    <a:pt x="118872" y="0"/>
                  </a:moveTo>
                  <a:lnTo>
                    <a:pt x="115824" y="0"/>
                  </a:lnTo>
                  <a:lnTo>
                    <a:pt x="115824" y="4572"/>
                  </a:lnTo>
                  <a:lnTo>
                    <a:pt x="118872" y="4572"/>
                  </a:lnTo>
                  <a:lnTo>
                    <a:pt x="118872" y="0"/>
                  </a:lnTo>
                  <a:close/>
                </a:path>
                <a:path w="654050" h="5079">
                  <a:moveTo>
                    <a:pt x="126492" y="0"/>
                  </a:moveTo>
                  <a:lnTo>
                    <a:pt x="123444" y="0"/>
                  </a:lnTo>
                  <a:lnTo>
                    <a:pt x="123444" y="4572"/>
                  </a:lnTo>
                  <a:lnTo>
                    <a:pt x="126492" y="4572"/>
                  </a:lnTo>
                  <a:lnTo>
                    <a:pt x="126492" y="0"/>
                  </a:lnTo>
                  <a:close/>
                </a:path>
                <a:path w="654050" h="5079">
                  <a:moveTo>
                    <a:pt x="132588" y="0"/>
                  </a:moveTo>
                  <a:lnTo>
                    <a:pt x="129540" y="0"/>
                  </a:lnTo>
                  <a:lnTo>
                    <a:pt x="129540" y="4572"/>
                  </a:lnTo>
                  <a:lnTo>
                    <a:pt x="132588" y="4572"/>
                  </a:lnTo>
                  <a:lnTo>
                    <a:pt x="132588" y="0"/>
                  </a:lnTo>
                  <a:close/>
                </a:path>
                <a:path w="654050" h="5079">
                  <a:moveTo>
                    <a:pt x="140208" y="0"/>
                  </a:moveTo>
                  <a:lnTo>
                    <a:pt x="137160" y="0"/>
                  </a:lnTo>
                  <a:lnTo>
                    <a:pt x="137160" y="4572"/>
                  </a:lnTo>
                  <a:lnTo>
                    <a:pt x="140208" y="4572"/>
                  </a:lnTo>
                  <a:lnTo>
                    <a:pt x="140208" y="0"/>
                  </a:lnTo>
                  <a:close/>
                </a:path>
                <a:path w="654050" h="5079">
                  <a:moveTo>
                    <a:pt x="146304" y="0"/>
                  </a:moveTo>
                  <a:lnTo>
                    <a:pt x="143256" y="0"/>
                  </a:lnTo>
                  <a:lnTo>
                    <a:pt x="143256" y="4572"/>
                  </a:lnTo>
                  <a:lnTo>
                    <a:pt x="146304" y="4572"/>
                  </a:lnTo>
                  <a:lnTo>
                    <a:pt x="146304" y="0"/>
                  </a:lnTo>
                  <a:close/>
                </a:path>
                <a:path w="654050" h="5079">
                  <a:moveTo>
                    <a:pt x="153924" y="0"/>
                  </a:moveTo>
                  <a:lnTo>
                    <a:pt x="150876" y="0"/>
                  </a:lnTo>
                  <a:lnTo>
                    <a:pt x="150876" y="4572"/>
                  </a:lnTo>
                  <a:lnTo>
                    <a:pt x="153924" y="4572"/>
                  </a:lnTo>
                  <a:lnTo>
                    <a:pt x="153924" y="0"/>
                  </a:lnTo>
                  <a:close/>
                </a:path>
                <a:path w="654050" h="5079">
                  <a:moveTo>
                    <a:pt x="160020" y="0"/>
                  </a:moveTo>
                  <a:lnTo>
                    <a:pt x="156972" y="0"/>
                  </a:lnTo>
                  <a:lnTo>
                    <a:pt x="156972" y="4572"/>
                  </a:lnTo>
                  <a:lnTo>
                    <a:pt x="160020" y="4572"/>
                  </a:lnTo>
                  <a:lnTo>
                    <a:pt x="160020" y="0"/>
                  </a:lnTo>
                  <a:close/>
                </a:path>
                <a:path w="654050" h="5079">
                  <a:moveTo>
                    <a:pt x="167640" y="0"/>
                  </a:moveTo>
                  <a:lnTo>
                    <a:pt x="164592" y="0"/>
                  </a:lnTo>
                  <a:lnTo>
                    <a:pt x="164592" y="4572"/>
                  </a:lnTo>
                  <a:lnTo>
                    <a:pt x="167640" y="4572"/>
                  </a:lnTo>
                  <a:lnTo>
                    <a:pt x="167640" y="0"/>
                  </a:lnTo>
                  <a:close/>
                </a:path>
                <a:path w="654050" h="5079">
                  <a:moveTo>
                    <a:pt x="173736" y="0"/>
                  </a:moveTo>
                  <a:lnTo>
                    <a:pt x="170688" y="0"/>
                  </a:lnTo>
                  <a:lnTo>
                    <a:pt x="170688" y="4572"/>
                  </a:lnTo>
                  <a:lnTo>
                    <a:pt x="173736" y="4572"/>
                  </a:lnTo>
                  <a:lnTo>
                    <a:pt x="173736" y="0"/>
                  </a:lnTo>
                  <a:close/>
                </a:path>
                <a:path w="654050" h="5079">
                  <a:moveTo>
                    <a:pt x="181356" y="0"/>
                  </a:moveTo>
                  <a:lnTo>
                    <a:pt x="178308" y="0"/>
                  </a:lnTo>
                  <a:lnTo>
                    <a:pt x="178308" y="4572"/>
                  </a:lnTo>
                  <a:lnTo>
                    <a:pt x="181356" y="4572"/>
                  </a:lnTo>
                  <a:lnTo>
                    <a:pt x="181356" y="0"/>
                  </a:lnTo>
                  <a:close/>
                </a:path>
                <a:path w="654050" h="5079">
                  <a:moveTo>
                    <a:pt x="187452" y="0"/>
                  </a:moveTo>
                  <a:lnTo>
                    <a:pt x="184404" y="0"/>
                  </a:lnTo>
                  <a:lnTo>
                    <a:pt x="184404" y="4572"/>
                  </a:lnTo>
                  <a:lnTo>
                    <a:pt x="187452" y="4572"/>
                  </a:lnTo>
                  <a:lnTo>
                    <a:pt x="187452" y="0"/>
                  </a:lnTo>
                  <a:close/>
                </a:path>
                <a:path w="654050" h="5079">
                  <a:moveTo>
                    <a:pt x="195072" y="0"/>
                  </a:moveTo>
                  <a:lnTo>
                    <a:pt x="192024" y="0"/>
                  </a:lnTo>
                  <a:lnTo>
                    <a:pt x="192024" y="4572"/>
                  </a:lnTo>
                  <a:lnTo>
                    <a:pt x="195072" y="4572"/>
                  </a:lnTo>
                  <a:lnTo>
                    <a:pt x="195072" y="0"/>
                  </a:lnTo>
                  <a:close/>
                </a:path>
                <a:path w="654050" h="5079">
                  <a:moveTo>
                    <a:pt x="201168" y="0"/>
                  </a:moveTo>
                  <a:lnTo>
                    <a:pt x="198120" y="0"/>
                  </a:lnTo>
                  <a:lnTo>
                    <a:pt x="198120" y="4572"/>
                  </a:lnTo>
                  <a:lnTo>
                    <a:pt x="201168" y="4572"/>
                  </a:lnTo>
                  <a:lnTo>
                    <a:pt x="201168" y="0"/>
                  </a:lnTo>
                  <a:close/>
                </a:path>
                <a:path w="654050" h="5079">
                  <a:moveTo>
                    <a:pt x="208788" y="0"/>
                  </a:moveTo>
                  <a:lnTo>
                    <a:pt x="205740" y="0"/>
                  </a:lnTo>
                  <a:lnTo>
                    <a:pt x="205740" y="4572"/>
                  </a:lnTo>
                  <a:lnTo>
                    <a:pt x="208788" y="4572"/>
                  </a:lnTo>
                  <a:lnTo>
                    <a:pt x="208788" y="0"/>
                  </a:lnTo>
                  <a:close/>
                </a:path>
                <a:path w="654050" h="5079">
                  <a:moveTo>
                    <a:pt x="214884" y="0"/>
                  </a:moveTo>
                  <a:lnTo>
                    <a:pt x="211836" y="0"/>
                  </a:lnTo>
                  <a:lnTo>
                    <a:pt x="211836" y="4572"/>
                  </a:lnTo>
                  <a:lnTo>
                    <a:pt x="214884" y="4572"/>
                  </a:lnTo>
                  <a:lnTo>
                    <a:pt x="214884" y="0"/>
                  </a:lnTo>
                  <a:close/>
                </a:path>
                <a:path w="654050" h="5079">
                  <a:moveTo>
                    <a:pt x="222504" y="0"/>
                  </a:moveTo>
                  <a:lnTo>
                    <a:pt x="219456" y="0"/>
                  </a:lnTo>
                  <a:lnTo>
                    <a:pt x="219456" y="4572"/>
                  </a:lnTo>
                  <a:lnTo>
                    <a:pt x="222504" y="4572"/>
                  </a:lnTo>
                  <a:lnTo>
                    <a:pt x="222504" y="0"/>
                  </a:lnTo>
                  <a:close/>
                </a:path>
                <a:path w="654050" h="5079">
                  <a:moveTo>
                    <a:pt x="228600" y="0"/>
                  </a:moveTo>
                  <a:lnTo>
                    <a:pt x="225552" y="0"/>
                  </a:lnTo>
                  <a:lnTo>
                    <a:pt x="225552" y="4572"/>
                  </a:lnTo>
                  <a:lnTo>
                    <a:pt x="228600" y="4572"/>
                  </a:lnTo>
                  <a:lnTo>
                    <a:pt x="228600" y="0"/>
                  </a:lnTo>
                  <a:close/>
                </a:path>
                <a:path w="654050" h="5079">
                  <a:moveTo>
                    <a:pt x="236220" y="0"/>
                  </a:moveTo>
                  <a:lnTo>
                    <a:pt x="233172" y="0"/>
                  </a:lnTo>
                  <a:lnTo>
                    <a:pt x="233172" y="4572"/>
                  </a:lnTo>
                  <a:lnTo>
                    <a:pt x="236220" y="4572"/>
                  </a:lnTo>
                  <a:lnTo>
                    <a:pt x="236220" y="0"/>
                  </a:lnTo>
                  <a:close/>
                </a:path>
                <a:path w="654050" h="5079">
                  <a:moveTo>
                    <a:pt x="242316" y="0"/>
                  </a:moveTo>
                  <a:lnTo>
                    <a:pt x="239268" y="0"/>
                  </a:lnTo>
                  <a:lnTo>
                    <a:pt x="239268" y="4572"/>
                  </a:lnTo>
                  <a:lnTo>
                    <a:pt x="242316" y="4572"/>
                  </a:lnTo>
                  <a:lnTo>
                    <a:pt x="242316" y="0"/>
                  </a:lnTo>
                  <a:close/>
                </a:path>
                <a:path w="654050" h="5079">
                  <a:moveTo>
                    <a:pt x="249936" y="0"/>
                  </a:moveTo>
                  <a:lnTo>
                    <a:pt x="246888" y="0"/>
                  </a:lnTo>
                  <a:lnTo>
                    <a:pt x="246888" y="4572"/>
                  </a:lnTo>
                  <a:lnTo>
                    <a:pt x="249936" y="4572"/>
                  </a:lnTo>
                  <a:lnTo>
                    <a:pt x="249936" y="0"/>
                  </a:lnTo>
                  <a:close/>
                </a:path>
                <a:path w="654050" h="5079">
                  <a:moveTo>
                    <a:pt x="428244" y="0"/>
                  </a:moveTo>
                  <a:lnTo>
                    <a:pt x="425196" y="0"/>
                  </a:lnTo>
                  <a:lnTo>
                    <a:pt x="425196" y="4572"/>
                  </a:lnTo>
                  <a:lnTo>
                    <a:pt x="428244" y="4572"/>
                  </a:lnTo>
                  <a:lnTo>
                    <a:pt x="428244" y="0"/>
                  </a:lnTo>
                  <a:close/>
                </a:path>
                <a:path w="654050" h="5079">
                  <a:moveTo>
                    <a:pt x="434340" y="0"/>
                  </a:moveTo>
                  <a:lnTo>
                    <a:pt x="431292" y="0"/>
                  </a:lnTo>
                  <a:lnTo>
                    <a:pt x="431292" y="4572"/>
                  </a:lnTo>
                  <a:lnTo>
                    <a:pt x="434340" y="4572"/>
                  </a:lnTo>
                  <a:lnTo>
                    <a:pt x="434340" y="0"/>
                  </a:lnTo>
                  <a:close/>
                </a:path>
                <a:path w="654050" h="5079">
                  <a:moveTo>
                    <a:pt x="441960" y="0"/>
                  </a:moveTo>
                  <a:lnTo>
                    <a:pt x="438912" y="0"/>
                  </a:lnTo>
                  <a:lnTo>
                    <a:pt x="438912" y="4572"/>
                  </a:lnTo>
                  <a:lnTo>
                    <a:pt x="441960" y="4572"/>
                  </a:lnTo>
                  <a:lnTo>
                    <a:pt x="441960" y="0"/>
                  </a:lnTo>
                  <a:close/>
                </a:path>
                <a:path w="654050" h="5079">
                  <a:moveTo>
                    <a:pt x="448056" y="0"/>
                  </a:moveTo>
                  <a:lnTo>
                    <a:pt x="445008" y="0"/>
                  </a:lnTo>
                  <a:lnTo>
                    <a:pt x="445008" y="4572"/>
                  </a:lnTo>
                  <a:lnTo>
                    <a:pt x="448056" y="4572"/>
                  </a:lnTo>
                  <a:lnTo>
                    <a:pt x="448056" y="0"/>
                  </a:lnTo>
                  <a:close/>
                </a:path>
                <a:path w="654050" h="5079">
                  <a:moveTo>
                    <a:pt x="455676" y="0"/>
                  </a:moveTo>
                  <a:lnTo>
                    <a:pt x="452628" y="0"/>
                  </a:lnTo>
                  <a:lnTo>
                    <a:pt x="452628" y="4572"/>
                  </a:lnTo>
                  <a:lnTo>
                    <a:pt x="455676" y="4572"/>
                  </a:lnTo>
                  <a:lnTo>
                    <a:pt x="455676" y="0"/>
                  </a:lnTo>
                  <a:close/>
                </a:path>
                <a:path w="654050" h="5079">
                  <a:moveTo>
                    <a:pt x="461772" y="0"/>
                  </a:moveTo>
                  <a:lnTo>
                    <a:pt x="458724" y="0"/>
                  </a:lnTo>
                  <a:lnTo>
                    <a:pt x="458724" y="4572"/>
                  </a:lnTo>
                  <a:lnTo>
                    <a:pt x="461772" y="4572"/>
                  </a:lnTo>
                  <a:lnTo>
                    <a:pt x="461772" y="0"/>
                  </a:lnTo>
                  <a:close/>
                </a:path>
                <a:path w="654050" h="5079">
                  <a:moveTo>
                    <a:pt x="469392" y="0"/>
                  </a:moveTo>
                  <a:lnTo>
                    <a:pt x="466344" y="0"/>
                  </a:lnTo>
                  <a:lnTo>
                    <a:pt x="466344" y="4572"/>
                  </a:lnTo>
                  <a:lnTo>
                    <a:pt x="469392" y="4572"/>
                  </a:lnTo>
                  <a:lnTo>
                    <a:pt x="469392" y="0"/>
                  </a:lnTo>
                  <a:close/>
                </a:path>
                <a:path w="654050" h="5079">
                  <a:moveTo>
                    <a:pt x="475488" y="0"/>
                  </a:moveTo>
                  <a:lnTo>
                    <a:pt x="472440" y="0"/>
                  </a:lnTo>
                  <a:lnTo>
                    <a:pt x="472440" y="4572"/>
                  </a:lnTo>
                  <a:lnTo>
                    <a:pt x="475488" y="4572"/>
                  </a:lnTo>
                  <a:lnTo>
                    <a:pt x="475488" y="0"/>
                  </a:lnTo>
                  <a:close/>
                </a:path>
                <a:path w="654050" h="5079">
                  <a:moveTo>
                    <a:pt x="483108" y="0"/>
                  </a:moveTo>
                  <a:lnTo>
                    <a:pt x="480060" y="0"/>
                  </a:lnTo>
                  <a:lnTo>
                    <a:pt x="480060" y="4572"/>
                  </a:lnTo>
                  <a:lnTo>
                    <a:pt x="483108" y="4572"/>
                  </a:lnTo>
                  <a:lnTo>
                    <a:pt x="483108" y="0"/>
                  </a:lnTo>
                  <a:close/>
                </a:path>
                <a:path w="654050" h="5079">
                  <a:moveTo>
                    <a:pt x="489204" y="0"/>
                  </a:moveTo>
                  <a:lnTo>
                    <a:pt x="486156" y="0"/>
                  </a:lnTo>
                  <a:lnTo>
                    <a:pt x="486156" y="4572"/>
                  </a:lnTo>
                  <a:lnTo>
                    <a:pt x="489204" y="4572"/>
                  </a:lnTo>
                  <a:lnTo>
                    <a:pt x="489204" y="0"/>
                  </a:lnTo>
                  <a:close/>
                </a:path>
                <a:path w="654050" h="5079">
                  <a:moveTo>
                    <a:pt x="496824" y="0"/>
                  </a:moveTo>
                  <a:lnTo>
                    <a:pt x="493776" y="0"/>
                  </a:lnTo>
                  <a:lnTo>
                    <a:pt x="493776" y="4572"/>
                  </a:lnTo>
                  <a:lnTo>
                    <a:pt x="496824" y="4572"/>
                  </a:lnTo>
                  <a:lnTo>
                    <a:pt x="496824" y="0"/>
                  </a:lnTo>
                  <a:close/>
                </a:path>
                <a:path w="654050" h="5079">
                  <a:moveTo>
                    <a:pt x="502920" y="0"/>
                  </a:moveTo>
                  <a:lnTo>
                    <a:pt x="499872" y="0"/>
                  </a:lnTo>
                  <a:lnTo>
                    <a:pt x="499872" y="4572"/>
                  </a:lnTo>
                  <a:lnTo>
                    <a:pt x="502920" y="4572"/>
                  </a:lnTo>
                  <a:lnTo>
                    <a:pt x="502920" y="0"/>
                  </a:lnTo>
                  <a:close/>
                </a:path>
                <a:path w="654050" h="5079">
                  <a:moveTo>
                    <a:pt x="510540" y="0"/>
                  </a:moveTo>
                  <a:lnTo>
                    <a:pt x="507492" y="0"/>
                  </a:lnTo>
                  <a:lnTo>
                    <a:pt x="507492" y="4572"/>
                  </a:lnTo>
                  <a:lnTo>
                    <a:pt x="510540" y="4572"/>
                  </a:lnTo>
                  <a:lnTo>
                    <a:pt x="510540" y="0"/>
                  </a:lnTo>
                  <a:close/>
                </a:path>
                <a:path w="654050" h="5079">
                  <a:moveTo>
                    <a:pt x="516636" y="0"/>
                  </a:moveTo>
                  <a:lnTo>
                    <a:pt x="513588" y="0"/>
                  </a:lnTo>
                  <a:lnTo>
                    <a:pt x="513588" y="4572"/>
                  </a:lnTo>
                  <a:lnTo>
                    <a:pt x="516636" y="4572"/>
                  </a:lnTo>
                  <a:lnTo>
                    <a:pt x="516636" y="0"/>
                  </a:lnTo>
                  <a:close/>
                </a:path>
                <a:path w="654050" h="5079">
                  <a:moveTo>
                    <a:pt x="524256" y="0"/>
                  </a:moveTo>
                  <a:lnTo>
                    <a:pt x="521208" y="0"/>
                  </a:lnTo>
                  <a:lnTo>
                    <a:pt x="521208" y="4572"/>
                  </a:lnTo>
                  <a:lnTo>
                    <a:pt x="524256" y="4572"/>
                  </a:lnTo>
                  <a:lnTo>
                    <a:pt x="524256" y="0"/>
                  </a:lnTo>
                  <a:close/>
                </a:path>
                <a:path w="654050" h="5079">
                  <a:moveTo>
                    <a:pt x="530352" y="0"/>
                  </a:moveTo>
                  <a:lnTo>
                    <a:pt x="527304" y="0"/>
                  </a:lnTo>
                  <a:lnTo>
                    <a:pt x="527304" y="4572"/>
                  </a:lnTo>
                  <a:lnTo>
                    <a:pt x="530352" y="4572"/>
                  </a:lnTo>
                  <a:lnTo>
                    <a:pt x="530352" y="0"/>
                  </a:lnTo>
                  <a:close/>
                </a:path>
                <a:path w="654050" h="5079">
                  <a:moveTo>
                    <a:pt x="537972" y="0"/>
                  </a:moveTo>
                  <a:lnTo>
                    <a:pt x="534924" y="0"/>
                  </a:lnTo>
                  <a:lnTo>
                    <a:pt x="534924" y="4572"/>
                  </a:lnTo>
                  <a:lnTo>
                    <a:pt x="537972" y="4572"/>
                  </a:lnTo>
                  <a:lnTo>
                    <a:pt x="537972" y="0"/>
                  </a:lnTo>
                  <a:close/>
                </a:path>
                <a:path w="654050" h="5079">
                  <a:moveTo>
                    <a:pt x="544068" y="0"/>
                  </a:moveTo>
                  <a:lnTo>
                    <a:pt x="541020" y="0"/>
                  </a:lnTo>
                  <a:lnTo>
                    <a:pt x="541020" y="4572"/>
                  </a:lnTo>
                  <a:lnTo>
                    <a:pt x="544068" y="4572"/>
                  </a:lnTo>
                  <a:lnTo>
                    <a:pt x="544068" y="0"/>
                  </a:lnTo>
                  <a:close/>
                </a:path>
                <a:path w="654050" h="5079">
                  <a:moveTo>
                    <a:pt x="551688" y="0"/>
                  </a:moveTo>
                  <a:lnTo>
                    <a:pt x="548640" y="0"/>
                  </a:lnTo>
                  <a:lnTo>
                    <a:pt x="548640" y="4572"/>
                  </a:lnTo>
                  <a:lnTo>
                    <a:pt x="551688" y="4572"/>
                  </a:lnTo>
                  <a:lnTo>
                    <a:pt x="551688" y="0"/>
                  </a:lnTo>
                  <a:close/>
                </a:path>
                <a:path w="654050" h="5079">
                  <a:moveTo>
                    <a:pt x="557784" y="0"/>
                  </a:moveTo>
                  <a:lnTo>
                    <a:pt x="554736" y="0"/>
                  </a:lnTo>
                  <a:lnTo>
                    <a:pt x="554736" y="4572"/>
                  </a:lnTo>
                  <a:lnTo>
                    <a:pt x="557784" y="4572"/>
                  </a:lnTo>
                  <a:lnTo>
                    <a:pt x="557784" y="0"/>
                  </a:lnTo>
                  <a:close/>
                </a:path>
                <a:path w="654050" h="5079">
                  <a:moveTo>
                    <a:pt x="565404" y="0"/>
                  </a:moveTo>
                  <a:lnTo>
                    <a:pt x="562356" y="0"/>
                  </a:lnTo>
                  <a:lnTo>
                    <a:pt x="562356" y="4572"/>
                  </a:lnTo>
                  <a:lnTo>
                    <a:pt x="565404" y="4572"/>
                  </a:lnTo>
                  <a:lnTo>
                    <a:pt x="565404" y="0"/>
                  </a:lnTo>
                  <a:close/>
                </a:path>
                <a:path w="654050" h="5079">
                  <a:moveTo>
                    <a:pt x="571500" y="0"/>
                  </a:moveTo>
                  <a:lnTo>
                    <a:pt x="568452" y="0"/>
                  </a:lnTo>
                  <a:lnTo>
                    <a:pt x="568452" y="4572"/>
                  </a:lnTo>
                  <a:lnTo>
                    <a:pt x="571500" y="4572"/>
                  </a:lnTo>
                  <a:lnTo>
                    <a:pt x="571500" y="0"/>
                  </a:lnTo>
                  <a:close/>
                </a:path>
                <a:path w="654050" h="5079">
                  <a:moveTo>
                    <a:pt x="579120" y="0"/>
                  </a:moveTo>
                  <a:lnTo>
                    <a:pt x="576072" y="0"/>
                  </a:lnTo>
                  <a:lnTo>
                    <a:pt x="576072" y="4572"/>
                  </a:lnTo>
                  <a:lnTo>
                    <a:pt x="579120" y="4572"/>
                  </a:lnTo>
                  <a:lnTo>
                    <a:pt x="579120" y="0"/>
                  </a:lnTo>
                  <a:close/>
                </a:path>
                <a:path w="654050" h="5079">
                  <a:moveTo>
                    <a:pt x="585216" y="0"/>
                  </a:moveTo>
                  <a:lnTo>
                    <a:pt x="582168" y="0"/>
                  </a:lnTo>
                  <a:lnTo>
                    <a:pt x="582168" y="4572"/>
                  </a:lnTo>
                  <a:lnTo>
                    <a:pt x="585216" y="4572"/>
                  </a:lnTo>
                  <a:lnTo>
                    <a:pt x="585216" y="0"/>
                  </a:lnTo>
                  <a:close/>
                </a:path>
                <a:path w="654050" h="5079">
                  <a:moveTo>
                    <a:pt x="592836" y="0"/>
                  </a:moveTo>
                  <a:lnTo>
                    <a:pt x="589788" y="0"/>
                  </a:lnTo>
                  <a:lnTo>
                    <a:pt x="589788" y="4572"/>
                  </a:lnTo>
                  <a:lnTo>
                    <a:pt x="592836" y="4572"/>
                  </a:lnTo>
                  <a:lnTo>
                    <a:pt x="592836" y="0"/>
                  </a:lnTo>
                  <a:close/>
                </a:path>
                <a:path w="654050" h="5079">
                  <a:moveTo>
                    <a:pt x="598932" y="0"/>
                  </a:moveTo>
                  <a:lnTo>
                    <a:pt x="595884" y="0"/>
                  </a:lnTo>
                  <a:lnTo>
                    <a:pt x="595884" y="4572"/>
                  </a:lnTo>
                  <a:lnTo>
                    <a:pt x="598932" y="4572"/>
                  </a:lnTo>
                  <a:lnTo>
                    <a:pt x="598932" y="0"/>
                  </a:lnTo>
                  <a:close/>
                </a:path>
                <a:path w="654050" h="5079">
                  <a:moveTo>
                    <a:pt x="606552" y="0"/>
                  </a:moveTo>
                  <a:lnTo>
                    <a:pt x="601980" y="0"/>
                  </a:lnTo>
                  <a:lnTo>
                    <a:pt x="601980" y="4572"/>
                  </a:lnTo>
                  <a:lnTo>
                    <a:pt x="606552" y="4572"/>
                  </a:lnTo>
                  <a:lnTo>
                    <a:pt x="606552" y="0"/>
                  </a:lnTo>
                  <a:close/>
                </a:path>
                <a:path w="654050" h="5079">
                  <a:moveTo>
                    <a:pt x="612648" y="0"/>
                  </a:moveTo>
                  <a:lnTo>
                    <a:pt x="609600" y="0"/>
                  </a:lnTo>
                  <a:lnTo>
                    <a:pt x="609600" y="4572"/>
                  </a:lnTo>
                  <a:lnTo>
                    <a:pt x="612648" y="4572"/>
                  </a:lnTo>
                  <a:lnTo>
                    <a:pt x="612648" y="0"/>
                  </a:lnTo>
                  <a:close/>
                </a:path>
                <a:path w="654050" h="5079">
                  <a:moveTo>
                    <a:pt x="620268" y="0"/>
                  </a:moveTo>
                  <a:lnTo>
                    <a:pt x="615696" y="0"/>
                  </a:lnTo>
                  <a:lnTo>
                    <a:pt x="615696" y="4572"/>
                  </a:lnTo>
                  <a:lnTo>
                    <a:pt x="620268" y="4572"/>
                  </a:lnTo>
                  <a:lnTo>
                    <a:pt x="620268" y="0"/>
                  </a:lnTo>
                  <a:close/>
                </a:path>
                <a:path w="654050" h="5079">
                  <a:moveTo>
                    <a:pt x="626364" y="0"/>
                  </a:moveTo>
                  <a:lnTo>
                    <a:pt x="623316" y="0"/>
                  </a:lnTo>
                  <a:lnTo>
                    <a:pt x="623316" y="4572"/>
                  </a:lnTo>
                  <a:lnTo>
                    <a:pt x="626364" y="4572"/>
                  </a:lnTo>
                  <a:lnTo>
                    <a:pt x="626364" y="0"/>
                  </a:lnTo>
                  <a:close/>
                </a:path>
                <a:path w="654050" h="5079">
                  <a:moveTo>
                    <a:pt x="633984" y="0"/>
                  </a:moveTo>
                  <a:lnTo>
                    <a:pt x="629412" y="0"/>
                  </a:lnTo>
                  <a:lnTo>
                    <a:pt x="629412" y="4572"/>
                  </a:lnTo>
                  <a:lnTo>
                    <a:pt x="633984" y="4572"/>
                  </a:lnTo>
                  <a:lnTo>
                    <a:pt x="633984" y="0"/>
                  </a:lnTo>
                  <a:close/>
                </a:path>
                <a:path w="654050" h="5079">
                  <a:moveTo>
                    <a:pt x="640080" y="0"/>
                  </a:moveTo>
                  <a:lnTo>
                    <a:pt x="637032" y="0"/>
                  </a:lnTo>
                  <a:lnTo>
                    <a:pt x="637032" y="4572"/>
                  </a:lnTo>
                  <a:lnTo>
                    <a:pt x="640080" y="4572"/>
                  </a:lnTo>
                  <a:lnTo>
                    <a:pt x="640080" y="0"/>
                  </a:lnTo>
                  <a:close/>
                </a:path>
                <a:path w="654050" h="5079">
                  <a:moveTo>
                    <a:pt x="647700" y="0"/>
                  </a:moveTo>
                  <a:lnTo>
                    <a:pt x="643128" y="0"/>
                  </a:lnTo>
                  <a:lnTo>
                    <a:pt x="643128" y="4572"/>
                  </a:lnTo>
                  <a:lnTo>
                    <a:pt x="647700" y="4572"/>
                  </a:lnTo>
                  <a:lnTo>
                    <a:pt x="647700" y="0"/>
                  </a:lnTo>
                  <a:close/>
                </a:path>
                <a:path w="654050" h="5079">
                  <a:moveTo>
                    <a:pt x="653796" y="0"/>
                  </a:moveTo>
                  <a:lnTo>
                    <a:pt x="650748" y="0"/>
                  </a:lnTo>
                  <a:lnTo>
                    <a:pt x="650748" y="4572"/>
                  </a:lnTo>
                  <a:lnTo>
                    <a:pt x="653796" y="4572"/>
                  </a:lnTo>
                  <a:lnTo>
                    <a:pt x="653796" y="0"/>
                  </a:lnTo>
                  <a:close/>
                </a:path>
              </a:pathLst>
            </a:custGeom>
            <a:solidFill>
              <a:srgbClr val="D8D8D8"/>
            </a:solidFill>
          </p:spPr>
          <p:txBody>
            <a:bodyPr wrap="square" lIns="0" tIns="0" rIns="0" bIns="0" rtlCol="0"/>
            <a:lstStyle/>
            <a:p>
              <a:endParaRPr sz="1539"/>
            </a:p>
          </p:txBody>
        </p:sp>
        <p:sp>
          <p:nvSpPr>
            <p:cNvPr id="44" name="object 44"/>
            <p:cNvSpPr/>
            <p:nvPr/>
          </p:nvSpPr>
          <p:spPr>
            <a:xfrm>
              <a:off x="9686544" y="5637275"/>
              <a:ext cx="24765" cy="5080"/>
            </a:xfrm>
            <a:custGeom>
              <a:avLst/>
              <a:gdLst/>
              <a:ahLst/>
              <a:cxnLst/>
              <a:rect l="l" t="t" r="r" b="b"/>
              <a:pathLst>
                <a:path w="24765" h="5079">
                  <a:moveTo>
                    <a:pt x="3048" y="0"/>
                  </a:moveTo>
                  <a:lnTo>
                    <a:pt x="0" y="0"/>
                  </a:lnTo>
                  <a:lnTo>
                    <a:pt x="0" y="4572"/>
                  </a:lnTo>
                  <a:lnTo>
                    <a:pt x="3048" y="4572"/>
                  </a:lnTo>
                  <a:lnTo>
                    <a:pt x="3048" y="0"/>
                  </a:lnTo>
                  <a:close/>
                </a:path>
                <a:path w="24765" h="5079">
                  <a:moveTo>
                    <a:pt x="10668" y="0"/>
                  </a:moveTo>
                  <a:lnTo>
                    <a:pt x="6096" y="0"/>
                  </a:lnTo>
                  <a:lnTo>
                    <a:pt x="6096" y="4572"/>
                  </a:lnTo>
                  <a:lnTo>
                    <a:pt x="10668" y="4572"/>
                  </a:lnTo>
                  <a:lnTo>
                    <a:pt x="10668" y="0"/>
                  </a:lnTo>
                  <a:close/>
                </a:path>
                <a:path w="24765" h="5079">
                  <a:moveTo>
                    <a:pt x="16764" y="0"/>
                  </a:moveTo>
                  <a:lnTo>
                    <a:pt x="13716" y="0"/>
                  </a:lnTo>
                  <a:lnTo>
                    <a:pt x="13716" y="4572"/>
                  </a:lnTo>
                  <a:lnTo>
                    <a:pt x="16764" y="4572"/>
                  </a:lnTo>
                  <a:lnTo>
                    <a:pt x="16764" y="0"/>
                  </a:lnTo>
                  <a:close/>
                </a:path>
                <a:path w="24765" h="5079">
                  <a:moveTo>
                    <a:pt x="24384" y="0"/>
                  </a:moveTo>
                  <a:lnTo>
                    <a:pt x="19812" y="0"/>
                  </a:lnTo>
                  <a:lnTo>
                    <a:pt x="19812" y="4572"/>
                  </a:lnTo>
                  <a:lnTo>
                    <a:pt x="24384" y="4572"/>
                  </a:lnTo>
                  <a:lnTo>
                    <a:pt x="24384" y="0"/>
                  </a:lnTo>
                  <a:close/>
                </a:path>
              </a:pathLst>
            </a:custGeom>
            <a:solidFill>
              <a:srgbClr val="D8D8D8"/>
            </a:solidFill>
          </p:spPr>
          <p:txBody>
            <a:bodyPr wrap="square" lIns="0" tIns="0" rIns="0" bIns="0" rtlCol="0"/>
            <a:lstStyle/>
            <a:p>
              <a:endParaRPr sz="1539"/>
            </a:p>
          </p:txBody>
        </p:sp>
        <p:sp>
          <p:nvSpPr>
            <p:cNvPr id="45" name="object 45"/>
            <p:cNvSpPr/>
            <p:nvPr/>
          </p:nvSpPr>
          <p:spPr>
            <a:xfrm>
              <a:off x="9880091" y="5639562"/>
              <a:ext cx="125095" cy="0"/>
            </a:xfrm>
            <a:custGeom>
              <a:avLst/>
              <a:gdLst/>
              <a:ahLst/>
              <a:cxnLst/>
              <a:rect l="l" t="t" r="r" b="b"/>
              <a:pathLst>
                <a:path w="125095">
                  <a:moveTo>
                    <a:pt x="0" y="0"/>
                  </a:moveTo>
                  <a:lnTo>
                    <a:pt x="124967" y="0"/>
                  </a:lnTo>
                </a:path>
              </a:pathLst>
            </a:custGeom>
            <a:ln w="4571">
              <a:solidFill>
                <a:srgbClr val="D8D8D8"/>
              </a:solidFill>
              <a:prstDash val="sysDot"/>
            </a:ln>
          </p:spPr>
          <p:txBody>
            <a:bodyPr wrap="square" lIns="0" tIns="0" rIns="0" bIns="0" rtlCol="0"/>
            <a:lstStyle/>
            <a:p>
              <a:endParaRPr sz="1539"/>
            </a:p>
          </p:txBody>
        </p:sp>
        <p:sp>
          <p:nvSpPr>
            <p:cNvPr id="46" name="object 46"/>
            <p:cNvSpPr/>
            <p:nvPr/>
          </p:nvSpPr>
          <p:spPr>
            <a:xfrm>
              <a:off x="1085088" y="5077968"/>
              <a:ext cx="818515" cy="5080"/>
            </a:xfrm>
            <a:custGeom>
              <a:avLst/>
              <a:gdLst/>
              <a:ahLst/>
              <a:cxnLst/>
              <a:rect l="l" t="t" r="r" b="b"/>
              <a:pathLst>
                <a:path w="818514" h="5079">
                  <a:moveTo>
                    <a:pt x="3048" y="0"/>
                  </a:moveTo>
                  <a:lnTo>
                    <a:pt x="0" y="0"/>
                  </a:lnTo>
                  <a:lnTo>
                    <a:pt x="0" y="4572"/>
                  </a:lnTo>
                  <a:lnTo>
                    <a:pt x="3048" y="4572"/>
                  </a:lnTo>
                  <a:lnTo>
                    <a:pt x="3048" y="0"/>
                  </a:lnTo>
                  <a:close/>
                </a:path>
                <a:path w="818514" h="5079">
                  <a:moveTo>
                    <a:pt x="10668" y="0"/>
                  </a:moveTo>
                  <a:lnTo>
                    <a:pt x="6096" y="0"/>
                  </a:lnTo>
                  <a:lnTo>
                    <a:pt x="6096" y="4572"/>
                  </a:lnTo>
                  <a:lnTo>
                    <a:pt x="10668" y="4572"/>
                  </a:lnTo>
                  <a:lnTo>
                    <a:pt x="10668" y="0"/>
                  </a:lnTo>
                  <a:close/>
                </a:path>
                <a:path w="818514" h="5079">
                  <a:moveTo>
                    <a:pt x="16764" y="0"/>
                  </a:moveTo>
                  <a:lnTo>
                    <a:pt x="13716" y="0"/>
                  </a:lnTo>
                  <a:lnTo>
                    <a:pt x="13716" y="4572"/>
                  </a:lnTo>
                  <a:lnTo>
                    <a:pt x="16764" y="4572"/>
                  </a:lnTo>
                  <a:lnTo>
                    <a:pt x="16764" y="0"/>
                  </a:lnTo>
                  <a:close/>
                </a:path>
                <a:path w="818514" h="5079">
                  <a:moveTo>
                    <a:pt x="24384" y="0"/>
                  </a:moveTo>
                  <a:lnTo>
                    <a:pt x="19812" y="0"/>
                  </a:lnTo>
                  <a:lnTo>
                    <a:pt x="19812" y="4572"/>
                  </a:lnTo>
                  <a:lnTo>
                    <a:pt x="24384" y="4572"/>
                  </a:lnTo>
                  <a:lnTo>
                    <a:pt x="24384" y="0"/>
                  </a:lnTo>
                  <a:close/>
                </a:path>
                <a:path w="818514" h="5079">
                  <a:moveTo>
                    <a:pt x="30480" y="0"/>
                  </a:moveTo>
                  <a:lnTo>
                    <a:pt x="27432" y="0"/>
                  </a:lnTo>
                  <a:lnTo>
                    <a:pt x="27432" y="4572"/>
                  </a:lnTo>
                  <a:lnTo>
                    <a:pt x="30480" y="4572"/>
                  </a:lnTo>
                  <a:lnTo>
                    <a:pt x="30480" y="0"/>
                  </a:lnTo>
                  <a:close/>
                </a:path>
                <a:path w="818514" h="5079">
                  <a:moveTo>
                    <a:pt x="38100" y="0"/>
                  </a:moveTo>
                  <a:lnTo>
                    <a:pt x="33528" y="0"/>
                  </a:lnTo>
                  <a:lnTo>
                    <a:pt x="33528" y="4572"/>
                  </a:lnTo>
                  <a:lnTo>
                    <a:pt x="38100" y="4572"/>
                  </a:lnTo>
                  <a:lnTo>
                    <a:pt x="38100" y="0"/>
                  </a:lnTo>
                  <a:close/>
                </a:path>
                <a:path w="818514" h="5079">
                  <a:moveTo>
                    <a:pt x="44196" y="0"/>
                  </a:moveTo>
                  <a:lnTo>
                    <a:pt x="41148" y="0"/>
                  </a:lnTo>
                  <a:lnTo>
                    <a:pt x="41148" y="4572"/>
                  </a:lnTo>
                  <a:lnTo>
                    <a:pt x="44196" y="4572"/>
                  </a:lnTo>
                  <a:lnTo>
                    <a:pt x="44196" y="0"/>
                  </a:lnTo>
                  <a:close/>
                </a:path>
                <a:path w="818514" h="5079">
                  <a:moveTo>
                    <a:pt x="51816" y="0"/>
                  </a:moveTo>
                  <a:lnTo>
                    <a:pt x="47244" y="0"/>
                  </a:lnTo>
                  <a:lnTo>
                    <a:pt x="47244" y="4572"/>
                  </a:lnTo>
                  <a:lnTo>
                    <a:pt x="51816" y="4572"/>
                  </a:lnTo>
                  <a:lnTo>
                    <a:pt x="51816" y="0"/>
                  </a:lnTo>
                  <a:close/>
                </a:path>
                <a:path w="818514" h="5079">
                  <a:moveTo>
                    <a:pt x="57912" y="0"/>
                  </a:moveTo>
                  <a:lnTo>
                    <a:pt x="54864" y="0"/>
                  </a:lnTo>
                  <a:lnTo>
                    <a:pt x="54864" y="4572"/>
                  </a:lnTo>
                  <a:lnTo>
                    <a:pt x="57912" y="4572"/>
                  </a:lnTo>
                  <a:lnTo>
                    <a:pt x="57912" y="0"/>
                  </a:lnTo>
                  <a:close/>
                </a:path>
                <a:path w="818514" h="5079">
                  <a:moveTo>
                    <a:pt x="65532" y="0"/>
                  </a:moveTo>
                  <a:lnTo>
                    <a:pt x="60960" y="0"/>
                  </a:lnTo>
                  <a:lnTo>
                    <a:pt x="60960" y="4572"/>
                  </a:lnTo>
                  <a:lnTo>
                    <a:pt x="65532" y="4572"/>
                  </a:lnTo>
                  <a:lnTo>
                    <a:pt x="65532" y="0"/>
                  </a:lnTo>
                  <a:close/>
                </a:path>
                <a:path w="818514" h="5079">
                  <a:moveTo>
                    <a:pt x="71628" y="0"/>
                  </a:moveTo>
                  <a:lnTo>
                    <a:pt x="68580" y="0"/>
                  </a:lnTo>
                  <a:lnTo>
                    <a:pt x="68580" y="4572"/>
                  </a:lnTo>
                  <a:lnTo>
                    <a:pt x="71628" y="4572"/>
                  </a:lnTo>
                  <a:lnTo>
                    <a:pt x="71628" y="0"/>
                  </a:lnTo>
                  <a:close/>
                </a:path>
                <a:path w="818514" h="5079">
                  <a:moveTo>
                    <a:pt x="79248" y="0"/>
                  </a:moveTo>
                  <a:lnTo>
                    <a:pt x="74676" y="0"/>
                  </a:lnTo>
                  <a:lnTo>
                    <a:pt x="74676" y="4572"/>
                  </a:lnTo>
                  <a:lnTo>
                    <a:pt x="79248" y="4572"/>
                  </a:lnTo>
                  <a:lnTo>
                    <a:pt x="79248" y="0"/>
                  </a:lnTo>
                  <a:close/>
                </a:path>
                <a:path w="818514" h="5079">
                  <a:moveTo>
                    <a:pt x="85344" y="0"/>
                  </a:moveTo>
                  <a:lnTo>
                    <a:pt x="82296" y="0"/>
                  </a:lnTo>
                  <a:lnTo>
                    <a:pt x="82296" y="4572"/>
                  </a:lnTo>
                  <a:lnTo>
                    <a:pt x="85344" y="4572"/>
                  </a:lnTo>
                  <a:lnTo>
                    <a:pt x="85344" y="0"/>
                  </a:lnTo>
                  <a:close/>
                </a:path>
                <a:path w="818514" h="5079">
                  <a:moveTo>
                    <a:pt x="92964" y="0"/>
                  </a:moveTo>
                  <a:lnTo>
                    <a:pt x="88392" y="0"/>
                  </a:lnTo>
                  <a:lnTo>
                    <a:pt x="88392" y="4572"/>
                  </a:lnTo>
                  <a:lnTo>
                    <a:pt x="92964" y="4572"/>
                  </a:lnTo>
                  <a:lnTo>
                    <a:pt x="92964" y="0"/>
                  </a:lnTo>
                  <a:close/>
                </a:path>
                <a:path w="818514" h="5079">
                  <a:moveTo>
                    <a:pt x="99060" y="0"/>
                  </a:moveTo>
                  <a:lnTo>
                    <a:pt x="96012" y="0"/>
                  </a:lnTo>
                  <a:lnTo>
                    <a:pt x="96012" y="4572"/>
                  </a:lnTo>
                  <a:lnTo>
                    <a:pt x="99060" y="4572"/>
                  </a:lnTo>
                  <a:lnTo>
                    <a:pt x="99060" y="0"/>
                  </a:lnTo>
                  <a:close/>
                </a:path>
                <a:path w="818514" h="5079">
                  <a:moveTo>
                    <a:pt x="106680" y="0"/>
                  </a:moveTo>
                  <a:lnTo>
                    <a:pt x="102108" y="0"/>
                  </a:lnTo>
                  <a:lnTo>
                    <a:pt x="102108" y="4572"/>
                  </a:lnTo>
                  <a:lnTo>
                    <a:pt x="106680" y="4572"/>
                  </a:lnTo>
                  <a:lnTo>
                    <a:pt x="106680" y="0"/>
                  </a:lnTo>
                  <a:close/>
                </a:path>
                <a:path w="818514" h="5079">
                  <a:moveTo>
                    <a:pt x="112776" y="0"/>
                  </a:moveTo>
                  <a:lnTo>
                    <a:pt x="109728" y="0"/>
                  </a:lnTo>
                  <a:lnTo>
                    <a:pt x="109728" y="4572"/>
                  </a:lnTo>
                  <a:lnTo>
                    <a:pt x="112776" y="4572"/>
                  </a:lnTo>
                  <a:lnTo>
                    <a:pt x="112776" y="0"/>
                  </a:lnTo>
                  <a:close/>
                </a:path>
                <a:path w="818514" h="5079">
                  <a:moveTo>
                    <a:pt x="120396" y="0"/>
                  </a:moveTo>
                  <a:lnTo>
                    <a:pt x="115824" y="0"/>
                  </a:lnTo>
                  <a:lnTo>
                    <a:pt x="115824" y="4572"/>
                  </a:lnTo>
                  <a:lnTo>
                    <a:pt x="120396" y="4572"/>
                  </a:lnTo>
                  <a:lnTo>
                    <a:pt x="120396" y="0"/>
                  </a:lnTo>
                  <a:close/>
                </a:path>
                <a:path w="818514" h="5079">
                  <a:moveTo>
                    <a:pt x="126492" y="0"/>
                  </a:moveTo>
                  <a:lnTo>
                    <a:pt x="123444" y="0"/>
                  </a:lnTo>
                  <a:lnTo>
                    <a:pt x="123444" y="4572"/>
                  </a:lnTo>
                  <a:lnTo>
                    <a:pt x="126492" y="4572"/>
                  </a:lnTo>
                  <a:lnTo>
                    <a:pt x="126492" y="0"/>
                  </a:lnTo>
                  <a:close/>
                </a:path>
                <a:path w="818514" h="5079">
                  <a:moveTo>
                    <a:pt x="298704" y="0"/>
                  </a:moveTo>
                  <a:lnTo>
                    <a:pt x="297180" y="0"/>
                  </a:lnTo>
                  <a:lnTo>
                    <a:pt x="297180" y="4572"/>
                  </a:lnTo>
                  <a:lnTo>
                    <a:pt x="298704" y="4572"/>
                  </a:lnTo>
                  <a:lnTo>
                    <a:pt x="298704" y="0"/>
                  </a:lnTo>
                  <a:close/>
                </a:path>
                <a:path w="818514" h="5079">
                  <a:moveTo>
                    <a:pt x="304800" y="0"/>
                  </a:moveTo>
                  <a:lnTo>
                    <a:pt x="301752" y="0"/>
                  </a:lnTo>
                  <a:lnTo>
                    <a:pt x="301752" y="4572"/>
                  </a:lnTo>
                  <a:lnTo>
                    <a:pt x="304800" y="4572"/>
                  </a:lnTo>
                  <a:lnTo>
                    <a:pt x="304800" y="0"/>
                  </a:lnTo>
                  <a:close/>
                </a:path>
                <a:path w="818514" h="5079">
                  <a:moveTo>
                    <a:pt x="312420" y="0"/>
                  </a:moveTo>
                  <a:lnTo>
                    <a:pt x="307848" y="0"/>
                  </a:lnTo>
                  <a:lnTo>
                    <a:pt x="307848" y="4572"/>
                  </a:lnTo>
                  <a:lnTo>
                    <a:pt x="312420" y="4572"/>
                  </a:lnTo>
                  <a:lnTo>
                    <a:pt x="312420" y="0"/>
                  </a:lnTo>
                  <a:close/>
                </a:path>
                <a:path w="818514" h="5079">
                  <a:moveTo>
                    <a:pt x="318516" y="0"/>
                  </a:moveTo>
                  <a:lnTo>
                    <a:pt x="315468" y="0"/>
                  </a:lnTo>
                  <a:lnTo>
                    <a:pt x="315468" y="4572"/>
                  </a:lnTo>
                  <a:lnTo>
                    <a:pt x="318516" y="4572"/>
                  </a:lnTo>
                  <a:lnTo>
                    <a:pt x="318516" y="0"/>
                  </a:lnTo>
                  <a:close/>
                </a:path>
                <a:path w="818514" h="5079">
                  <a:moveTo>
                    <a:pt x="326136" y="0"/>
                  </a:moveTo>
                  <a:lnTo>
                    <a:pt x="321564" y="0"/>
                  </a:lnTo>
                  <a:lnTo>
                    <a:pt x="321564" y="4572"/>
                  </a:lnTo>
                  <a:lnTo>
                    <a:pt x="326136" y="4572"/>
                  </a:lnTo>
                  <a:lnTo>
                    <a:pt x="326136" y="0"/>
                  </a:lnTo>
                  <a:close/>
                </a:path>
                <a:path w="818514" h="5079">
                  <a:moveTo>
                    <a:pt x="332232" y="0"/>
                  </a:moveTo>
                  <a:lnTo>
                    <a:pt x="329184" y="0"/>
                  </a:lnTo>
                  <a:lnTo>
                    <a:pt x="329184" y="4572"/>
                  </a:lnTo>
                  <a:lnTo>
                    <a:pt x="332232" y="4572"/>
                  </a:lnTo>
                  <a:lnTo>
                    <a:pt x="332232" y="0"/>
                  </a:lnTo>
                  <a:close/>
                </a:path>
                <a:path w="818514" h="5079">
                  <a:moveTo>
                    <a:pt x="339852" y="0"/>
                  </a:moveTo>
                  <a:lnTo>
                    <a:pt x="335280" y="0"/>
                  </a:lnTo>
                  <a:lnTo>
                    <a:pt x="335280" y="4572"/>
                  </a:lnTo>
                  <a:lnTo>
                    <a:pt x="339852" y="4572"/>
                  </a:lnTo>
                  <a:lnTo>
                    <a:pt x="339852" y="0"/>
                  </a:lnTo>
                  <a:close/>
                </a:path>
                <a:path w="818514" h="5079">
                  <a:moveTo>
                    <a:pt x="345948" y="0"/>
                  </a:moveTo>
                  <a:lnTo>
                    <a:pt x="342900" y="0"/>
                  </a:lnTo>
                  <a:lnTo>
                    <a:pt x="342900" y="4572"/>
                  </a:lnTo>
                  <a:lnTo>
                    <a:pt x="345948" y="4572"/>
                  </a:lnTo>
                  <a:lnTo>
                    <a:pt x="345948" y="0"/>
                  </a:lnTo>
                  <a:close/>
                </a:path>
                <a:path w="818514" h="5079">
                  <a:moveTo>
                    <a:pt x="353568" y="0"/>
                  </a:moveTo>
                  <a:lnTo>
                    <a:pt x="348996" y="0"/>
                  </a:lnTo>
                  <a:lnTo>
                    <a:pt x="348996" y="4572"/>
                  </a:lnTo>
                  <a:lnTo>
                    <a:pt x="353568" y="4572"/>
                  </a:lnTo>
                  <a:lnTo>
                    <a:pt x="353568" y="0"/>
                  </a:lnTo>
                  <a:close/>
                </a:path>
                <a:path w="818514" h="5079">
                  <a:moveTo>
                    <a:pt x="359664" y="0"/>
                  </a:moveTo>
                  <a:lnTo>
                    <a:pt x="356616" y="0"/>
                  </a:lnTo>
                  <a:lnTo>
                    <a:pt x="356616" y="4572"/>
                  </a:lnTo>
                  <a:lnTo>
                    <a:pt x="359664" y="4572"/>
                  </a:lnTo>
                  <a:lnTo>
                    <a:pt x="359664" y="0"/>
                  </a:lnTo>
                  <a:close/>
                </a:path>
                <a:path w="818514" h="5079">
                  <a:moveTo>
                    <a:pt x="367284" y="0"/>
                  </a:moveTo>
                  <a:lnTo>
                    <a:pt x="362712" y="0"/>
                  </a:lnTo>
                  <a:lnTo>
                    <a:pt x="362712" y="4572"/>
                  </a:lnTo>
                  <a:lnTo>
                    <a:pt x="367284" y="4572"/>
                  </a:lnTo>
                  <a:lnTo>
                    <a:pt x="367284" y="0"/>
                  </a:lnTo>
                  <a:close/>
                </a:path>
                <a:path w="818514" h="5079">
                  <a:moveTo>
                    <a:pt x="373380" y="0"/>
                  </a:moveTo>
                  <a:lnTo>
                    <a:pt x="370332" y="0"/>
                  </a:lnTo>
                  <a:lnTo>
                    <a:pt x="370332" y="4572"/>
                  </a:lnTo>
                  <a:lnTo>
                    <a:pt x="373380" y="4572"/>
                  </a:lnTo>
                  <a:lnTo>
                    <a:pt x="373380" y="0"/>
                  </a:lnTo>
                  <a:close/>
                </a:path>
                <a:path w="818514" h="5079">
                  <a:moveTo>
                    <a:pt x="381000" y="0"/>
                  </a:moveTo>
                  <a:lnTo>
                    <a:pt x="376428" y="0"/>
                  </a:lnTo>
                  <a:lnTo>
                    <a:pt x="376428" y="4572"/>
                  </a:lnTo>
                  <a:lnTo>
                    <a:pt x="381000" y="4572"/>
                  </a:lnTo>
                  <a:lnTo>
                    <a:pt x="381000" y="0"/>
                  </a:lnTo>
                  <a:close/>
                </a:path>
                <a:path w="818514" h="5079">
                  <a:moveTo>
                    <a:pt x="387096" y="0"/>
                  </a:moveTo>
                  <a:lnTo>
                    <a:pt x="384048" y="0"/>
                  </a:lnTo>
                  <a:lnTo>
                    <a:pt x="384048" y="4572"/>
                  </a:lnTo>
                  <a:lnTo>
                    <a:pt x="387096" y="4572"/>
                  </a:lnTo>
                  <a:lnTo>
                    <a:pt x="387096" y="0"/>
                  </a:lnTo>
                  <a:close/>
                </a:path>
                <a:path w="818514" h="5079">
                  <a:moveTo>
                    <a:pt x="394716" y="0"/>
                  </a:moveTo>
                  <a:lnTo>
                    <a:pt x="390144" y="0"/>
                  </a:lnTo>
                  <a:lnTo>
                    <a:pt x="390144" y="4572"/>
                  </a:lnTo>
                  <a:lnTo>
                    <a:pt x="394716" y="4572"/>
                  </a:lnTo>
                  <a:lnTo>
                    <a:pt x="394716" y="0"/>
                  </a:lnTo>
                  <a:close/>
                </a:path>
                <a:path w="818514" h="5079">
                  <a:moveTo>
                    <a:pt x="400812" y="0"/>
                  </a:moveTo>
                  <a:lnTo>
                    <a:pt x="397764" y="0"/>
                  </a:lnTo>
                  <a:lnTo>
                    <a:pt x="397764" y="4572"/>
                  </a:lnTo>
                  <a:lnTo>
                    <a:pt x="400812" y="4572"/>
                  </a:lnTo>
                  <a:lnTo>
                    <a:pt x="400812" y="0"/>
                  </a:lnTo>
                  <a:close/>
                </a:path>
                <a:path w="818514" h="5079">
                  <a:moveTo>
                    <a:pt x="408432" y="0"/>
                  </a:moveTo>
                  <a:lnTo>
                    <a:pt x="403860" y="0"/>
                  </a:lnTo>
                  <a:lnTo>
                    <a:pt x="403860" y="4572"/>
                  </a:lnTo>
                  <a:lnTo>
                    <a:pt x="408432" y="4572"/>
                  </a:lnTo>
                  <a:lnTo>
                    <a:pt x="408432" y="0"/>
                  </a:lnTo>
                  <a:close/>
                </a:path>
                <a:path w="818514" h="5079">
                  <a:moveTo>
                    <a:pt x="414528" y="0"/>
                  </a:moveTo>
                  <a:lnTo>
                    <a:pt x="411480" y="0"/>
                  </a:lnTo>
                  <a:lnTo>
                    <a:pt x="411480" y="4572"/>
                  </a:lnTo>
                  <a:lnTo>
                    <a:pt x="414528" y="4572"/>
                  </a:lnTo>
                  <a:lnTo>
                    <a:pt x="414528" y="0"/>
                  </a:lnTo>
                  <a:close/>
                </a:path>
                <a:path w="818514" h="5079">
                  <a:moveTo>
                    <a:pt x="422148" y="0"/>
                  </a:moveTo>
                  <a:lnTo>
                    <a:pt x="417576" y="0"/>
                  </a:lnTo>
                  <a:lnTo>
                    <a:pt x="417576" y="4572"/>
                  </a:lnTo>
                  <a:lnTo>
                    <a:pt x="422148" y="4572"/>
                  </a:lnTo>
                  <a:lnTo>
                    <a:pt x="422148" y="0"/>
                  </a:lnTo>
                  <a:close/>
                </a:path>
                <a:path w="818514" h="5079">
                  <a:moveTo>
                    <a:pt x="428244" y="0"/>
                  </a:moveTo>
                  <a:lnTo>
                    <a:pt x="425196" y="0"/>
                  </a:lnTo>
                  <a:lnTo>
                    <a:pt x="425196" y="4572"/>
                  </a:lnTo>
                  <a:lnTo>
                    <a:pt x="428244" y="4572"/>
                  </a:lnTo>
                  <a:lnTo>
                    <a:pt x="428244" y="0"/>
                  </a:lnTo>
                  <a:close/>
                </a:path>
                <a:path w="818514" h="5079">
                  <a:moveTo>
                    <a:pt x="435864" y="0"/>
                  </a:moveTo>
                  <a:lnTo>
                    <a:pt x="431292" y="0"/>
                  </a:lnTo>
                  <a:lnTo>
                    <a:pt x="431292" y="4572"/>
                  </a:lnTo>
                  <a:lnTo>
                    <a:pt x="435864" y="4572"/>
                  </a:lnTo>
                  <a:lnTo>
                    <a:pt x="435864" y="0"/>
                  </a:lnTo>
                  <a:close/>
                </a:path>
                <a:path w="818514" h="5079">
                  <a:moveTo>
                    <a:pt x="441960" y="0"/>
                  </a:moveTo>
                  <a:lnTo>
                    <a:pt x="438912" y="0"/>
                  </a:lnTo>
                  <a:lnTo>
                    <a:pt x="438912" y="4572"/>
                  </a:lnTo>
                  <a:lnTo>
                    <a:pt x="441960" y="4572"/>
                  </a:lnTo>
                  <a:lnTo>
                    <a:pt x="441960" y="0"/>
                  </a:lnTo>
                  <a:close/>
                </a:path>
                <a:path w="818514" h="5079">
                  <a:moveTo>
                    <a:pt x="449580" y="0"/>
                  </a:moveTo>
                  <a:lnTo>
                    <a:pt x="445008" y="0"/>
                  </a:lnTo>
                  <a:lnTo>
                    <a:pt x="445008" y="4572"/>
                  </a:lnTo>
                  <a:lnTo>
                    <a:pt x="449580" y="4572"/>
                  </a:lnTo>
                  <a:lnTo>
                    <a:pt x="449580" y="0"/>
                  </a:lnTo>
                  <a:close/>
                </a:path>
                <a:path w="818514" h="5079">
                  <a:moveTo>
                    <a:pt x="455676" y="0"/>
                  </a:moveTo>
                  <a:lnTo>
                    <a:pt x="452628" y="0"/>
                  </a:lnTo>
                  <a:lnTo>
                    <a:pt x="452628" y="4572"/>
                  </a:lnTo>
                  <a:lnTo>
                    <a:pt x="455676" y="4572"/>
                  </a:lnTo>
                  <a:lnTo>
                    <a:pt x="455676" y="0"/>
                  </a:lnTo>
                  <a:close/>
                </a:path>
                <a:path w="818514" h="5079">
                  <a:moveTo>
                    <a:pt x="463296" y="0"/>
                  </a:moveTo>
                  <a:lnTo>
                    <a:pt x="458724" y="0"/>
                  </a:lnTo>
                  <a:lnTo>
                    <a:pt x="458724" y="4572"/>
                  </a:lnTo>
                  <a:lnTo>
                    <a:pt x="463296" y="4572"/>
                  </a:lnTo>
                  <a:lnTo>
                    <a:pt x="463296" y="0"/>
                  </a:lnTo>
                  <a:close/>
                </a:path>
                <a:path w="818514" h="5079">
                  <a:moveTo>
                    <a:pt x="469392" y="0"/>
                  </a:moveTo>
                  <a:lnTo>
                    <a:pt x="466344" y="0"/>
                  </a:lnTo>
                  <a:lnTo>
                    <a:pt x="466344" y="4572"/>
                  </a:lnTo>
                  <a:lnTo>
                    <a:pt x="469392" y="4572"/>
                  </a:lnTo>
                  <a:lnTo>
                    <a:pt x="469392" y="0"/>
                  </a:lnTo>
                  <a:close/>
                </a:path>
                <a:path w="818514" h="5079">
                  <a:moveTo>
                    <a:pt x="477012" y="0"/>
                  </a:moveTo>
                  <a:lnTo>
                    <a:pt x="472440" y="0"/>
                  </a:lnTo>
                  <a:lnTo>
                    <a:pt x="472440" y="4572"/>
                  </a:lnTo>
                  <a:lnTo>
                    <a:pt x="477012" y="4572"/>
                  </a:lnTo>
                  <a:lnTo>
                    <a:pt x="477012" y="0"/>
                  </a:lnTo>
                  <a:close/>
                </a:path>
                <a:path w="818514" h="5079">
                  <a:moveTo>
                    <a:pt x="483108" y="0"/>
                  </a:moveTo>
                  <a:lnTo>
                    <a:pt x="480060" y="0"/>
                  </a:lnTo>
                  <a:lnTo>
                    <a:pt x="480060" y="4572"/>
                  </a:lnTo>
                  <a:lnTo>
                    <a:pt x="483108" y="4572"/>
                  </a:lnTo>
                  <a:lnTo>
                    <a:pt x="483108" y="0"/>
                  </a:lnTo>
                  <a:close/>
                </a:path>
                <a:path w="818514" h="5079">
                  <a:moveTo>
                    <a:pt x="490728" y="0"/>
                  </a:moveTo>
                  <a:lnTo>
                    <a:pt x="486156" y="0"/>
                  </a:lnTo>
                  <a:lnTo>
                    <a:pt x="486156" y="4572"/>
                  </a:lnTo>
                  <a:lnTo>
                    <a:pt x="490728" y="4572"/>
                  </a:lnTo>
                  <a:lnTo>
                    <a:pt x="490728" y="0"/>
                  </a:lnTo>
                  <a:close/>
                </a:path>
                <a:path w="818514" h="5079">
                  <a:moveTo>
                    <a:pt x="496824" y="0"/>
                  </a:moveTo>
                  <a:lnTo>
                    <a:pt x="493776" y="0"/>
                  </a:lnTo>
                  <a:lnTo>
                    <a:pt x="493776" y="4572"/>
                  </a:lnTo>
                  <a:lnTo>
                    <a:pt x="496824" y="4572"/>
                  </a:lnTo>
                  <a:lnTo>
                    <a:pt x="496824" y="0"/>
                  </a:lnTo>
                  <a:close/>
                </a:path>
                <a:path w="818514" h="5079">
                  <a:moveTo>
                    <a:pt x="504444" y="0"/>
                  </a:moveTo>
                  <a:lnTo>
                    <a:pt x="499872" y="0"/>
                  </a:lnTo>
                  <a:lnTo>
                    <a:pt x="499872" y="4572"/>
                  </a:lnTo>
                  <a:lnTo>
                    <a:pt x="504444" y="4572"/>
                  </a:lnTo>
                  <a:lnTo>
                    <a:pt x="504444" y="0"/>
                  </a:lnTo>
                  <a:close/>
                </a:path>
                <a:path w="818514" h="5079">
                  <a:moveTo>
                    <a:pt x="510540" y="0"/>
                  </a:moveTo>
                  <a:lnTo>
                    <a:pt x="507492" y="0"/>
                  </a:lnTo>
                  <a:lnTo>
                    <a:pt x="507492" y="4572"/>
                  </a:lnTo>
                  <a:lnTo>
                    <a:pt x="510540" y="4572"/>
                  </a:lnTo>
                  <a:lnTo>
                    <a:pt x="510540" y="0"/>
                  </a:lnTo>
                  <a:close/>
                </a:path>
                <a:path w="818514" h="5079">
                  <a:moveTo>
                    <a:pt x="518160" y="0"/>
                  </a:moveTo>
                  <a:lnTo>
                    <a:pt x="513588" y="0"/>
                  </a:lnTo>
                  <a:lnTo>
                    <a:pt x="513588" y="4572"/>
                  </a:lnTo>
                  <a:lnTo>
                    <a:pt x="518160" y="4572"/>
                  </a:lnTo>
                  <a:lnTo>
                    <a:pt x="518160" y="0"/>
                  </a:lnTo>
                  <a:close/>
                </a:path>
                <a:path w="818514" h="5079">
                  <a:moveTo>
                    <a:pt x="524256" y="0"/>
                  </a:moveTo>
                  <a:lnTo>
                    <a:pt x="521208" y="0"/>
                  </a:lnTo>
                  <a:lnTo>
                    <a:pt x="521208" y="4572"/>
                  </a:lnTo>
                  <a:lnTo>
                    <a:pt x="524256" y="4572"/>
                  </a:lnTo>
                  <a:lnTo>
                    <a:pt x="524256" y="0"/>
                  </a:lnTo>
                  <a:close/>
                </a:path>
                <a:path w="818514" h="5079">
                  <a:moveTo>
                    <a:pt x="531876" y="0"/>
                  </a:moveTo>
                  <a:lnTo>
                    <a:pt x="527304" y="0"/>
                  </a:lnTo>
                  <a:lnTo>
                    <a:pt x="527304" y="4572"/>
                  </a:lnTo>
                  <a:lnTo>
                    <a:pt x="531876" y="4572"/>
                  </a:lnTo>
                  <a:lnTo>
                    <a:pt x="531876" y="0"/>
                  </a:lnTo>
                  <a:close/>
                </a:path>
                <a:path w="818514" h="5079">
                  <a:moveTo>
                    <a:pt x="537972" y="0"/>
                  </a:moveTo>
                  <a:lnTo>
                    <a:pt x="534924" y="0"/>
                  </a:lnTo>
                  <a:lnTo>
                    <a:pt x="534924" y="4572"/>
                  </a:lnTo>
                  <a:lnTo>
                    <a:pt x="537972" y="4572"/>
                  </a:lnTo>
                  <a:lnTo>
                    <a:pt x="537972" y="0"/>
                  </a:lnTo>
                  <a:close/>
                </a:path>
                <a:path w="818514" h="5079">
                  <a:moveTo>
                    <a:pt x="545592" y="0"/>
                  </a:moveTo>
                  <a:lnTo>
                    <a:pt x="541007" y="0"/>
                  </a:lnTo>
                  <a:lnTo>
                    <a:pt x="541007" y="4572"/>
                  </a:lnTo>
                  <a:lnTo>
                    <a:pt x="545592" y="4572"/>
                  </a:lnTo>
                  <a:lnTo>
                    <a:pt x="545592" y="0"/>
                  </a:lnTo>
                  <a:close/>
                </a:path>
                <a:path w="818514" h="5079">
                  <a:moveTo>
                    <a:pt x="551688" y="0"/>
                  </a:moveTo>
                  <a:lnTo>
                    <a:pt x="548627" y="0"/>
                  </a:lnTo>
                  <a:lnTo>
                    <a:pt x="548627" y="4572"/>
                  </a:lnTo>
                  <a:lnTo>
                    <a:pt x="551688" y="4572"/>
                  </a:lnTo>
                  <a:lnTo>
                    <a:pt x="551688" y="0"/>
                  </a:lnTo>
                  <a:close/>
                </a:path>
                <a:path w="818514" h="5079">
                  <a:moveTo>
                    <a:pt x="729996" y="0"/>
                  </a:moveTo>
                  <a:lnTo>
                    <a:pt x="726948" y="0"/>
                  </a:lnTo>
                  <a:lnTo>
                    <a:pt x="726948" y="4572"/>
                  </a:lnTo>
                  <a:lnTo>
                    <a:pt x="729996" y="4572"/>
                  </a:lnTo>
                  <a:lnTo>
                    <a:pt x="729996" y="0"/>
                  </a:lnTo>
                  <a:close/>
                </a:path>
                <a:path w="818514" h="5079">
                  <a:moveTo>
                    <a:pt x="736092" y="0"/>
                  </a:moveTo>
                  <a:lnTo>
                    <a:pt x="733044" y="0"/>
                  </a:lnTo>
                  <a:lnTo>
                    <a:pt x="733044" y="4572"/>
                  </a:lnTo>
                  <a:lnTo>
                    <a:pt x="736092" y="4572"/>
                  </a:lnTo>
                  <a:lnTo>
                    <a:pt x="736092" y="0"/>
                  </a:lnTo>
                  <a:close/>
                </a:path>
                <a:path w="818514" h="5079">
                  <a:moveTo>
                    <a:pt x="743712" y="0"/>
                  </a:moveTo>
                  <a:lnTo>
                    <a:pt x="740664" y="0"/>
                  </a:lnTo>
                  <a:lnTo>
                    <a:pt x="740664" y="4572"/>
                  </a:lnTo>
                  <a:lnTo>
                    <a:pt x="743712" y="4572"/>
                  </a:lnTo>
                  <a:lnTo>
                    <a:pt x="743712" y="0"/>
                  </a:lnTo>
                  <a:close/>
                </a:path>
                <a:path w="818514" h="5079">
                  <a:moveTo>
                    <a:pt x="749808" y="0"/>
                  </a:moveTo>
                  <a:lnTo>
                    <a:pt x="746760" y="0"/>
                  </a:lnTo>
                  <a:lnTo>
                    <a:pt x="746760" y="4572"/>
                  </a:lnTo>
                  <a:lnTo>
                    <a:pt x="749808" y="4572"/>
                  </a:lnTo>
                  <a:lnTo>
                    <a:pt x="749808" y="0"/>
                  </a:lnTo>
                  <a:close/>
                </a:path>
                <a:path w="818514" h="5079">
                  <a:moveTo>
                    <a:pt x="757428" y="0"/>
                  </a:moveTo>
                  <a:lnTo>
                    <a:pt x="754380" y="0"/>
                  </a:lnTo>
                  <a:lnTo>
                    <a:pt x="754380" y="4572"/>
                  </a:lnTo>
                  <a:lnTo>
                    <a:pt x="757428" y="4572"/>
                  </a:lnTo>
                  <a:lnTo>
                    <a:pt x="757428" y="0"/>
                  </a:lnTo>
                  <a:close/>
                </a:path>
                <a:path w="818514" h="5079">
                  <a:moveTo>
                    <a:pt x="763524" y="0"/>
                  </a:moveTo>
                  <a:lnTo>
                    <a:pt x="760476" y="0"/>
                  </a:lnTo>
                  <a:lnTo>
                    <a:pt x="760476" y="4572"/>
                  </a:lnTo>
                  <a:lnTo>
                    <a:pt x="763524" y="4572"/>
                  </a:lnTo>
                  <a:lnTo>
                    <a:pt x="763524" y="0"/>
                  </a:lnTo>
                  <a:close/>
                </a:path>
                <a:path w="818514" h="5079">
                  <a:moveTo>
                    <a:pt x="771144" y="0"/>
                  </a:moveTo>
                  <a:lnTo>
                    <a:pt x="768096" y="0"/>
                  </a:lnTo>
                  <a:lnTo>
                    <a:pt x="768096" y="4572"/>
                  </a:lnTo>
                  <a:lnTo>
                    <a:pt x="771144" y="4572"/>
                  </a:lnTo>
                  <a:lnTo>
                    <a:pt x="771144" y="0"/>
                  </a:lnTo>
                  <a:close/>
                </a:path>
                <a:path w="818514" h="5079">
                  <a:moveTo>
                    <a:pt x="777240" y="0"/>
                  </a:moveTo>
                  <a:lnTo>
                    <a:pt x="774192" y="0"/>
                  </a:lnTo>
                  <a:lnTo>
                    <a:pt x="774192" y="4572"/>
                  </a:lnTo>
                  <a:lnTo>
                    <a:pt x="777240" y="4572"/>
                  </a:lnTo>
                  <a:lnTo>
                    <a:pt x="777240" y="0"/>
                  </a:lnTo>
                  <a:close/>
                </a:path>
                <a:path w="818514" h="5079">
                  <a:moveTo>
                    <a:pt x="784860" y="0"/>
                  </a:moveTo>
                  <a:lnTo>
                    <a:pt x="781812" y="0"/>
                  </a:lnTo>
                  <a:lnTo>
                    <a:pt x="781812" y="4572"/>
                  </a:lnTo>
                  <a:lnTo>
                    <a:pt x="784860" y="4572"/>
                  </a:lnTo>
                  <a:lnTo>
                    <a:pt x="784860" y="0"/>
                  </a:lnTo>
                  <a:close/>
                </a:path>
                <a:path w="818514" h="5079">
                  <a:moveTo>
                    <a:pt x="790956" y="0"/>
                  </a:moveTo>
                  <a:lnTo>
                    <a:pt x="787908" y="0"/>
                  </a:lnTo>
                  <a:lnTo>
                    <a:pt x="787908" y="4572"/>
                  </a:lnTo>
                  <a:lnTo>
                    <a:pt x="790956" y="4572"/>
                  </a:lnTo>
                  <a:lnTo>
                    <a:pt x="790956" y="0"/>
                  </a:lnTo>
                  <a:close/>
                </a:path>
                <a:path w="818514" h="5079">
                  <a:moveTo>
                    <a:pt x="798576" y="0"/>
                  </a:moveTo>
                  <a:lnTo>
                    <a:pt x="795528" y="0"/>
                  </a:lnTo>
                  <a:lnTo>
                    <a:pt x="795528" y="4572"/>
                  </a:lnTo>
                  <a:lnTo>
                    <a:pt x="798576" y="4572"/>
                  </a:lnTo>
                  <a:lnTo>
                    <a:pt x="798576" y="0"/>
                  </a:lnTo>
                  <a:close/>
                </a:path>
                <a:path w="818514" h="5079">
                  <a:moveTo>
                    <a:pt x="804672" y="0"/>
                  </a:moveTo>
                  <a:lnTo>
                    <a:pt x="801624" y="0"/>
                  </a:lnTo>
                  <a:lnTo>
                    <a:pt x="801624" y="4572"/>
                  </a:lnTo>
                  <a:lnTo>
                    <a:pt x="804672" y="4572"/>
                  </a:lnTo>
                  <a:lnTo>
                    <a:pt x="804672" y="0"/>
                  </a:lnTo>
                  <a:close/>
                </a:path>
                <a:path w="818514" h="5079">
                  <a:moveTo>
                    <a:pt x="812292" y="0"/>
                  </a:moveTo>
                  <a:lnTo>
                    <a:pt x="809244" y="0"/>
                  </a:lnTo>
                  <a:lnTo>
                    <a:pt x="809244" y="4572"/>
                  </a:lnTo>
                  <a:lnTo>
                    <a:pt x="812292" y="4572"/>
                  </a:lnTo>
                  <a:lnTo>
                    <a:pt x="812292" y="0"/>
                  </a:lnTo>
                  <a:close/>
                </a:path>
                <a:path w="818514"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47" name="object 47"/>
            <p:cNvSpPr/>
            <p:nvPr/>
          </p:nvSpPr>
          <p:spPr>
            <a:xfrm>
              <a:off x="1900428" y="5077968"/>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9916" y="0"/>
                  </a:lnTo>
                  <a:lnTo>
                    <a:pt x="89916"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3632" y="0"/>
                  </a:lnTo>
                  <a:lnTo>
                    <a:pt x="103632"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7348" y="0"/>
                  </a:lnTo>
                  <a:lnTo>
                    <a:pt x="117348"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31064" y="0"/>
                  </a:lnTo>
                  <a:lnTo>
                    <a:pt x="131064"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4780" y="0"/>
                  </a:lnTo>
                  <a:lnTo>
                    <a:pt x="144780"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8496" y="0"/>
                  </a:lnTo>
                  <a:lnTo>
                    <a:pt x="158496" y="4572"/>
                  </a:lnTo>
                  <a:lnTo>
                    <a:pt x="161544" y="4572"/>
                  </a:lnTo>
                  <a:lnTo>
                    <a:pt x="161544" y="0"/>
                  </a:lnTo>
                  <a:close/>
                </a:path>
                <a:path w="812800" h="5079">
                  <a:moveTo>
                    <a:pt x="332232" y="0"/>
                  </a:moveTo>
                  <a:lnTo>
                    <a:pt x="330708" y="0"/>
                  </a:lnTo>
                  <a:lnTo>
                    <a:pt x="330708" y="4572"/>
                  </a:lnTo>
                  <a:lnTo>
                    <a:pt x="332232" y="4572"/>
                  </a:lnTo>
                  <a:lnTo>
                    <a:pt x="332232" y="0"/>
                  </a:lnTo>
                  <a:close/>
                </a:path>
                <a:path w="812800" h="5079">
                  <a:moveTo>
                    <a:pt x="339852" y="0"/>
                  </a:moveTo>
                  <a:lnTo>
                    <a:pt x="336804" y="0"/>
                  </a:lnTo>
                  <a:lnTo>
                    <a:pt x="336804"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50520" y="0"/>
                  </a:lnTo>
                  <a:lnTo>
                    <a:pt x="350520"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4236" y="0"/>
                  </a:lnTo>
                  <a:lnTo>
                    <a:pt x="364236"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7952" y="0"/>
                  </a:lnTo>
                  <a:lnTo>
                    <a:pt x="377952"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1668" y="0"/>
                  </a:lnTo>
                  <a:lnTo>
                    <a:pt x="391668"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5384" y="0"/>
                  </a:lnTo>
                  <a:lnTo>
                    <a:pt x="405384"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531876" y="0"/>
                  </a:moveTo>
                  <a:lnTo>
                    <a:pt x="527304" y="0"/>
                  </a:lnTo>
                  <a:lnTo>
                    <a:pt x="527304" y="4572"/>
                  </a:lnTo>
                  <a:lnTo>
                    <a:pt x="531876" y="4572"/>
                  </a:lnTo>
                  <a:lnTo>
                    <a:pt x="531876" y="0"/>
                  </a:lnTo>
                  <a:close/>
                </a:path>
                <a:path w="812800" h="5079">
                  <a:moveTo>
                    <a:pt x="537972" y="0"/>
                  </a:moveTo>
                  <a:lnTo>
                    <a:pt x="534924" y="0"/>
                  </a:lnTo>
                  <a:lnTo>
                    <a:pt x="534924" y="4572"/>
                  </a:lnTo>
                  <a:lnTo>
                    <a:pt x="537972" y="4572"/>
                  </a:lnTo>
                  <a:lnTo>
                    <a:pt x="537972" y="0"/>
                  </a:lnTo>
                  <a:close/>
                </a:path>
                <a:path w="812800" h="5079">
                  <a:moveTo>
                    <a:pt x="545592" y="0"/>
                  </a:moveTo>
                  <a:lnTo>
                    <a:pt x="541020" y="0"/>
                  </a:lnTo>
                  <a:lnTo>
                    <a:pt x="541020" y="4572"/>
                  </a:lnTo>
                  <a:lnTo>
                    <a:pt x="545592" y="4572"/>
                  </a:lnTo>
                  <a:lnTo>
                    <a:pt x="545592" y="0"/>
                  </a:lnTo>
                  <a:close/>
                </a:path>
                <a:path w="812800" h="5079">
                  <a:moveTo>
                    <a:pt x="551688" y="0"/>
                  </a:moveTo>
                  <a:lnTo>
                    <a:pt x="548640" y="0"/>
                  </a:lnTo>
                  <a:lnTo>
                    <a:pt x="548640" y="4572"/>
                  </a:lnTo>
                  <a:lnTo>
                    <a:pt x="551688" y="4572"/>
                  </a:lnTo>
                  <a:lnTo>
                    <a:pt x="551688" y="0"/>
                  </a:lnTo>
                  <a:close/>
                </a:path>
                <a:path w="812800" h="5079">
                  <a:moveTo>
                    <a:pt x="559308" y="0"/>
                  </a:moveTo>
                  <a:lnTo>
                    <a:pt x="554736" y="0"/>
                  </a:lnTo>
                  <a:lnTo>
                    <a:pt x="554736" y="4572"/>
                  </a:lnTo>
                  <a:lnTo>
                    <a:pt x="559308" y="4572"/>
                  </a:lnTo>
                  <a:lnTo>
                    <a:pt x="559308" y="0"/>
                  </a:lnTo>
                  <a:close/>
                </a:path>
                <a:path w="812800" h="5079">
                  <a:moveTo>
                    <a:pt x="565404" y="0"/>
                  </a:moveTo>
                  <a:lnTo>
                    <a:pt x="562356" y="0"/>
                  </a:lnTo>
                  <a:lnTo>
                    <a:pt x="562356" y="4572"/>
                  </a:lnTo>
                  <a:lnTo>
                    <a:pt x="565404" y="4572"/>
                  </a:lnTo>
                  <a:lnTo>
                    <a:pt x="565404" y="0"/>
                  </a:lnTo>
                  <a:close/>
                </a:path>
                <a:path w="812800" h="5079">
                  <a:moveTo>
                    <a:pt x="573024" y="0"/>
                  </a:moveTo>
                  <a:lnTo>
                    <a:pt x="568452" y="0"/>
                  </a:lnTo>
                  <a:lnTo>
                    <a:pt x="568452" y="4572"/>
                  </a:lnTo>
                  <a:lnTo>
                    <a:pt x="573024" y="4572"/>
                  </a:lnTo>
                  <a:lnTo>
                    <a:pt x="573024" y="0"/>
                  </a:lnTo>
                  <a:close/>
                </a:path>
                <a:path w="812800" h="5079">
                  <a:moveTo>
                    <a:pt x="579120" y="0"/>
                  </a:moveTo>
                  <a:lnTo>
                    <a:pt x="576072" y="0"/>
                  </a:lnTo>
                  <a:lnTo>
                    <a:pt x="576072" y="4572"/>
                  </a:lnTo>
                  <a:lnTo>
                    <a:pt x="579120" y="4572"/>
                  </a:lnTo>
                  <a:lnTo>
                    <a:pt x="579120" y="0"/>
                  </a:lnTo>
                  <a:close/>
                </a:path>
                <a:path w="812800" h="5079">
                  <a:moveTo>
                    <a:pt x="586740" y="0"/>
                  </a:moveTo>
                  <a:lnTo>
                    <a:pt x="582168" y="0"/>
                  </a:lnTo>
                  <a:lnTo>
                    <a:pt x="582168" y="4572"/>
                  </a:lnTo>
                  <a:lnTo>
                    <a:pt x="586740" y="4572"/>
                  </a:lnTo>
                  <a:lnTo>
                    <a:pt x="586740" y="0"/>
                  </a:lnTo>
                  <a:close/>
                </a:path>
                <a:path w="812800" h="5079">
                  <a:moveTo>
                    <a:pt x="757428" y="0"/>
                  </a:moveTo>
                  <a:lnTo>
                    <a:pt x="755904" y="0"/>
                  </a:lnTo>
                  <a:lnTo>
                    <a:pt x="755904"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7908" y="0"/>
                  </a:lnTo>
                  <a:lnTo>
                    <a:pt x="787908"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1624" y="0"/>
                  </a:lnTo>
                  <a:lnTo>
                    <a:pt x="801624"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48" name="object 48"/>
            <p:cNvSpPr/>
            <p:nvPr/>
          </p:nvSpPr>
          <p:spPr>
            <a:xfrm>
              <a:off x="2709672" y="5077968"/>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6096" y="0"/>
                  </a:lnTo>
                  <a:lnTo>
                    <a:pt x="6096"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19812" y="0"/>
                  </a:lnTo>
                  <a:lnTo>
                    <a:pt x="19812"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3528" y="0"/>
                  </a:lnTo>
                  <a:lnTo>
                    <a:pt x="33528"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7244" y="0"/>
                  </a:lnTo>
                  <a:lnTo>
                    <a:pt x="47244"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0960" y="0"/>
                  </a:lnTo>
                  <a:lnTo>
                    <a:pt x="60960"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4676" y="0"/>
                  </a:lnTo>
                  <a:lnTo>
                    <a:pt x="74676"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8392" y="0"/>
                  </a:lnTo>
                  <a:lnTo>
                    <a:pt x="88392"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2108" y="0"/>
                  </a:lnTo>
                  <a:lnTo>
                    <a:pt x="102108"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5824" y="0"/>
                  </a:lnTo>
                  <a:lnTo>
                    <a:pt x="115824"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29540" y="0"/>
                  </a:lnTo>
                  <a:lnTo>
                    <a:pt x="129540"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3256" y="0"/>
                  </a:lnTo>
                  <a:lnTo>
                    <a:pt x="143256"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6972" y="0"/>
                  </a:lnTo>
                  <a:lnTo>
                    <a:pt x="156972" y="4572"/>
                  </a:lnTo>
                  <a:lnTo>
                    <a:pt x="161544" y="4572"/>
                  </a:lnTo>
                  <a:lnTo>
                    <a:pt x="161544" y="0"/>
                  </a:lnTo>
                  <a:close/>
                </a:path>
                <a:path w="812800" h="5079">
                  <a:moveTo>
                    <a:pt x="167640" y="0"/>
                  </a:moveTo>
                  <a:lnTo>
                    <a:pt x="164592" y="0"/>
                  </a:lnTo>
                  <a:lnTo>
                    <a:pt x="164592" y="4572"/>
                  </a:lnTo>
                  <a:lnTo>
                    <a:pt x="167640" y="4572"/>
                  </a:lnTo>
                  <a:lnTo>
                    <a:pt x="167640" y="0"/>
                  </a:lnTo>
                  <a:close/>
                </a:path>
                <a:path w="812800" h="5079">
                  <a:moveTo>
                    <a:pt x="175260" y="0"/>
                  </a:moveTo>
                  <a:lnTo>
                    <a:pt x="170688" y="0"/>
                  </a:lnTo>
                  <a:lnTo>
                    <a:pt x="170688" y="4572"/>
                  </a:lnTo>
                  <a:lnTo>
                    <a:pt x="175260" y="4572"/>
                  </a:lnTo>
                  <a:lnTo>
                    <a:pt x="175260" y="0"/>
                  </a:lnTo>
                  <a:close/>
                </a:path>
                <a:path w="812800" h="5079">
                  <a:moveTo>
                    <a:pt x="181356" y="0"/>
                  </a:moveTo>
                  <a:lnTo>
                    <a:pt x="178308" y="0"/>
                  </a:lnTo>
                  <a:lnTo>
                    <a:pt x="178308" y="4572"/>
                  </a:lnTo>
                  <a:lnTo>
                    <a:pt x="181356" y="4572"/>
                  </a:lnTo>
                  <a:lnTo>
                    <a:pt x="181356" y="0"/>
                  </a:lnTo>
                  <a:close/>
                </a:path>
                <a:path w="812800" h="5079">
                  <a:moveTo>
                    <a:pt x="188976" y="0"/>
                  </a:moveTo>
                  <a:lnTo>
                    <a:pt x="184404" y="0"/>
                  </a:lnTo>
                  <a:lnTo>
                    <a:pt x="184404" y="4572"/>
                  </a:lnTo>
                  <a:lnTo>
                    <a:pt x="188976" y="4572"/>
                  </a:lnTo>
                  <a:lnTo>
                    <a:pt x="188976" y="0"/>
                  </a:lnTo>
                  <a:close/>
                </a:path>
                <a:path w="812800" h="5079">
                  <a:moveTo>
                    <a:pt x="195072" y="0"/>
                  </a:moveTo>
                  <a:lnTo>
                    <a:pt x="192024" y="0"/>
                  </a:lnTo>
                  <a:lnTo>
                    <a:pt x="192024" y="4572"/>
                  </a:lnTo>
                  <a:lnTo>
                    <a:pt x="195072" y="4572"/>
                  </a:lnTo>
                  <a:lnTo>
                    <a:pt x="195072" y="0"/>
                  </a:lnTo>
                  <a:close/>
                </a:path>
                <a:path w="812800" h="5079">
                  <a:moveTo>
                    <a:pt x="202692" y="0"/>
                  </a:moveTo>
                  <a:lnTo>
                    <a:pt x="198120" y="0"/>
                  </a:lnTo>
                  <a:lnTo>
                    <a:pt x="198120" y="4572"/>
                  </a:lnTo>
                  <a:lnTo>
                    <a:pt x="202692" y="4572"/>
                  </a:lnTo>
                  <a:lnTo>
                    <a:pt x="202692" y="0"/>
                  </a:lnTo>
                  <a:close/>
                </a:path>
                <a:path w="812800" h="5079">
                  <a:moveTo>
                    <a:pt x="373380" y="0"/>
                  </a:moveTo>
                  <a:lnTo>
                    <a:pt x="371856" y="0"/>
                  </a:lnTo>
                  <a:lnTo>
                    <a:pt x="371856" y="4572"/>
                  </a:lnTo>
                  <a:lnTo>
                    <a:pt x="373380" y="4572"/>
                  </a:lnTo>
                  <a:lnTo>
                    <a:pt x="373380" y="0"/>
                  </a:lnTo>
                  <a:close/>
                </a:path>
                <a:path w="812800" h="5079">
                  <a:moveTo>
                    <a:pt x="379476" y="0"/>
                  </a:moveTo>
                  <a:lnTo>
                    <a:pt x="376428" y="0"/>
                  </a:lnTo>
                  <a:lnTo>
                    <a:pt x="376428" y="4572"/>
                  </a:lnTo>
                  <a:lnTo>
                    <a:pt x="379476" y="4572"/>
                  </a:lnTo>
                  <a:lnTo>
                    <a:pt x="379476" y="0"/>
                  </a:lnTo>
                  <a:close/>
                </a:path>
                <a:path w="812800" h="5079">
                  <a:moveTo>
                    <a:pt x="387096" y="0"/>
                  </a:moveTo>
                  <a:lnTo>
                    <a:pt x="384048" y="0"/>
                  </a:lnTo>
                  <a:lnTo>
                    <a:pt x="384048" y="4572"/>
                  </a:lnTo>
                  <a:lnTo>
                    <a:pt x="387096" y="4572"/>
                  </a:lnTo>
                  <a:lnTo>
                    <a:pt x="387096" y="0"/>
                  </a:lnTo>
                  <a:close/>
                </a:path>
                <a:path w="812800" h="5079">
                  <a:moveTo>
                    <a:pt x="393192" y="0"/>
                  </a:moveTo>
                  <a:lnTo>
                    <a:pt x="390144" y="0"/>
                  </a:lnTo>
                  <a:lnTo>
                    <a:pt x="390144" y="4572"/>
                  </a:lnTo>
                  <a:lnTo>
                    <a:pt x="393192" y="4572"/>
                  </a:lnTo>
                  <a:lnTo>
                    <a:pt x="393192" y="0"/>
                  </a:lnTo>
                  <a:close/>
                </a:path>
                <a:path w="812800" h="5079">
                  <a:moveTo>
                    <a:pt x="400812" y="0"/>
                  </a:moveTo>
                  <a:lnTo>
                    <a:pt x="397764" y="0"/>
                  </a:lnTo>
                  <a:lnTo>
                    <a:pt x="397764" y="4572"/>
                  </a:lnTo>
                  <a:lnTo>
                    <a:pt x="400812" y="4572"/>
                  </a:lnTo>
                  <a:lnTo>
                    <a:pt x="400812" y="0"/>
                  </a:lnTo>
                  <a:close/>
                </a:path>
                <a:path w="812800" h="5079">
                  <a:moveTo>
                    <a:pt x="406908" y="0"/>
                  </a:moveTo>
                  <a:lnTo>
                    <a:pt x="403860" y="0"/>
                  </a:lnTo>
                  <a:lnTo>
                    <a:pt x="403860" y="4572"/>
                  </a:lnTo>
                  <a:lnTo>
                    <a:pt x="406908" y="4572"/>
                  </a:lnTo>
                  <a:lnTo>
                    <a:pt x="406908" y="0"/>
                  </a:lnTo>
                  <a:close/>
                </a:path>
                <a:path w="812800" h="5079">
                  <a:moveTo>
                    <a:pt x="414528" y="0"/>
                  </a:moveTo>
                  <a:lnTo>
                    <a:pt x="411480" y="0"/>
                  </a:lnTo>
                  <a:lnTo>
                    <a:pt x="411480" y="4572"/>
                  </a:lnTo>
                  <a:lnTo>
                    <a:pt x="414528" y="4572"/>
                  </a:lnTo>
                  <a:lnTo>
                    <a:pt x="414528" y="0"/>
                  </a:lnTo>
                  <a:close/>
                </a:path>
                <a:path w="812800" h="5079">
                  <a:moveTo>
                    <a:pt x="420624" y="0"/>
                  </a:moveTo>
                  <a:lnTo>
                    <a:pt x="417576" y="0"/>
                  </a:lnTo>
                  <a:lnTo>
                    <a:pt x="417576" y="4572"/>
                  </a:lnTo>
                  <a:lnTo>
                    <a:pt x="420624" y="4572"/>
                  </a:lnTo>
                  <a:lnTo>
                    <a:pt x="420624" y="0"/>
                  </a:lnTo>
                  <a:close/>
                </a:path>
                <a:path w="812800" h="5079">
                  <a:moveTo>
                    <a:pt x="428244" y="0"/>
                  </a:moveTo>
                  <a:lnTo>
                    <a:pt x="425196" y="0"/>
                  </a:lnTo>
                  <a:lnTo>
                    <a:pt x="425196" y="4572"/>
                  </a:lnTo>
                  <a:lnTo>
                    <a:pt x="428244" y="4572"/>
                  </a:lnTo>
                  <a:lnTo>
                    <a:pt x="428244" y="0"/>
                  </a:lnTo>
                  <a:close/>
                </a:path>
                <a:path w="812800" h="5079">
                  <a:moveTo>
                    <a:pt x="434340" y="0"/>
                  </a:moveTo>
                  <a:lnTo>
                    <a:pt x="431292" y="0"/>
                  </a:lnTo>
                  <a:lnTo>
                    <a:pt x="431292" y="4572"/>
                  </a:lnTo>
                  <a:lnTo>
                    <a:pt x="434340" y="4572"/>
                  </a:lnTo>
                  <a:lnTo>
                    <a:pt x="434340" y="0"/>
                  </a:lnTo>
                  <a:close/>
                </a:path>
                <a:path w="812800" h="5079">
                  <a:moveTo>
                    <a:pt x="441960" y="0"/>
                  </a:moveTo>
                  <a:lnTo>
                    <a:pt x="438912" y="0"/>
                  </a:lnTo>
                  <a:lnTo>
                    <a:pt x="438912" y="4572"/>
                  </a:lnTo>
                  <a:lnTo>
                    <a:pt x="441960" y="4572"/>
                  </a:lnTo>
                  <a:lnTo>
                    <a:pt x="441960" y="0"/>
                  </a:lnTo>
                  <a:close/>
                </a:path>
                <a:path w="812800" h="5079">
                  <a:moveTo>
                    <a:pt x="448056" y="0"/>
                  </a:moveTo>
                  <a:lnTo>
                    <a:pt x="445008" y="0"/>
                  </a:lnTo>
                  <a:lnTo>
                    <a:pt x="445008" y="4572"/>
                  </a:lnTo>
                  <a:lnTo>
                    <a:pt x="448056" y="4572"/>
                  </a:lnTo>
                  <a:lnTo>
                    <a:pt x="448056" y="0"/>
                  </a:lnTo>
                  <a:close/>
                </a:path>
                <a:path w="812800" h="5079">
                  <a:moveTo>
                    <a:pt x="455676" y="0"/>
                  </a:moveTo>
                  <a:lnTo>
                    <a:pt x="452628" y="0"/>
                  </a:lnTo>
                  <a:lnTo>
                    <a:pt x="452628" y="4572"/>
                  </a:lnTo>
                  <a:lnTo>
                    <a:pt x="455676" y="4572"/>
                  </a:lnTo>
                  <a:lnTo>
                    <a:pt x="455676" y="0"/>
                  </a:lnTo>
                  <a:close/>
                </a:path>
                <a:path w="812800" h="5079">
                  <a:moveTo>
                    <a:pt x="461772" y="0"/>
                  </a:moveTo>
                  <a:lnTo>
                    <a:pt x="458724" y="0"/>
                  </a:lnTo>
                  <a:lnTo>
                    <a:pt x="458724" y="4572"/>
                  </a:lnTo>
                  <a:lnTo>
                    <a:pt x="461772" y="4572"/>
                  </a:lnTo>
                  <a:lnTo>
                    <a:pt x="461772" y="0"/>
                  </a:lnTo>
                  <a:close/>
                </a:path>
                <a:path w="812800" h="5079">
                  <a:moveTo>
                    <a:pt x="469392" y="0"/>
                  </a:moveTo>
                  <a:lnTo>
                    <a:pt x="466344" y="0"/>
                  </a:lnTo>
                  <a:lnTo>
                    <a:pt x="466344" y="4572"/>
                  </a:lnTo>
                  <a:lnTo>
                    <a:pt x="469392" y="4572"/>
                  </a:lnTo>
                  <a:lnTo>
                    <a:pt x="469392" y="0"/>
                  </a:lnTo>
                  <a:close/>
                </a:path>
                <a:path w="812800" h="5079">
                  <a:moveTo>
                    <a:pt x="475488" y="0"/>
                  </a:moveTo>
                  <a:lnTo>
                    <a:pt x="472440" y="0"/>
                  </a:lnTo>
                  <a:lnTo>
                    <a:pt x="472440" y="4572"/>
                  </a:lnTo>
                  <a:lnTo>
                    <a:pt x="475488" y="4572"/>
                  </a:lnTo>
                  <a:lnTo>
                    <a:pt x="475488" y="0"/>
                  </a:lnTo>
                  <a:close/>
                </a:path>
                <a:path w="812800" h="5079">
                  <a:moveTo>
                    <a:pt x="483108" y="0"/>
                  </a:moveTo>
                  <a:lnTo>
                    <a:pt x="480060" y="0"/>
                  </a:lnTo>
                  <a:lnTo>
                    <a:pt x="480060" y="4572"/>
                  </a:lnTo>
                  <a:lnTo>
                    <a:pt x="483108" y="4572"/>
                  </a:lnTo>
                  <a:lnTo>
                    <a:pt x="483108" y="0"/>
                  </a:lnTo>
                  <a:close/>
                </a:path>
                <a:path w="812800" h="5079">
                  <a:moveTo>
                    <a:pt x="489204" y="0"/>
                  </a:moveTo>
                  <a:lnTo>
                    <a:pt x="486156" y="0"/>
                  </a:lnTo>
                  <a:lnTo>
                    <a:pt x="486156" y="4572"/>
                  </a:lnTo>
                  <a:lnTo>
                    <a:pt x="489204" y="4572"/>
                  </a:lnTo>
                  <a:lnTo>
                    <a:pt x="489204" y="0"/>
                  </a:lnTo>
                  <a:close/>
                </a:path>
                <a:path w="812800" h="5079">
                  <a:moveTo>
                    <a:pt x="496824" y="0"/>
                  </a:moveTo>
                  <a:lnTo>
                    <a:pt x="493776" y="0"/>
                  </a:lnTo>
                  <a:lnTo>
                    <a:pt x="493776" y="4572"/>
                  </a:lnTo>
                  <a:lnTo>
                    <a:pt x="496824" y="4572"/>
                  </a:lnTo>
                  <a:lnTo>
                    <a:pt x="496824" y="0"/>
                  </a:lnTo>
                  <a:close/>
                </a:path>
                <a:path w="812800" h="5079">
                  <a:moveTo>
                    <a:pt x="502920" y="0"/>
                  </a:moveTo>
                  <a:lnTo>
                    <a:pt x="499872" y="0"/>
                  </a:lnTo>
                  <a:lnTo>
                    <a:pt x="499872" y="4572"/>
                  </a:lnTo>
                  <a:lnTo>
                    <a:pt x="502920" y="4572"/>
                  </a:lnTo>
                  <a:lnTo>
                    <a:pt x="502920" y="0"/>
                  </a:lnTo>
                  <a:close/>
                </a:path>
                <a:path w="812800" h="5079">
                  <a:moveTo>
                    <a:pt x="510540" y="0"/>
                  </a:moveTo>
                  <a:lnTo>
                    <a:pt x="507492" y="0"/>
                  </a:lnTo>
                  <a:lnTo>
                    <a:pt x="507492" y="4572"/>
                  </a:lnTo>
                  <a:lnTo>
                    <a:pt x="510540" y="4572"/>
                  </a:lnTo>
                  <a:lnTo>
                    <a:pt x="510540" y="0"/>
                  </a:lnTo>
                  <a:close/>
                </a:path>
                <a:path w="812800" h="5079">
                  <a:moveTo>
                    <a:pt x="516636" y="0"/>
                  </a:moveTo>
                  <a:lnTo>
                    <a:pt x="513588" y="0"/>
                  </a:lnTo>
                  <a:lnTo>
                    <a:pt x="513588" y="4572"/>
                  </a:lnTo>
                  <a:lnTo>
                    <a:pt x="516636" y="4572"/>
                  </a:lnTo>
                  <a:lnTo>
                    <a:pt x="516636" y="0"/>
                  </a:lnTo>
                  <a:close/>
                </a:path>
                <a:path w="812800" h="5079">
                  <a:moveTo>
                    <a:pt x="524256" y="0"/>
                  </a:moveTo>
                  <a:lnTo>
                    <a:pt x="521208" y="0"/>
                  </a:lnTo>
                  <a:lnTo>
                    <a:pt x="521208" y="4572"/>
                  </a:lnTo>
                  <a:lnTo>
                    <a:pt x="524256" y="4572"/>
                  </a:lnTo>
                  <a:lnTo>
                    <a:pt x="524256" y="0"/>
                  </a:lnTo>
                  <a:close/>
                </a:path>
                <a:path w="812800" h="5079">
                  <a:moveTo>
                    <a:pt x="530352" y="0"/>
                  </a:moveTo>
                  <a:lnTo>
                    <a:pt x="527304" y="0"/>
                  </a:lnTo>
                  <a:lnTo>
                    <a:pt x="527304" y="4572"/>
                  </a:lnTo>
                  <a:lnTo>
                    <a:pt x="530352" y="4572"/>
                  </a:lnTo>
                  <a:lnTo>
                    <a:pt x="530352" y="0"/>
                  </a:lnTo>
                  <a:close/>
                </a:path>
                <a:path w="812800" h="5079">
                  <a:moveTo>
                    <a:pt x="537972" y="0"/>
                  </a:moveTo>
                  <a:lnTo>
                    <a:pt x="534924" y="0"/>
                  </a:lnTo>
                  <a:lnTo>
                    <a:pt x="534924" y="4572"/>
                  </a:lnTo>
                  <a:lnTo>
                    <a:pt x="537972" y="4572"/>
                  </a:lnTo>
                  <a:lnTo>
                    <a:pt x="537972" y="0"/>
                  </a:lnTo>
                  <a:close/>
                </a:path>
                <a:path w="812800" h="5079">
                  <a:moveTo>
                    <a:pt x="544068" y="0"/>
                  </a:moveTo>
                  <a:lnTo>
                    <a:pt x="541020" y="0"/>
                  </a:lnTo>
                  <a:lnTo>
                    <a:pt x="541020" y="4572"/>
                  </a:lnTo>
                  <a:lnTo>
                    <a:pt x="544068" y="4572"/>
                  </a:lnTo>
                  <a:lnTo>
                    <a:pt x="544068" y="0"/>
                  </a:lnTo>
                  <a:close/>
                </a:path>
                <a:path w="812800" h="5079">
                  <a:moveTo>
                    <a:pt x="551688" y="0"/>
                  </a:moveTo>
                  <a:lnTo>
                    <a:pt x="548640" y="0"/>
                  </a:lnTo>
                  <a:lnTo>
                    <a:pt x="548640" y="4572"/>
                  </a:lnTo>
                  <a:lnTo>
                    <a:pt x="551688" y="4572"/>
                  </a:lnTo>
                  <a:lnTo>
                    <a:pt x="551688" y="0"/>
                  </a:lnTo>
                  <a:close/>
                </a:path>
                <a:path w="812800" h="5079">
                  <a:moveTo>
                    <a:pt x="557771" y="0"/>
                  </a:moveTo>
                  <a:lnTo>
                    <a:pt x="554736" y="0"/>
                  </a:lnTo>
                  <a:lnTo>
                    <a:pt x="554736" y="4572"/>
                  </a:lnTo>
                  <a:lnTo>
                    <a:pt x="557771" y="4572"/>
                  </a:lnTo>
                  <a:lnTo>
                    <a:pt x="557771" y="0"/>
                  </a:lnTo>
                  <a:close/>
                </a:path>
                <a:path w="812800" h="5079">
                  <a:moveTo>
                    <a:pt x="565404" y="0"/>
                  </a:moveTo>
                  <a:lnTo>
                    <a:pt x="562356" y="0"/>
                  </a:lnTo>
                  <a:lnTo>
                    <a:pt x="562356" y="4572"/>
                  </a:lnTo>
                  <a:lnTo>
                    <a:pt x="565404" y="4572"/>
                  </a:lnTo>
                  <a:lnTo>
                    <a:pt x="565404" y="0"/>
                  </a:lnTo>
                  <a:close/>
                </a:path>
                <a:path w="812800" h="5079">
                  <a:moveTo>
                    <a:pt x="571500" y="0"/>
                  </a:moveTo>
                  <a:lnTo>
                    <a:pt x="568452" y="0"/>
                  </a:lnTo>
                  <a:lnTo>
                    <a:pt x="568452" y="4572"/>
                  </a:lnTo>
                  <a:lnTo>
                    <a:pt x="571500" y="4572"/>
                  </a:lnTo>
                  <a:lnTo>
                    <a:pt x="571500" y="0"/>
                  </a:lnTo>
                  <a:close/>
                </a:path>
                <a:path w="812800" h="5079">
                  <a:moveTo>
                    <a:pt x="579107" y="0"/>
                  </a:moveTo>
                  <a:lnTo>
                    <a:pt x="576072" y="0"/>
                  </a:lnTo>
                  <a:lnTo>
                    <a:pt x="576072" y="4572"/>
                  </a:lnTo>
                  <a:lnTo>
                    <a:pt x="579107" y="4572"/>
                  </a:lnTo>
                  <a:lnTo>
                    <a:pt x="579107" y="0"/>
                  </a:lnTo>
                  <a:close/>
                </a:path>
                <a:path w="812800" h="5079">
                  <a:moveTo>
                    <a:pt x="585216" y="0"/>
                  </a:moveTo>
                  <a:lnTo>
                    <a:pt x="582168" y="0"/>
                  </a:lnTo>
                  <a:lnTo>
                    <a:pt x="582168" y="4572"/>
                  </a:lnTo>
                  <a:lnTo>
                    <a:pt x="585216" y="4572"/>
                  </a:lnTo>
                  <a:lnTo>
                    <a:pt x="585216" y="0"/>
                  </a:lnTo>
                  <a:close/>
                </a:path>
                <a:path w="812800" h="5079">
                  <a:moveTo>
                    <a:pt x="592836" y="0"/>
                  </a:moveTo>
                  <a:lnTo>
                    <a:pt x="589788" y="0"/>
                  </a:lnTo>
                  <a:lnTo>
                    <a:pt x="589788" y="4572"/>
                  </a:lnTo>
                  <a:lnTo>
                    <a:pt x="592836" y="4572"/>
                  </a:lnTo>
                  <a:lnTo>
                    <a:pt x="592836" y="0"/>
                  </a:lnTo>
                  <a:close/>
                </a:path>
                <a:path w="812800" h="5079">
                  <a:moveTo>
                    <a:pt x="598919" y="0"/>
                  </a:moveTo>
                  <a:lnTo>
                    <a:pt x="595871" y="0"/>
                  </a:lnTo>
                  <a:lnTo>
                    <a:pt x="595871" y="4572"/>
                  </a:lnTo>
                  <a:lnTo>
                    <a:pt x="598919" y="4572"/>
                  </a:lnTo>
                  <a:lnTo>
                    <a:pt x="598919" y="0"/>
                  </a:lnTo>
                  <a:close/>
                </a:path>
                <a:path w="812800" h="5079">
                  <a:moveTo>
                    <a:pt x="606552" y="0"/>
                  </a:moveTo>
                  <a:lnTo>
                    <a:pt x="603504" y="0"/>
                  </a:lnTo>
                  <a:lnTo>
                    <a:pt x="603504" y="4572"/>
                  </a:lnTo>
                  <a:lnTo>
                    <a:pt x="606552" y="4572"/>
                  </a:lnTo>
                  <a:lnTo>
                    <a:pt x="606552" y="0"/>
                  </a:lnTo>
                  <a:close/>
                </a:path>
                <a:path w="812800" h="5079">
                  <a:moveTo>
                    <a:pt x="612648" y="0"/>
                  </a:moveTo>
                  <a:lnTo>
                    <a:pt x="609600" y="0"/>
                  </a:lnTo>
                  <a:lnTo>
                    <a:pt x="609600" y="4572"/>
                  </a:lnTo>
                  <a:lnTo>
                    <a:pt x="612648" y="4572"/>
                  </a:lnTo>
                  <a:lnTo>
                    <a:pt x="612648" y="0"/>
                  </a:lnTo>
                  <a:close/>
                </a:path>
                <a:path w="812800" h="5079">
                  <a:moveTo>
                    <a:pt x="620268" y="0"/>
                  </a:moveTo>
                  <a:lnTo>
                    <a:pt x="617207" y="0"/>
                  </a:lnTo>
                  <a:lnTo>
                    <a:pt x="617207" y="4572"/>
                  </a:lnTo>
                  <a:lnTo>
                    <a:pt x="620268" y="4572"/>
                  </a:lnTo>
                  <a:lnTo>
                    <a:pt x="620268" y="0"/>
                  </a:lnTo>
                  <a:close/>
                </a:path>
                <a:path w="812800" h="5079">
                  <a:moveTo>
                    <a:pt x="626364" y="0"/>
                  </a:moveTo>
                  <a:lnTo>
                    <a:pt x="623316" y="0"/>
                  </a:lnTo>
                  <a:lnTo>
                    <a:pt x="623316" y="4572"/>
                  </a:lnTo>
                  <a:lnTo>
                    <a:pt x="626364" y="4572"/>
                  </a:lnTo>
                  <a:lnTo>
                    <a:pt x="626364" y="0"/>
                  </a:lnTo>
                  <a:close/>
                </a:path>
                <a:path w="812800" h="5079">
                  <a:moveTo>
                    <a:pt x="798576" y="0"/>
                  </a:moveTo>
                  <a:lnTo>
                    <a:pt x="797052" y="0"/>
                  </a:lnTo>
                  <a:lnTo>
                    <a:pt x="797052"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49" name="object 49"/>
            <p:cNvSpPr/>
            <p:nvPr/>
          </p:nvSpPr>
          <p:spPr>
            <a:xfrm>
              <a:off x="3518916" y="5077968"/>
              <a:ext cx="646430" cy="5080"/>
            </a:xfrm>
            <a:custGeom>
              <a:avLst/>
              <a:gdLst/>
              <a:ahLst/>
              <a:cxnLst/>
              <a:rect l="l" t="t" r="r" b="b"/>
              <a:pathLst>
                <a:path w="646429" h="5079">
                  <a:moveTo>
                    <a:pt x="3048" y="0"/>
                  </a:moveTo>
                  <a:lnTo>
                    <a:pt x="0" y="0"/>
                  </a:lnTo>
                  <a:lnTo>
                    <a:pt x="0" y="4572"/>
                  </a:lnTo>
                  <a:lnTo>
                    <a:pt x="3048" y="4572"/>
                  </a:lnTo>
                  <a:lnTo>
                    <a:pt x="3048" y="0"/>
                  </a:lnTo>
                  <a:close/>
                </a:path>
                <a:path w="646429" h="5079">
                  <a:moveTo>
                    <a:pt x="9144" y="0"/>
                  </a:moveTo>
                  <a:lnTo>
                    <a:pt x="6096" y="0"/>
                  </a:lnTo>
                  <a:lnTo>
                    <a:pt x="6096" y="4572"/>
                  </a:lnTo>
                  <a:lnTo>
                    <a:pt x="9144" y="4572"/>
                  </a:lnTo>
                  <a:lnTo>
                    <a:pt x="9144" y="0"/>
                  </a:lnTo>
                  <a:close/>
                </a:path>
                <a:path w="646429" h="5079">
                  <a:moveTo>
                    <a:pt x="16764" y="0"/>
                  </a:moveTo>
                  <a:lnTo>
                    <a:pt x="12192" y="0"/>
                  </a:lnTo>
                  <a:lnTo>
                    <a:pt x="12192" y="4572"/>
                  </a:lnTo>
                  <a:lnTo>
                    <a:pt x="16764" y="4572"/>
                  </a:lnTo>
                  <a:lnTo>
                    <a:pt x="16764" y="0"/>
                  </a:lnTo>
                  <a:close/>
                </a:path>
                <a:path w="646429" h="5079">
                  <a:moveTo>
                    <a:pt x="22860" y="0"/>
                  </a:moveTo>
                  <a:lnTo>
                    <a:pt x="19812" y="0"/>
                  </a:lnTo>
                  <a:lnTo>
                    <a:pt x="19812" y="4572"/>
                  </a:lnTo>
                  <a:lnTo>
                    <a:pt x="22860" y="4572"/>
                  </a:lnTo>
                  <a:lnTo>
                    <a:pt x="22860" y="0"/>
                  </a:lnTo>
                  <a:close/>
                </a:path>
                <a:path w="646429" h="5079">
                  <a:moveTo>
                    <a:pt x="30480" y="0"/>
                  </a:moveTo>
                  <a:lnTo>
                    <a:pt x="25908" y="0"/>
                  </a:lnTo>
                  <a:lnTo>
                    <a:pt x="25908" y="4572"/>
                  </a:lnTo>
                  <a:lnTo>
                    <a:pt x="30480" y="4572"/>
                  </a:lnTo>
                  <a:lnTo>
                    <a:pt x="30480" y="0"/>
                  </a:lnTo>
                  <a:close/>
                </a:path>
                <a:path w="646429" h="5079">
                  <a:moveTo>
                    <a:pt x="36576" y="0"/>
                  </a:moveTo>
                  <a:lnTo>
                    <a:pt x="33528" y="0"/>
                  </a:lnTo>
                  <a:lnTo>
                    <a:pt x="33528" y="4572"/>
                  </a:lnTo>
                  <a:lnTo>
                    <a:pt x="36576" y="4572"/>
                  </a:lnTo>
                  <a:lnTo>
                    <a:pt x="36576" y="0"/>
                  </a:lnTo>
                  <a:close/>
                </a:path>
                <a:path w="646429" h="5079">
                  <a:moveTo>
                    <a:pt x="44196" y="0"/>
                  </a:moveTo>
                  <a:lnTo>
                    <a:pt x="39624" y="0"/>
                  </a:lnTo>
                  <a:lnTo>
                    <a:pt x="39624" y="4572"/>
                  </a:lnTo>
                  <a:lnTo>
                    <a:pt x="44196" y="4572"/>
                  </a:lnTo>
                  <a:lnTo>
                    <a:pt x="44196" y="0"/>
                  </a:lnTo>
                  <a:close/>
                </a:path>
                <a:path w="646429" h="5079">
                  <a:moveTo>
                    <a:pt x="50292" y="0"/>
                  </a:moveTo>
                  <a:lnTo>
                    <a:pt x="47244" y="0"/>
                  </a:lnTo>
                  <a:lnTo>
                    <a:pt x="47244" y="4572"/>
                  </a:lnTo>
                  <a:lnTo>
                    <a:pt x="50292" y="4572"/>
                  </a:lnTo>
                  <a:lnTo>
                    <a:pt x="50292" y="0"/>
                  </a:lnTo>
                  <a:close/>
                </a:path>
                <a:path w="646429" h="5079">
                  <a:moveTo>
                    <a:pt x="57912" y="0"/>
                  </a:moveTo>
                  <a:lnTo>
                    <a:pt x="53340" y="0"/>
                  </a:lnTo>
                  <a:lnTo>
                    <a:pt x="53340" y="4572"/>
                  </a:lnTo>
                  <a:lnTo>
                    <a:pt x="57912" y="4572"/>
                  </a:lnTo>
                  <a:lnTo>
                    <a:pt x="57912" y="0"/>
                  </a:lnTo>
                  <a:close/>
                </a:path>
                <a:path w="646429" h="5079">
                  <a:moveTo>
                    <a:pt x="64008" y="0"/>
                  </a:moveTo>
                  <a:lnTo>
                    <a:pt x="60960" y="0"/>
                  </a:lnTo>
                  <a:lnTo>
                    <a:pt x="60960" y="4572"/>
                  </a:lnTo>
                  <a:lnTo>
                    <a:pt x="64008" y="4572"/>
                  </a:lnTo>
                  <a:lnTo>
                    <a:pt x="64008" y="0"/>
                  </a:lnTo>
                  <a:close/>
                </a:path>
                <a:path w="646429" h="5079">
                  <a:moveTo>
                    <a:pt x="71628" y="0"/>
                  </a:moveTo>
                  <a:lnTo>
                    <a:pt x="67056" y="0"/>
                  </a:lnTo>
                  <a:lnTo>
                    <a:pt x="67056" y="4572"/>
                  </a:lnTo>
                  <a:lnTo>
                    <a:pt x="71628" y="4572"/>
                  </a:lnTo>
                  <a:lnTo>
                    <a:pt x="71628" y="0"/>
                  </a:lnTo>
                  <a:close/>
                </a:path>
                <a:path w="646429" h="5079">
                  <a:moveTo>
                    <a:pt x="77724" y="0"/>
                  </a:moveTo>
                  <a:lnTo>
                    <a:pt x="74676" y="0"/>
                  </a:lnTo>
                  <a:lnTo>
                    <a:pt x="74676" y="4572"/>
                  </a:lnTo>
                  <a:lnTo>
                    <a:pt x="77724" y="4572"/>
                  </a:lnTo>
                  <a:lnTo>
                    <a:pt x="77724" y="0"/>
                  </a:lnTo>
                  <a:close/>
                </a:path>
                <a:path w="646429" h="5079">
                  <a:moveTo>
                    <a:pt x="85344" y="0"/>
                  </a:moveTo>
                  <a:lnTo>
                    <a:pt x="80772" y="0"/>
                  </a:lnTo>
                  <a:lnTo>
                    <a:pt x="80772" y="4572"/>
                  </a:lnTo>
                  <a:lnTo>
                    <a:pt x="85344" y="4572"/>
                  </a:lnTo>
                  <a:lnTo>
                    <a:pt x="85344" y="0"/>
                  </a:lnTo>
                  <a:close/>
                </a:path>
                <a:path w="646429" h="5079">
                  <a:moveTo>
                    <a:pt x="91440" y="0"/>
                  </a:moveTo>
                  <a:lnTo>
                    <a:pt x="88392" y="0"/>
                  </a:lnTo>
                  <a:lnTo>
                    <a:pt x="88392" y="4572"/>
                  </a:lnTo>
                  <a:lnTo>
                    <a:pt x="91440" y="4572"/>
                  </a:lnTo>
                  <a:lnTo>
                    <a:pt x="91440" y="0"/>
                  </a:lnTo>
                  <a:close/>
                </a:path>
                <a:path w="646429" h="5079">
                  <a:moveTo>
                    <a:pt x="99060" y="0"/>
                  </a:moveTo>
                  <a:lnTo>
                    <a:pt x="94488" y="0"/>
                  </a:lnTo>
                  <a:lnTo>
                    <a:pt x="94488" y="4572"/>
                  </a:lnTo>
                  <a:lnTo>
                    <a:pt x="99060" y="4572"/>
                  </a:lnTo>
                  <a:lnTo>
                    <a:pt x="99060" y="0"/>
                  </a:lnTo>
                  <a:close/>
                </a:path>
                <a:path w="646429" h="5079">
                  <a:moveTo>
                    <a:pt x="105156" y="0"/>
                  </a:moveTo>
                  <a:lnTo>
                    <a:pt x="102108" y="0"/>
                  </a:lnTo>
                  <a:lnTo>
                    <a:pt x="102108" y="4572"/>
                  </a:lnTo>
                  <a:lnTo>
                    <a:pt x="105156" y="4572"/>
                  </a:lnTo>
                  <a:lnTo>
                    <a:pt x="105156" y="0"/>
                  </a:lnTo>
                  <a:close/>
                </a:path>
                <a:path w="646429" h="5079">
                  <a:moveTo>
                    <a:pt x="112776" y="0"/>
                  </a:moveTo>
                  <a:lnTo>
                    <a:pt x="108204" y="0"/>
                  </a:lnTo>
                  <a:lnTo>
                    <a:pt x="108204" y="4572"/>
                  </a:lnTo>
                  <a:lnTo>
                    <a:pt x="112776" y="4572"/>
                  </a:lnTo>
                  <a:lnTo>
                    <a:pt x="112776" y="0"/>
                  </a:lnTo>
                  <a:close/>
                </a:path>
                <a:path w="646429" h="5079">
                  <a:moveTo>
                    <a:pt x="118872" y="0"/>
                  </a:moveTo>
                  <a:lnTo>
                    <a:pt x="115824" y="0"/>
                  </a:lnTo>
                  <a:lnTo>
                    <a:pt x="115824" y="4572"/>
                  </a:lnTo>
                  <a:lnTo>
                    <a:pt x="118872" y="4572"/>
                  </a:lnTo>
                  <a:lnTo>
                    <a:pt x="118872" y="0"/>
                  </a:lnTo>
                  <a:close/>
                </a:path>
                <a:path w="646429" h="5079">
                  <a:moveTo>
                    <a:pt x="126492" y="0"/>
                  </a:moveTo>
                  <a:lnTo>
                    <a:pt x="121920" y="0"/>
                  </a:lnTo>
                  <a:lnTo>
                    <a:pt x="121920" y="4572"/>
                  </a:lnTo>
                  <a:lnTo>
                    <a:pt x="126492" y="4572"/>
                  </a:lnTo>
                  <a:lnTo>
                    <a:pt x="126492" y="0"/>
                  </a:lnTo>
                  <a:close/>
                </a:path>
                <a:path w="646429" h="5079">
                  <a:moveTo>
                    <a:pt x="132588" y="0"/>
                  </a:moveTo>
                  <a:lnTo>
                    <a:pt x="129540" y="0"/>
                  </a:lnTo>
                  <a:lnTo>
                    <a:pt x="129540" y="4572"/>
                  </a:lnTo>
                  <a:lnTo>
                    <a:pt x="132588" y="4572"/>
                  </a:lnTo>
                  <a:lnTo>
                    <a:pt x="132588" y="0"/>
                  </a:lnTo>
                  <a:close/>
                </a:path>
                <a:path w="646429" h="5079">
                  <a:moveTo>
                    <a:pt x="140208" y="0"/>
                  </a:moveTo>
                  <a:lnTo>
                    <a:pt x="135636" y="0"/>
                  </a:lnTo>
                  <a:lnTo>
                    <a:pt x="135636" y="4572"/>
                  </a:lnTo>
                  <a:lnTo>
                    <a:pt x="140208" y="4572"/>
                  </a:lnTo>
                  <a:lnTo>
                    <a:pt x="140208" y="0"/>
                  </a:lnTo>
                  <a:close/>
                </a:path>
                <a:path w="646429" h="5079">
                  <a:moveTo>
                    <a:pt x="146304" y="0"/>
                  </a:moveTo>
                  <a:lnTo>
                    <a:pt x="143256" y="0"/>
                  </a:lnTo>
                  <a:lnTo>
                    <a:pt x="143256" y="4572"/>
                  </a:lnTo>
                  <a:lnTo>
                    <a:pt x="146304" y="4572"/>
                  </a:lnTo>
                  <a:lnTo>
                    <a:pt x="146304" y="0"/>
                  </a:lnTo>
                  <a:close/>
                </a:path>
                <a:path w="646429" h="5079">
                  <a:moveTo>
                    <a:pt x="153924" y="0"/>
                  </a:moveTo>
                  <a:lnTo>
                    <a:pt x="149352" y="0"/>
                  </a:lnTo>
                  <a:lnTo>
                    <a:pt x="149352" y="4572"/>
                  </a:lnTo>
                  <a:lnTo>
                    <a:pt x="153924" y="4572"/>
                  </a:lnTo>
                  <a:lnTo>
                    <a:pt x="153924" y="0"/>
                  </a:lnTo>
                  <a:close/>
                </a:path>
                <a:path w="646429" h="5079">
                  <a:moveTo>
                    <a:pt x="160020" y="0"/>
                  </a:moveTo>
                  <a:lnTo>
                    <a:pt x="156972" y="0"/>
                  </a:lnTo>
                  <a:lnTo>
                    <a:pt x="156972" y="4572"/>
                  </a:lnTo>
                  <a:lnTo>
                    <a:pt x="160020" y="4572"/>
                  </a:lnTo>
                  <a:lnTo>
                    <a:pt x="160020" y="0"/>
                  </a:lnTo>
                  <a:close/>
                </a:path>
                <a:path w="646429" h="5079">
                  <a:moveTo>
                    <a:pt x="167640" y="0"/>
                  </a:moveTo>
                  <a:lnTo>
                    <a:pt x="163068" y="0"/>
                  </a:lnTo>
                  <a:lnTo>
                    <a:pt x="163068" y="4572"/>
                  </a:lnTo>
                  <a:lnTo>
                    <a:pt x="167640" y="4572"/>
                  </a:lnTo>
                  <a:lnTo>
                    <a:pt x="167640" y="0"/>
                  </a:lnTo>
                  <a:close/>
                </a:path>
                <a:path w="646429" h="5079">
                  <a:moveTo>
                    <a:pt x="173736" y="0"/>
                  </a:moveTo>
                  <a:lnTo>
                    <a:pt x="170688" y="0"/>
                  </a:lnTo>
                  <a:lnTo>
                    <a:pt x="170688" y="4572"/>
                  </a:lnTo>
                  <a:lnTo>
                    <a:pt x="173736" y="4572"/>
                  </a:lnTo>
                  <a:lnTo>
                    <a:pt x="173736" y="0"/>
                  </a:lnTo>
                  <a:close/>
                </a:path>
                <a:path w="646429" h="5079">
                  <a:moveTo>
                    <a:pt x="181356" y="0"/>
                  </a:moveTo>
                  <a:lnTo>
                    <a:pt x="176784" y="0"/>
                  </a:lnTo>
                  <a:lnTo>
                    <a:pt x="176784" y="4572"/>
                  </a:lnTo>
                  <a:lnTo>
                    <a:pt x="181356" y="4572"/>
                  </a:lnTo>
                  <a:lnTo>
                    <a:pt x="181356" y="0"/>
                  </a:lnTo>
                  <a:close/>
                </a:path>
                <a:path w="646429" h="5079">
                  <a:moveTo>
                    <a:pt x="187452" y="0"/>
                  </a:moveTo>
                  <a:lnTo>
                    <a:pt x="184404" y="0"/>
                  </a:lnTo>
                  <a:lnTo>
                    <a:pt x="184404" y="4572"/>
                  </a:lnTo>
                  <a:lnTo>
                    <a:pt x="187452" y="4572"/>
                  </a:lnTo>
                  <a:lnTo>
                    <a:pt x="187452" y="0"/>
                  </a:lnTo>
                  <a:close/>
                </a:path>
                <a:path w="646429" h="5079">
                  <a:moveTo>
                    <a:pt x="195072" y="0"/>
                  </a:moveTo>
                  <a:lnTo>
                    <a:pt x="190500" y="0"/>
                  </a:lnTo>
                  <a:lnTo>
                    <a:pt x="190500" y="4572"/>
                  </a:lnTo>
                  <a:lnTo>
                    <a:pt x="195072" y="4572"/>
                  </a:lnTo>
                  <a:lnTo>
                    <a:pt x="195072" y="0"/>
                  </a:lnTo>
                  <a:close/>
                </a:path>
                <a:path w="646429" h="5079">
                  <a:moveTo>
                    <a:pt x="201168" y="0"/>
                  </a:moveTo>
                  <a:lnTo>
                    <a:pt x="198120" y="0"/>
                  </a:lnTo>
                  <a:lnTo>
                    <a:pt x="198120" y="4572"/>
                  </a:lnTo>
                  <a:lnTo>
                    <a:pt x="201168" y="4572"/>
                  </a:lnTo>
                  <a:lnTo>
                    <a:pt x="201168" y="0"/>
                  </a:lnTo>
                  <a:close/>
                </a:path>
                <a:path w="646429" h="5079">
                  <a:moveTo>
                    <a:pt x="208788" y="0"/>
                  </a:moveTo>
                  <a:lnTo>
                    <a:pt x="204216" y="0"/>
                  </a:lnTo>
                  <a:lnTo>
                    <a:pt x="204216" y="4572"/>
                  </a:lnTo>
                  <a:lnTo>
                    <a:pt x="208788" y="4572"/>
                  </a:lnTo>
                  <a:lnTo>
                    <a:pt x="208788" y="0"/>
                  </a:lnTo>
                  <a:close/>
                </a:path>
                <a:path w="646429" h="5079">
                  <a:moveTo>
                    <a:pt x="214884" y="0"/>
                  </a:moveTo>
                  <a:lnTo>
                    <a:pt x="211836" y="0"/>
                  </a:lnTo>
                  <a:lnTo>
                    <a:pt x="211836" y="4572"/>
                  </a:lnTo>
                  <a:lnTo>
                    <a:pt x="214884" y="4572"/>
                  </a:lnTo>
                  <a:lnTo>
                    <a:pt x="214884" y="0"/>
                  </a:lnTo>
                  <a:close/>
                </a:path>
                <a:path w="646429" h="5079">
                  <a:moveTo>
                    <a:pt x="222504" y="0"/>
                  </a:moveTo>
                  <a:lnTo>
                    <a:pt x="217932" y="0"/>
                  </a:lnTo>
                  <a:lnTo>
                    <a:pt x="217932" y="4572"/>
                  </a:lnTo>
                  <a:lnTo>
                    <a:pt x="222504" y="4572"/>
                  </a:lnTo>
                  <a:lnTo>
                    <a:pt x="222504" y="0"/>
                  </a:lnTo>
                  <a:close/>
                </a:path>
                <a:path w="646429" h="5079">
                  <a:moveTo>
                    <a:pt x="228600" y="0"/>
                  </a:moveTo>
                  <a:lnTo>
                    <a:pt x="225552" y="0"/>
                  </a:lnTo>
                  <a:lnTo>
                    <a:pt x="225552" y="4572"/>
                  </a:lnTo>
                  <a:lnTo>
                    <a:pt x="228600" y="4572"/>
                  </a:lnTo>
                  <a:lnTo>
                    <a:pt x="228600" y="0"/>
                  </a:lnTo>
                  <a:close/>
                </a:path>
                <a:path w="646429" h="5079">
                  <a:moveTo>
                    <a:pt x="236220" y="0"/>
                  </a:moveTo>
                  <a:lnTo>
                    <a:pt x="231648" y="0"/>
                  </a:lnTo>
                  <a:lnTo>
                    <a:pt x="231648" y="4572"/>
                  </a:lnTo>
                  <a:lnTo>
                    <a:pt x="236220" y="4572"/>
                  </a:lnTo>
                  <a:lnTo>
                    <a:pt x="236220" y="0"/>
                  </a:lnTo>
                  <a:close/>
                </a:path>
                <a:path w="646429" h="5079">
                  <a:moveTo>
                    <a:pt x="242316" y="0"/>
                  </a:moveTo>
                  <a:lnTo>
                    <a:pt x="239268" y="0"/>
                  </a:lnTo>
                  <a:lnTo>
                    <a:pt x="239268" y="4572"/>
                  </a:lnTo>
                  <a:lnTo>
                    <a:pt x="242316" y="4572"/>
                  </a:lnTo>
                  <a:lnTo>
                    <a:pt x="242316" y="0"/>
                  </a:lnTo>
                  <a:close/>
                </a:path>
                <a:path w="646429" h="5079">
                  <a:moveTo>
                    <a:pt x="414528" y="0"/>
                  </a:moveTo>
                  <a:lnTo>
                    <a:pt x="413004" y="0"/>
                  </a:lnTo>
                  <a:lnTo>
                    <a:pt x="413004" y="4572"/>
                  </a:lnTo>
                  <a:lnTo>
                    <a:pt x="414528" y="4572"/>
                  </a:lnTo>
                  <a:lnTo>
                    <a:pt x="414528" y="0"/>
                  </a:lnTo>
                  <a:close/>
                </a:path>
                <a:path w="646429" h="5079">
                  <a:moveTo>
                    <a:pt x="420624" y="0"/>
                  </a:moveTo>
                  <a:lnTo>
                    <a:pt x="417576" y="0"/>
                  </a:lnTo>
                  <a:lnTo>
                    <a:pt x="417576" y="4572"/>
                  </a:lnTo>
                  <a:lnTo>
                    <a:pt x="420624" y="4572"/>
                  </a:lnTo>
                  <a:lnTo>
                    <a:pt x="420624" y="0"/>
                  </a:lnTo>
                  <a:close/>
                </a:path>
                <a:path w="646429" h="5079">
                  <a:moveTo>
                    <a:pt x="428244" y="0"/>
                  </a:moveTo>
                  <a:lnTo>
                    <a:pt x="423672" y="0"/>
                  </a:lnTo>
                  <a:lnTo>
                    <a:pt x="423672" y="4572"/>
                  </a:lnTo>
                  <a:lnTo>
                    <a:pt x="428244" y="4572"/>
                  </a:lnTo>
                  <a:lnTo>
                    <a:pt x="428244" y="0"/>
                  </a:lnTo>
                  <a:close/>
                </a:path>
                <a:path w="646429" h="5079">
                  <a:moveTo>
                    <a:pt x="434340" y="0"/>
                  </a:moveTo>
                  <a:lnTo>
                    <a:pt x="431292" y="0"/>
                  </a:lnTo>
                  <a:lnTo>
                    <a:pt x="431292" y="4572"/>
                  </a:lnTo>
                  <a:lnTo>
                    <a:pt x="434340" y="4572"/>
                  </a:lnTo>
                  <a:lnTo>
                    <a:pt x="434340" y="0"/>
                  </a:lnTo>
                  <a:close/>
                </a:path>
                <a:path w="646429" h="5079">
                  <a:moveTo>
                    <a:pt x="441960" y="0"/>
                  </a:moveTo>
                  <a:lnTo>
                    <a:pt x="437388" y="0"/>
                  </a:lnTo>
                  <a:lnTo>
                    <a:pt x="437388" y="4572"/>
                  </a:lnTo>
                  <a:lnTo>
                    <a:pt x="441960" y="4572"/>
                  </a:lnTo>
                  <a:lnTo>
                    <a:pt x="441960" y="0"/>
                  </a:lnTo>
                  <a:close/>
                </a:path>
                <a:path w="646429" h="5079">
                  <a:moveTo>
                    <a:pt x="448056" y="0"/>
                  </a:moveTo>
                  <a:lnTo>
                    <a:pt x="445008" y="0"/>
                  </a:lnTo>
                  <a:lnTo>
                    <a:pt x="445008" y="4572"/>
                  </a:lnTo>
                  <a:lnTo>
                    <a:pt x="448056" y="4572"/>
                  </a:lnTo>
                  <a:lnTo>
                    <a:pt x="448056" y="0"/>
                  </a:lnTo>
                  <a:close/>
                </a:path>
                <a:path w="646429" h="5079">
                  <a:moveTo>
                    <a:pt x="455676" y="0"/>
                  </a:moveTo>
                  <a:lnTo>
                    <a:pt x="451104" y="0"/>
                  </a:lnTo>
                  <a:lnTo>
                    <a:pt x="451104" y="4572"/>
                  </a:lnTo>
                  <a:lnTo>
                    <a:pt x="455676" y="4572"/>
                  </a:lnTo>
                  <a:lnTo>
                    <a:pt x="455676" y="0"/>
                  </a:lnTo>
                  <a:close/>
                </a:path>
                <a:path w="646429" h="5079">
                  <a:moveTo>
                    <a:pt x="461772" y="0"/>
                  </a:moveTo>
                  <a:lnTo>
                    <a:pt x="458724" y="0"/>
                  </a:lnTo>
                  <a:lnTo>
                    <a:pt x="458724" y="4572"/>
                  </a:lnTo>
                  <a:lnTo>
                    <a:pt x="461772" y="4572"/>
                  </a:lnTo>
                  <a:lnTo>
                    <a:pt x="461772" y="0"/>
                  </a:lnTo>
                  <a:close/>
                </a:path>
                <a:path w="646429" h="5079">
                  <a:moveTo>
                    <a:pt x="469392" y="0"/>
                  </a:moveTo>
                  <a:lnTo>
                    <a:pt x="464820" y="0"/>
                  </a:lnTo>
                  <a:lnTo>
                    <a:pt x="464820" y="4572"/>
                  </a:lnTo>
                  <a:lnTo>
                    <a:pt x="469392" y="4572"/>
                  </a:lnTo>
                  <a:lnTo>
                    <a:pt x="469392" y="0"/>
                  </a:lnTo>
                  <a:close/>
                </a:path>
                <a:path w="646429" h="5079">
                  <a:moveTo>
                    <a:pt x="475488" y="0"/>
                  </a:moveTo>
                  <a:lnTo>
                    <a:pt x="472440" y="0"/>
                  </a:lnTo>
                  <a:lnTo>
                    <a:pt x="472440" y="4572"/>
                  </a:lnTo>
                  <a:lnTo>
                    <a:pt x="475488" y="4572"/>
                  </a:lnTo>
                  <a:lnTo>
                    <a:pt x="475488" y="0"/>
                  </a:lnTo>
                  <a:close/>
                </a:path>
                <a:path w="646429" h="5079">
                  <a:moveTo>
                    <a:pt x="483108" y="0"/>
                  </a:moveTo>
                  <a:lnTo>
                    <a:pt x="478536" y="0"/>
                  </a:lnTo>
                  <a:lnTo>
                    <a:pt x="478536" y="4572"/>
                  </a:lnTo>
                  <a:lnTo>
                    <a:pt x="483108" y="4572"/>
                  </a:lnTo>
                  <a:lnTo>
                    <a:pt x="483108" y="0"/>
                  </a:lnTo>
                  <a:close/>
                </a:path>
                <a:path w="646429" h="5079">
                  <a:moveTo>
                    <a:pt x="489204" y="0"/>
                  </a:moveTo>
                  <a:lnTo>
                    <a:pt x="486156" y="0"/>
                  </a:lnTo>
                  <a:lnTo>
                    <a:pt x="486156" y="4572"/>
                  </a:lnTo>
                  <a:lnTo>
                    <a:pt x="489204" y="4572"/>
                  </a:lnTo>
                  <a:lnTo>
                    <a:pt x="489204" y="0"/>
                  </a:lnTo>
                  <a:close/>
                </a:path>
                <a:path w="646429" h="5079">
                  <a:moveTo>
                    <a:pt x="496824" y="0"/>
                  </a:moveTo>
                  <a:lnTo>
                    <a:pt x="492252" y="0"/>
                  </a:lnTo>
                  <a:lnTo>
                    <a:pt x="492252" y="4572"/>
                  </a:lnTo>
                  <a:lnTo>
                    <a:pt x="496824" y="4572"/>
                  </a:lnTo>
                  <a:lnTo>
                    <a:pt x="496824" y="0"/>
                  </a:lnTo>
                  <a:close/>
                </a:path>
                <a:path w="646429" h="5079">
                  <a:moveTo>
                    <a:pt x="502920" y="0"/>
                  </a:moveTo>
                  <a:lnTo>
                    <a:pt x="499872" y="0"/>
                  </a:lnTo>
                  <a:lnTo>
                    <a:pt x="499872" y="4572"/>
                  </a:lnTo>
                  <a:lnTo>
                    <a:pt x="502920" y="4572"/>
                  </a:lnTo>
                  <a:lnTo>
                    <a:pt x="502920" y="0"/>
                  </a:lnTo>
                  <a:close/>
                </a:path>
                <a:path w="646429" h="5079">
                  <a:moveTo>
                    <a:pt x="510540" y="0"/>
                  </a:moveTo>
                  <a:lnTo>
                    <a:pt x="505968" y="0"/>
                  </a:lnTo>
                  <a:lnTo>
                    <a:pt x="505968" y="4572"/>
                  </a:lnTo>
                  <a:lnTo>
                    <a:pt x="510540" y="4572"/>
                  </a:lnTo>
                  <a:lnTo>
                    <a:pt x="510540" y="0"/>
                  </a:lnTo>
                  <a:close/>
                </a:path>
                <a:path w="646429" h="5079">
                  <a:moveTo>
                    <a:pt x="516636" y="0"/>
                  </a:moveTo>
                  <a:lnTo>
                    <a:pt x="513588" y="0"/>
                  </a:lnTo>
                  <a:lnTo>
                    <a:pt x="513588" y="4572"/>
                  </a:lnTo>
                  <a:lnTo>
                    <a:pt x="516636" y="4572"/>
                  </a:lnTo>
                  <a:lnTo>
                    <a:pt x="516636" y="0"/>
                  </a:lnTo>
                  <a:close/>
                </a:path>
                <a:path w="646429" h="5079">
                  <a:moveTo>
                    <a:pt x="524256" y="0"/>
                  </a:moveTo>
                  <a:lnTo>
                    <a:pt x="519684" y="0"/>
                  </a:lnTo>
                  <a:lnTo>
                    <a:pt x="519684" y="4572"/>
                  </a:lnTo>
                  <a:lnTo>
                    <a:pt x="524256" y="4572"/>
                  </a:lnTo>
                  <a:lnTo>
                    <a:pt x="524256" y="0"/>
                  </a:lnTo>
                  <a:close/>
                </a:path>
                <a:path w="646429" h="5079">
                  <a:moveTo>
                    <a:pt x="530352" y="0"/>
                  </a:moveTo>
                  <a:lnTo>
                    <a:pt x="527304" y="0"/>
                  </a:lnTo>
                  <a:lnTo>
                    <a:pt x="527304" y="4572"/>
                  </a:lnTo>
                  <a:lnTo>
                    <a:pt x="530352" y="4572"/>
                  </a:lnTo>
                  <a:lnTo>
                    <a:pt x="530352" y="0"/>
                  </a:lnTo>
                  <a:close/>
                </a:path>
                <a:path w="646429" h="5079">
                  <a:moveTo>
                    <a:pt x="537972" y="0"/>
                  </a:moveTo>
                  <a:lnTo>
                    <a:pt x="533400" y="0"/>
                  </a:lnTo>
                  <a:lnTo>
                    <a:pt x="533400" y="4572"/>
                  </a:lnTo>
                  <a:lnTo>
                    <a:pt x="537972" y="4572"/>
                  </a:lnTo>
                  <a:lnTo>
                    <a:pt x="537972" y="0"/>
                  </a:lnTo>
                  <a:close/>
                </a:path>
                <a:path w="646429" h="5079">
                  <a:moveTo>
                    <a:pt x="544068" y="0"/>
                  </a:moveTo>
                  <a:lnTo>
                    <a:pt x="541020" y="0"/>
                  </a:lnTo>
                  <a:lnTo>
                    <a:pt x="541020" y="4572"/>
                  </a:lnTo>
                  <a:lnTo>
                    <a:pt x="544068" y="4572"/>
                  </a:lnTo>
                  <a:lnTo>
                    <a:pt x="544068" y="0"/>
                  </a:lnTo>
                  <a:close/>
                </a:path>
                <a:path w="646429" h="5079">
                  <a:moveTo>
                    <a:pt x="551688" y="0"/>
                  </a:moveTo>
                  <a:lnTo>
                    <a:pt x="547116" y="0"/>
                  </a:lnTo>
                  <a:lnTo>
                    <a:pt x="547116" y="4572"/>
                  </a:lnTo>
                  <a:lnTo>
                    <a:pt x="551688" y="4572"/>
                  </a:lnTo>
                  <a:lnTo>
                    <a:pt x="551688" y="0"/>
                  </a:lnTo>
                  <a:close/>
                </a:path>
                <a:path w="646429" h="5079">
                  <a:moveTo>
                    <a:pt x="557784" y="0"/>
                  </a:moveTo>
                  <a:lnTo>
                    <a:pt x="554736" y="0"/>
                  </a:lnTo>
                  <a:lnTo>
                    <a:pt x="554736" y="4572"/>
                  </a:lnTo>
                  <a:lnTo>
                    <a:pt x="557784" y="4572"/>
                  </a:lnTo>
                  <a:lnTo>
                    <a:pt x="557784" y="0"/>
                  </a:lnTo>
                  <a:close/>
                </a:path>
                <a:path w="646429" h="5079">
                  <a:moveTo>
                    <a:pt x="565404" y="0"/>
                  </a:moveTo>
                  <a:lnTo>
                    <a:pt x="560832" y="0"/>
                  </a:lnTo>
                  <a:lnTo>
                    <a:pt x="560832" y="4572"/>
                  </a:lnTo>
                  <a:lnTo>
                    <a:pt x="565404" y="4572"/>
                  </a:lnTo>
                  <a:lnTo>
                    <a:pt x="565404" y="0"/>
                  </a:lnTo>
                  <a:close/>
                </a:path>
                <a:path w="646429" h="5079">
                  <a:moveTo>
                    <a:pt x="571500" y="0"/>
                  </a:moveTo>
                  <a:lnTo>
                    <a:pt x="568452" y="0"/>
                  </a:lnTo>
                  <a:lnTo>
                    <a:pt x="568452" y="4572"/>
                  </a:lnTo>
                  <a:lnTo>
                    <a:pt x="571500" y="4572"/>
                  </a:lnTo>
                  <a:lnTo>
                    <a:pt x="571500" y="0"/>
                  </a:lnTo>
                  <a:close/>
                </a:path>
                <a:path w="646429" h="5079">
                  <a:moveTo>
                    <a:pt x="579120" y="0"/>
                  </a:moveTo>
                  <a:lnTo>
                    <a:pt x="574548" y="0"/>
                  </a:lnTo>
                  <a:lnTo>
                    <a:pt x="574548" y="4572"/>
                  </a:lnTo>
                  <a:lnTo>
                    <a:pt x="579120" y="4572"/>
                  </a:lnTo>
                  <a:lnTo>
                    <a:pt x="579120" y="0"/>
                  </a:lnTo>
                  <a:close/>
                </a:path>
                <a:path w="646429" h="5079">
                  <a:moveTo>
                    <a:pt x="585216" y="0"/>
                  </a:moveTo>
                  <a:lnTo>
                    <a:pt x="582168" y="0"/>
                  </a:lnTo>
                  <a:lnTo>
                    <a:pt x="582168" y="4572"/>
                  </a:lnTo>
                  <a:lnTo>
                    <a:pt x="585216" y="4572"/>
                  </a:lnTo>
                  <a:lnTo>
                    <a:pt x="585216" y="0"/>
                  </a:lnTo>
                  <a:close/>
                </a:path>
                <a:path w="646429" h="5079">
                  <a:moveTo>
                    <a:pt x="592836" y="0"/>
                  </a:moveTo>
                  <a:lnTo>
                    <a:pt x="588264" y="0"/>
                  </a:lnTo>
                  <a:lnTo>
                    <a:pt x="588264" y="4572"/>
                  </a:lnTo>
                  <a:lnTo>
                    <a:pt x="592836" y="4572"/>
                  </a:lnTo>
                  <a:lnTo>
                    <a:pt x="592836" y="0"/>
                  </a:lnTo>
                  <a:close/>
                </a:path>
                <a:path w="646429" h="5079">
                  <a:moveTo>
                    <a:pt x="598932" y="0"/>
                  </a:moveTo>
                  <a:lnTo>
                    <a:pt x="595884" y="0"/>
                  </a:lnTo>
                  <a:lnTo>
                    <a:pt x="595884" y="4572"/>
                  </a:lnTo>
                  <a:lnTo>
                    <a:pt x="598932" y="4572"/>
                  </a:lnTo>
                  <a:lnTo>
                    <a:pt x="598932" y="0"/>
                  </a:lnTo>
                  <a:close/>
                </a:path>
                <a:path w="646429" h="5079">
                  <a:moveTo>
                    <a:pt x="606552" y="0"/>
                  </a:moveTo>
                  <a:lnTo>
                    <a:pt x="601980" y="0"/>
                  </a:lnTo>
                  <a:lnTo>
                    <a:pt x="601980" y="4572"/>
                  </a:lnTo>
                  <a:lnTo>
                    <a:pt x="606552" y="4572"/>
                  </a:lnTo>
                  <a:lnTo>
                    <a:pt x="606552" y="0"/>
                  </a:lnTo>
                  <a:close/>
                </a:path>
                <a:path w="646429" h="5079">
                  <a:moveTo>
                    <a:pt x="612648" y="0"/>
                  </a:moveTo>
                  <a:lnTo>
                    <a:pt x="609600" y="0"/>
                  </a:lnTo>
                  <a:lnTo>
                    <a:pt x="609600" y="4572"/>
                  </a:lnTo>
                  <a:lnTo>
                    <a:pt x="612648" y="4572"/>
                  </a:lnTo>
                  <a:lnTo>
                    <a:pt x="612648" y="0"/>
                  </a:lnTo>
                  <a:close/>
                </a:path>
                <a:path w="646429" h="5079">
                  <a:moveTo>
                    <a:pt x="618744" y="0"/>
                  </a:moveTo>
                  <a:lnTo>
                    <a:pt x="615696" y="0"/>
                  </a:lnTo>
                  <a:lnTo>
                    <a:pt x="615696" y="4572"/>
                  </a:lnTo>
                  <a:lnTo>
                    <a:pt x="618744" y="4572"/>
                  </a:lnTo>
                  <a:lnTo>
                    <a:pt x="618744" y="0"/>
                  </a:lnTo>
                  <a:close/>
                </a:path>
                <a:path w="646429" h="5079">
                  <a:moveTo>
                    <a:pt x="626364" y="0"/>
                  </a:moveTo>
                  <a:lnTo>
                    <a:pt x="623316" y="0"/>
                  </a:lnTo>
                  <a:lnTo>
                    <a:pt x="623316" y="4572"/>
                  </a:lnTo>
                  <a:lnTo>
                    <a:pt x="626364" y="4572"/>
                  </a:lnTo>
                  <a:lnTo>
                    <a:pt x="626364" y="0"/>
                  </a:lnTo>
                  <a:close/>
                </a:path>
                <a:path w="646429" h="5079">
                  <a:moveTo>
                    <a:pt x="632460" y="0"/>
                  </a:moveTo>
                  <a:lnTo>
                    <a:pt x="629412" y="0"/>
                  </a:lnTo>
                  <a:lnTo>
                    <a:pt x="629412" y="4572"/>
                  </a:lnTo>
                  <a:lnTo>
                    <a:pt x="632460" y="4572"/>
                  </a:lnTo>
                  <a:lnTo>
                    <a:pt x="632460" y="0"/>
                  </a:lnTo>
                  <a:close/>
                </a:path>
                <a:path w="646429" h="5079">
                  <a:moveTo>
                    <a:pt x="640080" y="0"/>
                  </a:moveTo>
                  <a:lnTo>
                    <a:pt x="637032" y="0"/>
                  </a:lnTo>
                  <a:lnTo>
                    <a:pt x="637032" y="4572"/>
                  </a:lnTo>
                  <a:lnTo>
                    <a:pt x="640080" y="4572"/>
                  </a:lnTo>
                  <a:lnTo>
                    <a:pt x="640080" y="0"/>
                  </a:lnTo>
                  <a:close/>
                </a:path>
                <a:path w="646429" h="5079">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50" name="object 50"/>
            <p:cNvSpPr/>
            <p:nvPr/>
          </p:nvSpPr>
          <p:spPr>
            <a:xfrm>
              <a:off x="4162044" y="5077968"/>
              <a:ext cx="820419" cy="5080"/>
            </a:xfrm>
            <a:custGeom>
              <a:avLst/>
              <a:gdLst/>
              <a:ahLst/>
              <a:cxnLst/>
              <a:rect l="l" t="t" r="r" b="b"/>
              <a:pathLst>
                <a:path w="820420" h="5079">
                  <a:moveTo>
                    <a:pt x="3048" y="0"/>
                  </a:moveTo>
                  <a:lnTo>
                    <a:pt x="0" y="0"/>
                  </a:lnTo>
                  <a:lnTo>
                    <a:pt x="0" y="4572"/>
                  </a:lnTo>
                  <a:lnTo>
                    <a:pt x="3048" y="4572"/>
                  </a:lnTo>
                  <a:lnTo>
                    <a:pt x="3048" y="0"/>
                  </a:lnTo>
                  <a:close/>
                </a:path>
                <a:path w="820420" h="5079">
                  <a:moveTo>
                    <a:pt x="10668" y="0"/>
                  </a:moveTo>
                  <a:lnTo>
                    <a:pt x="7620" y="0"/>
                  </a:lnTo>
                  <a:lnTo>
                    <a:pt x="7620" y="4572"/>
                  </a:lnTo>
                  <a:lnTo>
                    <a:pt x="10668" y="4572"/>
                  </a:lnTo>
                  <a:lnTo>
                    <a:pt x="10668" y="0"/>
                  </a:lnTo>
                  <a:close/>
                </a:path>
                <a:path w="820420" h="5079">
                  <a:moveTo>
                    <a:pt x="16764" y="0"/>
                  </a:moveTo>
                  <a:lnTo>
                    <a:pt x="13716" y="0"/>
                  </a:lnTo>
                  <a:lnTo>
                    <a:pt x="13716" y="4572"/>
                  </a:lnTo>
                  <a:lnTo>
                    <a:pt x="16764" y="4572"/>
                  </a:lnTo>
                  <a:lnTo>
                    <a:pt x="16764" y="0"/>
                  </a:lnTo>
                  <a:close/>
                </a:path>
                <a:path w="820420" h="5079">
                  <a:moveTo>
                    <a:pt x="24384" y="0"/>
                  </a:moveTo>
                  <a:lnTo>
                    <a:pt x="21336" y="0"/>
                  </a:lnTo>
                  <a:lnTo>
                    <a:pt x="21336" y="4572"/>
                  </a:lnTo>
                  <a:lnTo>
                    <a:pt x="24384" y="4572"/>
                  </a:lnTo>
                  <a:lnTo>
                    <a:pt x="24384" y="0"/>
                  </a:lnTo>
                  <a:close/>
                </a:path>
                <a:path w="820420" h="5079">
                  <a:moveTo>
                    <a:pt x="202692" y="0"/>
                  </a:moveTo>
                  <a:lnTo>
                    <a:pt x="199644" y="0"/>
                  </a:lnTo>
                  <a:lnTo>
                    <a:pt x="199644" y="4572"/>
                  </a:lnTo>
                  <a:lnTo>
                    <a:pt x="202692" y="4572"/>
                  </a:lnTo>
                  <a:lnTo>
                    <a:pt x="202692" y="0"/>
                  </a:lnTo>
                  <a:close/>
                </a:path>
                <a:path w="820420" h="5079">
                  <a:moveTo>
                    <a:pt x="208788" y="0"/>
                  </a:moveTo>
                  <a:lnTo>
                    <a:pt x="205740" y="0"/>
                  </a:lnTo>
                  <a:lnTo>
                    <a:pt x="205740" y="4572"/>
                  </a:lnTo>
                  <a:lnTo>
                    <a:pt x="208788" y="4572"/>
                  </a:lnTo>
                  <a:lnTo>
                    <a:pt x="208788" y="0"/>
                  </a:lnTo>
                  <a:close/>
                </a:path>
                <a:path w="820420" h="5079">
                  <a:moveTo>
                    <a:pt x="216408" y="0"/>
                  </a:moveTo>
                  <a:lnTo>
                    <a:pt x="213360" y="0"/>
                  </a:lnTo>
                  <a:lnTo>
                    <a:pt x="213360" y="4572"/>
                  </a:lnTo>
                  <a:lnTo>
                    <a:pt x="216408" y="4572"/>
                  </a:lnTo>
                  <a:lnTo>
                    <a:pt x="216408" y="0"/>
                  </a:lnTo>
                  <a:close/>
                </a:path>
                <a:path w="820420" h="5079">
                  <a:moveTo>
                    <a:pt x="222504" y="0"/>
                  </a:moveTo>
                  <a:lnTo>
                    <a:pt x="219456" y="0"/>
                  </a:lnTo>
                  <a:lnTo>
                    <a:pt x="219456" y="4572"/>
                  </a:lnTo>
                  <a:lnTo>
                    <a:pt x="222504" y="4572"/>
                  </a:lnTo>
                  <a:lnTo>
                    <a:pt x="222504" y="0"/>
                  </a:lnTo>
                  <a:close/>
                </a:path>
                <a:path w="820420" h="5079">
                  <a:moveTo>
                    <a:pt x="230124" y="0"/>
                  </a:moveTo>
                  <a:lnTo>
                    <a:pt x="227076" y="0"/>
                  </a:lnTo>
                  <a:lnTo>
                    <a:pt x="227076" y="4572"/>
                  </a:lnTo>
                  <a:lnTo>
                    <a:pt x="230124" y="4572"/>
                  </a:lnTo>
                  <a:lnTo>
                    <a:pt x="230124" y="0"/>
                  </a:lnTo>
                  <a:close/>
                </a:path>
                <a:path w="820420" h="5079">
                  <a:moveTo>
                    <a:pt x="236220" y="0"/>
                  </a:moveTo>
                  <a:lnTo>
                    <a:pt x="233172" y="0"/>
                  </a:lnTo>
                  <a:lnTo>
                    <a:pt x="233172" y="4572"/>
                  </a:lnTo>
                  <a:lnTo>
                    <a:pt x="236220" y="4572"/>
                  </a:lnTo>
                  <a:lnTo>
                    <a:pt x="236220" y="0"/>
                  </a:lnTo>
                  <a:close/>
                </a:path>
                <a:path w="820420" h="5079">
                  <a:moveTo>
                    <a:pt x="243840" y="0"/>
                  </a:moveTo>
                  <a:lnTo>
                    <a:pt x="240792" y="0"/>
                  </a:lnTo>
                  <a:lnTo>
                    <a:pt x="240792" y="4572"/>
                  </a:lnTo>
                  <a:lnTo>
                    <a:pt x="243840" y="4572"/>
                  </a:lnTo>
                  <a:lnTo>
                    <a:pt x="243840" y="0"/>
                  </a:lnTo>
                  <a:close/>
                </a:path>
                <a:path w="820420" h="5079">
                  <a:moveTo>
                    <a:pt x="249936" y="0"/>
                  </a:moveTo>
                  <a:lnTo>
                    <a:pt x="246888" y="0"/>
                  </a:lnTo>
                  <a:lnTo>
                    <a:pt x="246888" y="4572"/>
                  </a:lnTo>
                  <a:lnTo>
                    <a:pt x="249936" y="4572"/>
                  </a:lnTo>
                  <a:lnTo>
                    <a:pt x="249936" y="0"/>
                  </a:lnTo>
                  <a:close/>
                </a:path>
                <a:path w="820420" h="5079">
                  <a:moveTo>
                    <a:pt x="257556" y="0"/>
                  </a:moveTo>
                  <a:lnTo>
                    <a:pt x="254508" y="0"/>
                  </a:lnTo>
                  <a:lnTo>
                    <a:pt x="254508" y="4572"/>
                  </a:lnTo>
                  <a:lnTo>
                    <a:pt x="257556" y="4572"/>
                  </a:lnTo>
                  <a:lnTo>
                    <a:pt x="257556" y="0"/>
                  </a:lnTo>
                  <a:close/>
                </a:path>
                <a:path w="820420" h="5079">
                  <a:moveTo>
                    <a:pt x="263652" y="0"/>
                  </a:moveTo>
                  <a:lnTo>
                    <a:pt x="260604" y="0"/>
                  </a:lnTo>
                  <a:lnTo>
                    <a:pt x="260604" y="4572"/>
                  </a:lnTo>
                  <a:lnTo>
                    <a:pt x="263652" y="4572"/>
                  </a:lnTo>
                  <a:lnTo>
                    <a:pt x="263652" y="0"/>
                  </a:lnTo>
                  <a:close/>
                </a:path>
                <a:path w="820420" h="5079">
                  <a:moveTo>
                    <a:pt x="271272" y="0"/>
                  </a:moveTo>
                  <a:lnTo>
                    <a:pt x="268224" y="0"/>
                  </a:lnTo>
                  <a:lnTo>
                    <a:pt x="268224" y="4572"/>
                  </a:lnTo>
                  <a:lnTo>
                    <a:pt x="271272" y="4572"/>
                  </a:lnTo>
                  <a:lnTo>
                    <a:pt x="271272" y="0"/>
                  </a:lnTo>
                  <a:close/>
                </a:path>
                <a:path w="820420" h="5079">
                  <a:moveTo>
                    <a:pt x="277368" y="0"/>
                  </a:moveTo>
                  <a:lnTo>
                    <a:pt x="274320" y="0"/>
                  </a:lnTo>
                  <a:lnTo>
                    <a:pt x="274320" y="4572"/>
                  </a:lnTo>
                  <a:lnTo>
                    <a:pt x="277368" y="4572"/>
                  </a:lnTo>
                  <a:lnTo>
                    <a:pt x="277368" y="0"/>
                  </a:lnTo>
                  <a:close/>
                </a:path>
                <a:path w="820420" h="5079">
                  <a:moveTo>
                    <a:pt x="284988" y="0"/>
                  </a:moveTo>
                  <a:lnTo>
                    <a:pt x="281940" y="0"/>
                  </a:lnTo>
                  <a:lnTo>
                    <a:pt x="281940" y="4572"/>
                  </a:lnTo>
                  <a:lnTo>
                    <a:pt x="284988" y="4572"/>
                  </a:lnTo>
                  <a:lnTo>
                    <a:pt x="284988" y="0"/>
                  </a:lnTo>
                  <a:close/>
                </a:path>
                <a:path w="820420" h="5079">
                  <a:moveTo>
                    <a:pt x="291084" y="0"/>
                  </a:moveTo>
                  <a:lnTo>
                    <a:pt x="288036" y="0"/>
                  </a:lnTo>
                  <a:lnTo>
                    <a:pt x="288036" y="4572"/>
                  </a:lnTo>
                  <a:lnTo>
                    <a:pt x="291084" y="4572"/>
                  </a:lnTo>
                  <a:lnTo>
                    <a:pt x="291084" y="0"/>
                  </a:lnTo>
                  <a:close/>
                </a:path>
                <a:path w="820420" h="5079">
                  <a:moveTo>
                    <a:pt x="298704" y="0"/>
                  </a:moveTo>
                  <a:lnTo>
                    <a:pt x="295656" y="0"/>
                  </a:lnTo>
                  <a:lnTo>
                    <a:pt x="295656" y="4572"/>
                  </a:lnTo>
                  <a:lnTo>
                    <a:pt x="298704" y="4572"/>
                  </a:lnTo>
                  <a:lnTo>
                    <a:pt x="298704" y="0"/>
                  </a:lnTo>
                  <a:close/>
                </a:path>
                <a:path w="820420" h="5079">
                  <a:moveTo>
                    <a:pt x="304800" y="0"/>
                  </a:moveTo>
                  <a:lnTo>
                    <a:pt x="301752" y="0"/>
                  </a:lnTo>
                  <a:lnTo>
                    <a:pt x="301752" y="4572"/>
                  </a:lnTo>
                  <a:lnTo>
                    <a:pt x="304800" y="4572"/>
                  </a:lnTo>
                  <a:lnTo>
                    <a:pt x="304800" y="0"/>
                  </a:lnTo>
                  <a:close/>
                </a:path>
                <a:path w="820420" h="5079">
                  <a:moveTo>
                    <a:pt x="312420" y="0"/>
                  </a:moveTo>
                  <a:lnTo>
                    <a:pt x="309372" y="0"/>
                  </a:lnTo>
                  <a:lnTo>
                    <a:pt x="309372" y="4572"/>
                  </a:lnTo>
                  <a:lnTo>
                    <a:pt x="312420" y="4572"/>
                  </a:lnTo>
                  <a:lnTo>
                    <a:pt x="312420" y="0"/>
                  </a:lnTo>
                  <a:close/>
                </a:path>
                <a:path w="820420" h="5079">
                  <a:moveTo>
                    <a:pt x="318516" y="0"/>
                  </a:moveTo>
                  <a:lnTo>
                    <a:pt x="315468" y="0"/>
                  </a:lnTo>
                  <a:lnTo>
                    <a:pt x="315468" y="4572"/>
                  </a:lnTo>
                  <a:lnTo>
                    <a:pt x="318516" y="4572"/>
                  </a:lnTo>
                  <a:lnTo>
                    <a:pt x="318516" y="0"/>
                  </a:lnTo>
                  <a:close/>
                </a:path>
                <a:path w="820420" h="5079">
                  <a:moveTo>
                    <a:pt x="326136" y="0"/>
                  </a:moveTo>
                  <a:lnTo>
                    <a:pt x="323088" y="0"/>
                  </a:lnTo>
                  <a:lnTo>
                    <a:pt x="323088" y="4572"/>
                  </a:lnTo>
                  <a:lnTo>
                    <a:pt x="326136" y="4572"/>
                  </a:lnTo>
                  <a:lnTo>
                    <a:pt x="326136" y="0"/>
                  </a:lnTo>
                  <a:close/>
                </a:path>
                <a:path w="820420" h="5079">
                  <a:moveTo>
                    <a:pt x="332232" y="0"/>
                  </a:moveTo>
                  <a:lnTo>
                    <a:pt x="329184" y="0"/>
                  </a:lnTo>
                  <a:lnTo>
                    <a:pt x="329184" y="4572"/>
                  </a:lnTo>
                  <a:lnTo>
                    <a:pt x="332232" y="4572"/>
                  </a:lnTo>
                  <a:lnTo>
                    <a:pt x="332232" y="0"/>
                  </a:lnTo>
                  <a:close/>
                </a:path>
                <a:path w="820420" h="5079">
                  <a:moveTo>
                    <a:pt x="339852" y="0"/>
                  </a:moveTo>
                  <a:lnTo>
                    <a:pt x="336804" y="0"/>
                  </a:lnTo>
                  <a:lnTo>
                    <a:pt x="336804" y="4572"/>
                  </a:lnTo>
                  <a:lnTo>
                    <a:pt x="339852" y="4572"/>
                  </a:lnTo>
                  <a:lnTo>
                    <a:pt x="339852" y="0"/>
                  </a:lnTo>
                  <a:close/>
                </a:path>
                <a:path w="820420" h="5079">
                  <a:moveTo>
                    <a:pt x="345948" y="0"/>
                  </a:moveTo>
                  <a:lnTo>
                    <a:pt x="342900" y="0"/>
                  </a:lnTo>
                  <a:lnTo>
                    <a:pt x="342900" y="4572"/>
                  </a:lnTo>
                  <a:lnTo>
                    <a:pt x="345948" y="4572"/>
                  </a:lnTo>
                  <a:lnTo>
                    <a:pt x="345948" y="0"/>
                  </a:lnTo>
                  <a:close/>
                </a:path>
                <a:path w="820420" h="5079">
                  <a:moveTo>
                    <a:pt x="353568" y="0"/>
                  </a:moveTo>
                  <a:lnTo>
                    <a:pt x="350520" y="0"/>
                  </a:lnTo>
                  <a:lnTo>
                    <a:pt x="350520" y="4572"/>
                  </a:lnTo>
                  <a:lnTo>
                    <a:pt x="353568" y="4572"/>
                  </a:lnTo>
                  <a:lnTo>
                    <a:pt x="353568" y="0"/>
                  </a:lnTo>
                  <a:close/>
                </a:path>
                <a:path w="820420" h="5079">
                  <a:moveTo>
                    <a:pt x="359664" y="0"/>
                  </a:moveTo>
                  <a:lnTo>
                    <a:pt x="356616" y="0"/>
                  </a:lnTo>
                  <a:lnTo>
                    <a:pt x="356616" y="4572"/>
                  </a:lnTo>
                  <a:lnTo>
                    <a:pt x="359664" y="4572"/>
                  </a:lnTo>
                  <a:lnTo>
                    <a:pt x="359664" y="0"/>
                  </a:lnTo>
                  <a:close/>
                </a:path>
                <a:path w="820420" h="5079">
                  <a:moveTo>
                    <a:pt x="367284" y="0"/>
                  </a:moveTo>
                  <a:lnTo>
                    <a:pt x="364236" y="0"/>
                  </a:lnTo>
                  <a:lnTo>
                    <a:pt x="364236" y="4572"/>
                  </a:lnTo>
                  <a:lnTo>
                    <a:pt x="367284" y="4572"/>
                  </a:lnTo>
                  <a:lnTo>
                    <a:pt x="367284" y="0"/>
                  </a:lnTo>
                  <a:close/>
                </a:path>
                <a:path w="820420" h="5079">
                  <a:moveTo>
                    <a:pt x="373380" y="0"/>
                  </a:moveTo>
                  <a:lnTo>
                    <a:pt x="370332" y="0"/>
                  </a:lnTo>
                  <a:lnTo>
                    <a:pt x="370332" y="4572"/>
                  </a:lnTo>
                  <a:lnTo>
                    <a:pt x="373380" y="4572"/>
                  </a:lnTo>
                  <a:lnTo>
                    <a:pt x="373380" y="0"/>
                  </a:lnTo>
                  <a:close/>
                </a:path>
                <a:path w="820420" h="5079">
                  <a:moveTo>
                    <a:pt x="381000" y="0"/>
                  </a:moveTo>
                  <a:lnTo>
                    <a:pt x="377952" y="0"/>
                  </a:lnTo>
                  <a:lnTo>
                    <a:pt x="377952" y="4572"/>
                  </a:lnTo>
                  <a:lnTo>
                    <a:pt x="381000" y="4572"/>
                  </a:lnTo>
                  <a:lnTo>
                    <a:pt x="381000" y="0"/>
                  </a:lnTo>
                  <a:close/>
                </a:path>
                <a:path w="820420" h="5079">
                  <a:moveTo>
                    <a:pt x="387096" y="0"/>
                  </a:moveTo>
                  <a:lnTo>
                    <a:pt x="384048" y="0"/>
                  </a:lnTo>
                  <a:lnTo>
                    <a:pt x="384048" y="4572"/>
                  </a:lnTo>
                  <a:lnTo>
                    <a:pt x="387096" y="4572"/>
                  </a:lnTo>
                  <a:lnTo>
                    <a:pt x="387096" y="0"/>
                  </a:lnTo>
                  <a:close/>
                </a:path>
                <a:path w="820420" h="5079">
                  <a:moveTo>
                    <a:pt x="394716" y="0"/>
                  </a:moveTo>
                  <a:lnTo>
                    <a:pt x="391668" y="0"/>
                  </a:lnTo>
                  <a:lnTo>
                    <a:pt x="391668" y="4572"/>
                  </a:lnTo>
                  <a:lnTo>
                    <a:pt x="394716" y="4572"/>
                  </a:lnTo>
                  <a:lnTo>
                    <a:pt x="394716" y="0"/>
                  </a:lnTo>
                  <a:close/>
                </a:path>
                <a:path w="820420" h="5079">
                  <a:moveTo>
                    <a:pt x="400812" y="0"/>
                  </a:moveTo>
                  <a:lnTo>
                    <a:pt x="397764" y="0"/>
                  </a:lnTo>
                  <a:lnTo>
                    <a:pt x="397764" y="4572"/>
                  </a:lnTo>
                  <a:lnTo>
                    <a:pt x="400812" y="4572"/>
                  </a:lnTo>
                  <a:lnTo>
                    <a:pt x="400812" y="0"/>
                  </a:lnTo>
                  <a:close/>
                </a:path>
                <a:path w="820420" h="5079">
                  <a:moveTo>
                    <a:pt x="408432" y="0"/>
                  </a:moveTo>
                  <a:lnTo>
                    <a:pt x="405384" y="0"/>
                  </a:lnTo>
                  <a:lnTo>
                    <a:pt x="405384" y="4572"/>
                  </a:lnTo>
                  <a:lnTo>
                    <a:pt x="408432" y="4572"/>
                  </a:lnTo>
                  <a:lnTo>
                    <a:pt x="408432" y="0"/>
                  </a:lnTo>
                  <a:close/>
                </a:path>
                <a:path w="820420" h="5079">
                  <a:moveTo>
                    <a:pt x="414528" y="0"/>
                  </a:moveTo>
                  <a:lnTo>
                    <a:pt x="411480" y="0"/>
                  </a:lnTo>
                  <a:lnTo>
                    <a:pt x="411480" y="4572"/>
                  </a:lnTo>
                  <a:lnTo>
                    <a:pt x="414528" y="4572"/>
                  </a:lnTo>
                  <a:lnTo>
                    <a:pt x="414528" y="0"/>
                  </a:lnTo>
                  <a:close/>
                </a:path>
                <a:path w="820420" h="5079">
                  <a:moveTo>
                    <a:pt x="422148" y="0"/>
                  </a:moveTo>
                  <a:lnTo>
                    <a:pt x="419100" y="0"/>
                  </a:lnTo>
                  <a:lnTo>
                    <a:pt x="419100" y="4572"/>
                  </a:lnTo>
                  <a:lnTo>
                    <a:pt x="422148" y="4572"/>
                  </a:lnTo>
                  <a:lnTo>
                    <a:pt x="422148" y="0"/>
                  </a:lnTo>
                  <a:close/>
                </a:path>
                <a:path w="820420" h="5079">
                  <a:moveTo>
                    <a:pt x="428244" y="0"/>
                  </a:moveTo>
                  <a:lnTo>
                    <a:pt x="425196" y="0"/>
                  </a:lnTo>
                  <a:lnTo>
                    <a:pt x="425196" y="4572"/>
                  </a:lnTo>
                  <a:lnTo>
                    <a:pt x="428244" y="4572"/>
                  </a:lnTo>
                  <a:lnTo>
                    <a:pt x="428244" y="0"/>
                  </a:lnTo>
                  <a:close/>
                </a:path>
                <a:path w="820420" h="5079">
                  <a:moveTo>
                    <a:pt x="435864" y="0"/>
                  </a:moveTo>
                  <a:lnTo>
                    <a:pt x="432816" y="0"/>
                  </a:lnTo>
                  <a:lnTo>
                    <a:pt x="432816" y="4572"/>
                  </a:lnTo>
                  <a:lnTo>
                    <a:pt x="435864" y="4572"/>
                  </a:lnTo>
                  <a:lnTo>
                    <a:pt x="435864" y="0"/>
                  </a:lnTo>
                  <a:close/>
                </a:path>
                <a:path w="820420" h="5079">
                  <a:moveTo>
                    <a:pt x="441960" y="0"/>
                  </a:moveTo>
                  <a:lnTo>
                    <a:pt x="438912" y="0"/>
                  </a:lnTo>
                  <a:lnTo>
                    <a:pt x="438912" y="4572"/>
                  </a:lnTo>
                  <a:lnTo>
                    <a:pt x="441960" y="4572"/>
                  </a:lnTo>
                  <a:lnTo>
                    <a:pt x="441960" y="0"/>
                  </a:lnTo>
                  <a:close/>
                </a:path>
                <a:path w="820420" h="5079">
                  <a:moveTo>
                    <a:pt x="449580" y="0"/>
                  </a:moveTo>
                  <a:lnTo>
                    <a:pt x="446532" y="0"/>
                  </a:lnTo>
                  <a:lnTo>
                    <a:pt x="446532" y="4572"/>
                  </a:lnTo>
                  <a:lnTo>
                    <a:pt x="449580" y="4572"/>
                  </a:lnTo>
                  <a:lnTo>
                    <a:pt x="449580" y="0"/>
                  </a:lnTo>
                  <a:close/>
                </a:path>
                <a:path w="820420" h="5079">
                  <a:moveTo>
                    <a:pt x="620268" y="0"/>
                  </a:moveTo>
                  <a:lnTo>
                    <a:pt x="618744" y="0"/>
                  </a:lnTo>
                  <a:lnTo>
                    <a:pt x="618744" y="4572"/>
                  </a:lnTo>
                  <a:lnTo>
                    <a:pt x="620268" y="4572"/>
                  </a:lnTo>
                  <a:lnTo>
                    <a:pt x="620268" y="0"/>
                  </a:lnTo>
                  <a:close/>
                </a:path>
                <a:path w="820420" h="5079">
                  <a:moveTo>
                    <a:pt x="627888" y="0"/>
                  </a:moveTo>
                  <a:lnTo>
                    <a:pt x="623316" y="0"/>
                  </a:lnTo>
                  <a:lnTo>
                    <a:pt x="623316" y="4572"/>
                  </a:lnTo>
                  <a:lnTo>
                    <a:pt x="627888" y="4572"/>
                  </a:lnTo>
                  <a:lnTo>
                    <a:pt x="627888" y="0"/>
                  </a:lnTo>
                  <a:close/>
                </a:path>
                <a:path w="820420" h="5079">
                  <a:moveTo>
                    <a:pt x="633984" y="0"/>
                  </a:moveTo>
                  <a:lnTo>
                    <a:pt x="630936" y="0"/>
                  </a:lnTo>
                  <a:lnTo>
                    <a:pt x="630936" y="4572"/>
                  </a:lnTo>
                  <a:lnTo>
                    <a:pt x="633984" y="4572"/>
                  </a:lnTo>
                  <a:lnTo>
                    <a:pt x="633984" y="0"/>
                  </a:lnTo>
                  <a:close/>
                </a:path>
                <a:path w="820420" h="5079">
                  <a:moveTo>
                    <a:pt x="641604" y="0"/>
                  </a:moveTo>
                  <a:lnTo>
                    <a:pt x="637032" y="0"/>
                  </a:lnTo>
                  <a:lnTo>
                    <a:pt x="637032" y="4572"/>
                  </a:lnTo>
                  <a:lnTo>
                    <a:pt x="641604" y="4572"/>
                  </a:lnTo>
                  <a:lnTo>
                    <a:pt x="641604" y="0"/>
                  </a:lnTo>
                  <a:close/>
                </a:path>
                <a:path w="820420" h="5079">
                  <a:moveTo>
                    <a:pt x="647700" y="0"/>
                  </a:moveTo>
                  <a:lnTo>
                    <a:pt x="644652" y="0"/>
                  </a:lnTo>
                  <a:lnTo>
                    <a:pt x="644652" y="4572"/>
                  </a:lnTo>
                  <a:lnTo>
                    <a:pt x="647700" y="4572"/>
                  </a:lnTo>
                  <a:lnTo>
                    <a:pt x="647700" y="0"/>
                  </a:lnTo>
                  <a:close/>
                </a:path>
                <a:path w="820420" h="5079">
                  <a:moveTo>
                    <a:pt x="655320" y="0"/>
                  </a:moveTo>
                  <a:lnTo>
                    <a:pt x="650748" y="0"/>
                  </a:lnTo>
                  <a:lnTo>
                    <a:pt x="650748" y="4572"/>
                  </a:lnTo>
                  <a:lnTo>
                    <a:pt x="655320" y="4572"/>
                  </a:lnTo>
                  <a:lnTo>
                    <a:pt x="655320" y="0"/>
                  </a:lnTo>
                  <a:close/>
                </a:path>
                <a:path w="820420" h="5079">
                  <a:moveTo>
                    <a:pt x="661416" y="0"/>
                  </a:moveTo>
                  <a:lnTo>
                    <a:pt x="658368" y="0"/>
                  </a:lnTo>
                  <a:lnTo>
                    <a:pt x="658368" y="4572"/>
                  </a:lnTo>
                  <a:lnTo>
                    <a:pt x="661416" y="4572"/>
                  </a:lnTo>
                  <a:lnTo>
                    <a:pt x="661416" y="0"/>
                  </a:lnTo>
                  <a:close/>
                </a:path>
                <a:path w="820420" h="5079">
                  <a:moveTo>
                    <a:pt x="669036" y="0"/>
                  </a:moveTo>
                  <a:lnTo>
                    <a:pt x="664464" y="0"/>
                  </a:lnTo>
                  <a:lnTo>
                    <a:pt x="664464" y="4572"/>
                  </a:lnTo>
                  <a:lnTo>
                    <a:pt x="669036" y="4572"/>
                  </a:lnTo>
                  <a:lnTo>
                    <a:pt x="669036" y="0"/>
                  </a:lnTo>
                  <a:close/>
                </a:path>
                <a:path w="820420" h="5079">
                  <a:moveTo>
                    <a:pt x="675132" y="0"/>
                  </a:moveTo>
                  <a:lnTo>
                    <a:pt x="672084" y="0"/>
                  </a:lnTo>
                  <a:lnTo>
                    <a:pt x="672084" y="4572"/>
                  </a:lnTo>
                  <a:lnTo>
                    <a:pt x="675132" y="4572"/>
                  </a:lnTo>
                  <a:lnTo>
                    <a:pt x="675132" y="0"/>
                  </a:lnTo>
                  <a:close/>
                </a:path>
                <a:path w="820420" h="5079">
                  <a:moveTo>
                    <a:pt x="682752" y="0"/>
                  </a:moveTo>
                  <a:lnTo>
                    <a:pt x="678180" y="0"/>
                  </a:lnTo>
                  <a:lnTo>
                    <a:pt x="678180" y="4572"/>
                  </a:lnTo>
                  <a:lnTo>
                    <a:pt x="682752" y="4572"/>
                  </a:lnTo>
                  <a:lnTo>
                    <a:pt x="682752" y="0"/>
                  </a:lnTo>
                  <a:close/>
                </a:path>
                <a:path w="820420" h="5079">
                  <a:moveTo>
                    <a:pt x="688848" y="0"/>
                  </a:moveTo>
                  <a:lnTo>
                    <a:pt x="685800" y="0"/>
                  </a:lnTo>
                  <a:lnTo>
                    <a:pt x="685800" y="4572"/>
                  </a:lnTo>
                  <a:lnTo>
                    <a:pt x="688848" y="4572"/>
                  </a:lnTo>
                  <a:lnTo>
                    <a:pt x="688848" y="0"/>
                  </a:lnTo>
                  <a:close/>
                </a:path>
                <a:path w="820420" h="5079">
                  <a:moveTo>
                    <a:pt x="696468" y="0"/>
                  </a:moveTo>
                  <a:lnTo>
                    <a:pt x="691896" y="0"/>
                  </a:lnTo>
                  <a:lnTo>
                    <a:pt x="691896" y="4572"/>
                  </a:lnTo>
                  <a:lnTo>
                    <a:pt x="696468" y="4572"/>
                  </a:lnTo>
                  <a:lnTo>
                    <a:pt x="696468" y="0"/>
                  </a:lnTo>
                  <a:close/>
                </a:path>
                <a:path w="820420" h="5079">
                  <a:moveTo>
                    <a:pt x="702564" y="0"/>
                  </a:moveTo>
                  <a:lnTo>
                    <a:pt x="699516" y="0"/>
                  </a:lnTo>
                  <a:lnTo>
                    <a:pt x="699516" y="4572"/>
                  </a:lnTo>
                  <a:lnTo>
                    <a:pt x="702564" y="4572"/>
                  </a:lnTo>
                  <a:lnTo>
                    <a:pt x="702564" y="0"/>
                  </a:lnTo>
                  <a:close/>
                </a:path>
                <a:path w="820420" h="5079">
                  <a:moveTo>
                    <a:pt x="710184" y="0"/>
                  </a:moveTo>
                  <a:lnTo>
                    <a:pt x="705612" y="0"/>
                  </a:lnTo>
                  <a:lnTo>
                    <a:pt x="705612" y="4572"/>
                  </a:lnTo>
                  <a:lnTo>
                    <a:pt x="710184" y="4572"/>
                  </a:lnTo>
                  <a:lnTo>
                    <a:pt x="710184" y="0"/>
                  </a:lnTo>
                  <a:close/>
                </a:path>
                <a:path w="820420" h="5079">
                  <a:moveTo>
                    <a:pt x="716280" y="0"/>
                  </a:moveTo>
                  <a:lnTo>
                    <a:pt x="713232" y="0"/>
                  </a:lnTo>
                  <a:lnTo>
                    <a:pt x="713232" y="4572"/>
                  </a:lnTo>
                  <a:lnTo>
                    <a:pt x="716280" y="4572"/>
                  </a:lnTo>
                  <a:lnTo>
                    <a:pt x="716280" y="0"/>
                  </a:lnTo>
                  <a:close/>
                </a:path>
                <a:path w="820420" h="5079">
                  <a:moveTo>
                    <a:pt x="723900" y="0"/>
                  </a:moveTo>
                  <a:lnTo>
                    <a:pt x="719328" y="0"/>
                  </a:lnTo>
                  <a:lnTo>
                    <a:pt x="719328" y="4572"/>
                  </a:lnTo>
                  <a:lnTo>
                    <a:pt x="723900" y="4572"/>
                  </a:lnTo>
                  <a:lnTo>
                    <a:pt x="723900" y="0"/>
                  </a:lnTo>
                  <a:close/>
                </a:path>
                <a:path w="820420" h="5079">
                  <a:moveTo>
                    <a:pt x="729996" y="0"/>
                  </a:moveTo>
                  <a:lnTo>
                    <a:pt x="726948" y="0"/>
                  </a:lnTo>
                  <a:lnTo>
                    <a:pt x="726948" y="4572"/>
                  </a:lnTo>
                  <a:lnTo>
                    <a:pt x="729996" y="4572"/>
                  </a:lnTo>
                  <a:lnTo>
                    <a:pt x="729996" y="0"/>
                  </a:lnTo>
                  <a:close/>
                </a:path>
                <a:path w="820420" h="5079">
                  <a:moveTo>
                    <a:pt x="737616" y="0"/>
                  </a:moveTo>
                  <a:lnTo>
                    <a:pt x="733044" y="0"/>
                  </a:lnTo>
                  <a:lnTo>
                    <a:pt x="733044" y="4572"/>
                  </a:lnTo>
                  <a:lnTo>
                    <a:pt x="737616" y="4572"/>
                  </a:lnTo>
                  <a:lnTo>
                    <a:pt x="737616" y="0"/>
                  </a:lnTo>
                  <a:close/>
                </a:path>
                <a:path w="820420" h="5079">
                  <a:moveTo>
                    <a:pt x="743712" y="0"/>
                  </a:moveTo>
                  <a:lnTo>
                    <a:pt x="740664" y="0"/>
                  </a:lnTo>
                  <a:lnTo>
                    <a:pt x="740664" y="4572"/>
                  </a:lnTo>
                  <a:lnTo>
                    <a:pt x="743712" y="4572"/>
                  </a:lnTo>
                  <a:lnTo>
                    <a:pt x="743712" y="0"/>
                  </a:lnTo>
                  <a:close/>
                </a:path>
                <a:path w="820420" h="5079">
                  <a:moveTo>
                    <a:pt x="751332" y="0"/>
                  </a:moveTo>
                  <a:lnTo>
                    <a:pt x="746760" y="0"/>
                  </a:lnTo>
                  <a:lnTo>
                    <a:pt x="746760" y="4572"/>
                  </a:lnTo>
                  <a:lnTo>
                    <a:pt x="751332" y="4572"/>
                  </a:lnTo>
                  <a:lnTo>
                    <a:pt x="751332" y="0"/>
                  </a:lnTo>
                  <a:close/>
                </a:path>
                <a:path w="820420" h="5079">
                  <a:moveTo>
                    <a:pt x="757428" y="0"/>
                  </a:moveTo>
                  <a:lnTo>
                    <a:pt x="754380" y="0"/>
                  </a:lnTo>
                  <a:lnTo>
                    <a:pt x="754380" y="4572"/>
                  </a:lnTo>
                  <a:lnTo>
                    <a:pt x="757428" y="4572"/>
                  </a:lnTo>
                  <a:lnTo>
                    <a:pt x="757428" y="0"/>
                  </a:lnTo>
                  <a:close/>
                </a:path>
                <a:path w="820420" h="5079">
                  <a:moveTo>
                    <a:pt x="765048" y="0"/>
                  </a:moveTo>
                  <a:lnTo>
                    <a:pt x="760476" y="0"/>
                  </a:lnTo>
                  <a:lnTo>
                    <a:pt x="760476" y="4572"/>
                  </a:lnTo>
                  <a:lnTo>
                    <a:pt x="765048" y="4572"/>
                  </a:lnTo>
                  <a:lnTo>
                    <a:pt x="765048" y="0"/>
                  </a:lnTo>
                  <a:close/>
                </a:path>
                <a:path w="820420" h="5079">
                  <a:moveTo>
                    <a:pt x="771144" y="0"/>
                  </a:moveTo>
                  <a:lnTo>
                    <a:pt x="768096" y="0"/>
                  </a:lnTo>
                  <a:lnTo>
                    <a:pt x="768096" y="4572"/>
                  </a:lnTo>
                  <a:lnTo>
                    <a:pt x="771144" y="4572"/>
                  </a:lnTo>
                  <a:lnTo>
                    <a:pt x="771144" y="0"/>
                  </a:lnTo>
                  <a:close/>
                </a:path>
                <a:path w="820420" h="5079">
                  <a:moveTo>
                    <a:pt x="778764" y="0"/>
                  </a:moveTo>
                  <a:lnTo>
                    <a:pt x="774192" y="0"/>
                  </a:lnTo>
                  <a:lnTo>
                    <a:pt x="774192" y="4572"/>
                  </a:lnTo>
                  <a:lnTo>
                    <a:pt x="778764" y="4572"/>
                  </a:lnTo>
                  <a:lnTo>
                    <a:pt x="778764" y="0"/>
                  </a:lnTo>
                  <a:close/>
                </a:path>
                <a:path w="820420" h="5079">
                  <a:moveTo>
                    <a:pt x="784860" y="0"/>
                  </a:moveTo>
                  <a:lnTo>
                    <a:pt x="781812" y="0"/>
                  </a:lnTo>
                  <a:lnTo>
                    <a:pt x="781812" y="4572"/>
                  </a:lnTo>
                  <a:lnTo>
                    <a:pt x="784860" y="4572"/>
                  </a:lnTo>
                  <a:lnTo>
                    <a:pt x="784860" y="0"/>
                  </a:lnTo>
                  <a:close/>
                </a:path>
                <a:path w="820420" h="5079">
                  <a:moveTo>
                    <a:pt x="792480" y="0"/>
                  </a:moveTo>
                  <a:lnTo>
                    <a:pt x="787908" y="0"/>
                  </a:lnTo>
                  <a:lnTo>
                    <a:pt x="787908" y="4572"/>
                  </a:lnTo>
                  <a:lnTo>
                    <a:pt x="792480" y="4572"/>
                  </a:lnTo>
                  <a:lnTo>
                    <a:pt x="792480" y="0"/>
                  </a:lnTo>
                  <a:close/>
                </a:path>
                <a:path w="820420" h="5079">
                  <a:moveTo>
                    <a:pt x="798576" y="0"/>
                  </a:moveTo>
                  <a:lnTo>
                    <a:pt x="795528" y="0"/>
                  </a:lnTo>
                  <a:lnTo>
                    <a:pt x="795528" y="4572"/>
                  </a:lnTo>
                  <a:lnTo>
                    <a:pt x="798576" y="4572"/>
                  </a:lnTo>
                  <a:lnTo>
                    <a:pt x="798576" y="0"/>
                  </a:lnTo>
                  <a:close/>
                </a:path>
                <a:path w="820420" h="5079">
                  <a:moveTo>
                    <a:pt x="806196" y="0"/>
                  </a:moveTo>
                  <a:lnTo>
                    <a:pt x="801624" y="0"/>
                  </a:lnTo>
                  <a:lnTo>
                    <a:pt x="801624" y="4572"/>
                  </a:lnTo>
                  <a:lnTo>
                    <a:pt x="806196" y="4572"/>
                  </a:lnTo>
                  <a:lnTo>
                    <a:pt x="806196" y="0"/>
                  </a:lnTo>
                  <a:close/>
                </a:path>
                <a:path w="820420" h="5079">
                  <a:moveTo>
                    <a:pt x="812292" y="0"/>
                  </a:moveTo>
                  <a:lnTo>
                    <a:pt x="809244" y="0"/>
                  </a:lnTo>
                  <a:lnTo>
                    <a:pt x="809244" y="4572"/>
                  </a:lnTo>
                  <a:lnTo>
                    <a:pt x="812292" y="4572"/>
                  </a:lnTo>
                  <a:lnTo>
                    <a:pt x="812292" y="0"/>
                  </a:lnTo>
                  <a:close/>
                </a:path>
                <a:path w="820420" h="5079">
                  <a:moveTo>
                    <a:pt x="819912" y="0"/>
                  </a:moveTo>
                  <a:lnTo>
                    <a:pt x="815340" y="0"/>
                  </a:lnTo>
                  <a:lnTo>
                    <a:pt x="815340" y="4572"/>
                  </a:lnTo>
                  <a:lnTo>
                    <a:pt x="819912" y="4572"/>
                  </a:lnTo>
                  <a:lnTo>
                    <a:pt x="819912" y="0"/>
                  </a:lnTo>
                  <a:close/>
                </a:path>
              </a:pathLst>
            </a:custGeom>
            <a:solidFill>
              <a:srgbClr val="D8D8D8"/>
            </a:solidFill>
          </p:spPr>
          <p:txBody>
            <a:bodyPr wrap="square" lIns="0" tIns="0" rIns="0" bIns="0" rtlCol="0"/>
            <a:lstStyle/>
            <a:p>
              <a:endParaRPr sz="1539"/>
            </a:p>
          </p:txBody>
        </p:sp>
        <p:sp>
          <p:nvSpPr>
            <p:cNvPr id="51" name="object 51"/>
            <p:cNvSpPr/>
            <p:nvPr/>
          </p:nvSpPr>
          <p:spPr>
            <a:xfrm>
              <a:off x="4977384" y="5077968"/>
              <a:ext cx="812800" cy="5080"/>
            </a:xfrm>
            <a:custGeom>
              <a:avLst/>
              <a:gdLst/>
              <a:ahLst/>
              <a:cxnLst/>
              <a:rect l="l" t="t" r="r" b="b"/>
              <a:pathLst>
                <a:path w="812800" h="5079">
                  <a:moveTo>
                    <a:pt x="4572" y="0"/>
                  </a:moveTo>
                  <a:lnTo>
                    <a:pt x="0" y="0"/>
                  </a:lnTo>
                  <a:lnTo>
                    <a:pt x="0" y="4572"/>
                  </a:lnTo>
                  <a:lnTo>
                    <a:pt x="4572" y="4572"/>
                  </a:lnTo>
                  <a:lnTo>
                    <a:pt x="4572" y="0"/>
                  </a:lnTo>
                  <a:close/>
                </a:path>
                <a:path w="812800" h="5079">
                  <a:moveTo>
                    <a:pt x="10668" y="0"/>
                  </a:moveTo>
                  <a:lnTo>
                    <a:pt x="7620" y="0"/>
                  </a:lnTo>
                  <a:lnTo>
                    <a:pt x="7620" y="4572"/>
                  </a:lnTo>
                  <a:lnTo>
                    <a:pt x="10668" y="4572"/>
                  </a:lnTo>
                  <a:lnTo>
                    <a:pt x="10668" y="0"/>
                  </a:lnTo>
                  <a:close/>
                </a:path>
                <a:path w="812800" h="5079">
                  <a:moveTo>
                    <a:pt x="18288" y="0"/>
                  </a:moveTo>
                  <a:lnTo>
                    <a:pt x="13716" y="0"/>
                  </a:lnTo>
                  <a:lnTo>
                    <a:pt x="13716" y="4572"/>
                  </a:lnTo>
                  <a:lnTo>
                    <a:pt x="18288" y="4572"/>
                  </a:lnTo>
                  <a:lnTo>
                    <a:pt x="18288" y="0"/>
                  </a:lnTo>
                  <a:close/>
                </a:path>
                <a:path w="812800" h="5079">
                  <a:moveTo>
                    <a:pt x="24384" y="0"/>
                  </a:moveTo>
                  <a:lnTo>
                    <a:pt x="21336" y="0"/>
                  </a:lnTo>
                  <a:lnTo>
                    <a:pt x="21336" y="4572"/>
                  </a:lnTo>
                  <a:lnTo>
                    <a:pt x="24384" y="4572"/>
                  </a:lnTo>
                  <a:lnTo>
                    <a:pt x="24384" y="0"/>
                  </a:lnTo>
                  <a:close/>
                </a:path>
                <a:path w="812800" h="5079">
                  <a:moveTo>
                    <a:pt x="32004" y="0"/>
                  </a:moveTo>
                  <a:lnTo>
                    <a:pt x="27432" y="0"/>
                  </a:lnTo>
                  <a:lnTo>
                    <a:pt x="27432" y="4572"/>
                  </a:lnTo>
                  <a:lnTo>
                    <a:pt x="32004" y="4572"/>
                  </a:lnTo>
                  <a:lnTo>
                    <a:pt x="32004" y="0"/>
                  </a:lnTo>
                  <a:close/>
                </a:path>
                <a:path w="812800" h="5079">
                  <a:moveTo>
                    <a:pt x="38100" y="0"/>
                  </a:moveTo>
                  <a:lnTo>
                    <a:pt x="35052" y="0"/>
                  </a:lnTo>
                  <a:lnTo>
                    <a:pt x="35052" y="4572"/>
                  </a:lnTo>
                  <a:lnTo>
                    <a:pt x="38100" y="4572"/>
                  </a:lnTo>
                  <a:lnTo>
                    <a:pt x="38100" y="0"/>
                  </a:lnTo>
                  <a:close/>
                </a:path>
                <a:path w="812800" h="5079">
                  <a:moveTo>
                    <a:pt x="45720" y="0"/>
                  </a:moveTo>
                  <a:lnTo>
                    <a:pt x="41148" y="0"/>
                  </a:lnTo>
                  <a:lnTo>
                    <a:pt x="41148" y="4572"/>
                  </a:lnTo>
                  <a:lnTo>
                    <a:pt x="45720" y="4572"/>
                  </a:lnTo>
                  <a:lnTo>
                    <a:pt x="45720" y="0"/>
                  </a:lnTo>
                  <a:close/>
                </a:path>
                <a:path w="812800" h="5079">
                  <a:moveTo>
                    <a:pt x="51816" y="0"/>
                  </a:moveTo>
                  <a:lnTo>
                    <a:pt x="48768" y="0"/>
                  </a:lnTo>
                  <a:lnTo>
                    <a:pt x="48768" y="4572"/>
                  </a:lnTo>
                  <a:lnTo>
                    <a:pt x="51816" y="4572"/>
                  </a:lnTo>
                  <a:lnTo>
                    <a:pt x="51816" y="0"/>
                  </a:lnTo>
                  <a:close/>
                </a:path>
                <a:path w="812800" h="5079">
                  <a:moveTo>
                    <a:pt x="59436" y="0"/>
                  </a:moveTo>
                  <a:lnTo>
                    <a:pt x="54864" y="0"/>
                  </a:lnTo>
                  <a:lnTo>
                    <a:pt x="54864" y="4572"/>
                  </a:lnTo>
                  <a:lnTo>
                    <a:pt x="59436" y="4572"/>
                  </a:lnTo>
                  <a:lnTo>
                    <a:pt x="59436" y="0"/>
                  </a:lnTo>
                  <a:close/>
                </a:path>
                <a:path w="812800" h="5079">
                  <a:moveTo>
                    <a:pt x="230124" y="0"/>
                  </a:moveTo>
                  <a:lnTo>
                    <a:pt x="228600" y="0"/>
                  </a:lnTo>
                  <a:lnTo>
                    <a:pt x="228600" y="4572"/>
                  </a:lnTo>
                  <a:lnTo>
                    <a:pt x="230124" y="4572"/>
                  </a:lnTo>
                  <a:lnTo>
                    <a:pt x="230124" y="0"/>
                  </a:lnTo>
                  <a:close/>
                </a:path>
                <a:path w="812800" h="5079">
                  <a:moveTo>
                    <a:pt x="237744" y="0"/>
                  </a:moveTo>
                  <a:lnTo>
                    <a:pt x="233172" y="0"/>
                  </a:lnTo>
                  <a:lnTo>
                    <a:pt x="233172" y="4572"/>
                  </a:lnTo>
                  <a:lnTo>
                    <a:pt x="237744" y="4572"/>
                  </a:lnTo>
                  <a:lnTo>
                    <a:pt x="237744" y="0"/>
                  </a:lnTo>
                  <a:close/>
                </a:path>
                <a:path w="812800" h="5079">
                  <a:moveTo>
                    <a:pt x="243840" y="0"/>
                  </a:moveTo>
                  <a:lnTo>
                    <a:pt x="240792" y="0"/>
                  </a:lnTo>
                  <a:lnTo>
                    <a:pt x="240792" y="4572"/>
                  </a:lnTo>
                  <a:lnTo>
                    <a:pt x="243840" y="4572"/>
                  </a:lnTo>
                  <a:lnTo>
                    <a:pt x="243840" y="0"/>
                  </a:lnTo>
                  <a:close/>
                </a:path>
                <a:path w="812800" h="5079">
                  <a:moveTo>
                    <a:pt x="251460" y="0"/>
                  </a:moveTo>
                  <a:lnTo>
                    <a:pt x="246888" y="0"/>
                  </a:lnTo>
                  <a:lnTo>
                    <a:pt x="246888" y="4572"/>
                  </a:lnTo>
                  <a:lnTo>
                    <a:pt x="251460" y="4572"/>
                  </a:lnTo>
                  <a:lnTo>
                    <a:pt x="251460" y="0"/>
                  </a:lnTo>
                  <a:close/>
                </a:path>
                <a:path w="812800" h="5079">
                  <a:moveTo>
                    <a:pt x="257556" y="0"/>
                  </a:moveTo>
                  <a:lnTo>
                    <a:pt x="254508" y="0"/>
                  </a:lnTo>
                  <a:lnTo>
                    <a:pt x="254508" y="4572"/>
                  </a:lnTo>
                  <a:lnTo>
                    <a:pt x="257556" y="4572"/>
                  </a:lnTo>
                  <a:lnTo>
                    <a:pt x="257556" y="0"/>
                  </a:lnTo>
                  <a:close/>
                </a:path>
                <a:path w="812800" h="5079">
                  <a:moveTo>
                    <a:pt x="265176" y="0"/>
                  </a:moveTo>
                  <a:lnTo>
                    <a:pt x="260604" y="0"/>
                  </a:lnTo>
                  <a:lnTo>
                    <a:pt x="260604" y="4572"/>
                  </a:lnTo>
                  <a:lnTo>
                    <a:pt x="265176" y="4572"/>
                  </a:lnTo>
                  <a:lnTo>
                    <a:pt x="265176" y="0"/>
                  </a:lnTo>
                  <a:close/>
                </a:path>
                <a:path w="812800" h="5079">
                  <a:moveTo>
                    <a:pt x="271272" y="0"/>
                  </a:moveTo>
                  <a:lnTo>
                    <a:pt x="268224" y="0"/>
                  </a:lnTo>
                  <a:lnTo>
                    <a:pt x="268224" y="4572"/>
                  </a:lnTo>
                  <a:lnTo>
                    <a:pt x="271272" y="4572"/>
                  </a:lnTo>
                  <a:lnTo>
                    <a:pt x="271272" y="0"/>
                  </a:lnTo>
                  <a:close/>
                </a:path>
                <a:path w="812800" h="5079">
                  <a:moveTo>
                    <a:pt x="278892" y="0"/>
                  </a:moveTo>
                  <a:lnTo>
                    <a:pt x="274320" y="0"/>
                  </a:lnTo>
                  <a:lnTo>
                    <a:pt x="274320" y="4572"/>
                  </a:lnTo>
                  <a:lnTo>
                    <a:pt x="278892" y="4572"/>
                  </a:lnTo>
                  <a:lnTo>
                    <a:pt x="278892" y="0"/>
                  </a:lnTo>
                  <a:close/>
                </a:path>
                <a:path w="812800" h="5079">
                  <a:moveTo>
                    <a:pt x="284988" y="0"/>
                  </a:moveTo>
                  <a:lnTo>
                    <a:pt x="281940" y="0"/>
                  </a:lnTo>
                  <a:lnTo>
                    <a:pt x="281940" y="4572"/>
                  </a:lnTo>
                  <a:lnTo>
                    <a:pt x="284988" y="4572"/>
                  </a:lnTo>
                  <a:lnTo>
                    <a:pt x="284988" y="0"/>
                  </a:lnTo>
                  <a:close/>
                </a:path>
                <a:path w="812800" h="5079">
                  <a:moveTo>
                    <a:pt x="292608" y="0"/>
                  </a:moveTo>
                  <a:lnTo>
                    <a:pt x="288036" y="0"/>
                  </a:lnTo>
                  <a:lnTo>
                    <a:pt x="288036" y="4572"/>
                  </a:lnTo>
                  <a:lnTo>
                    <a:pt x="292608" y="4572"/>
                  </a:lnTo>
                  <a:lnTo>
                    <a:pt x="292608" y="0"/>
                  </a:lnTo>
                  <a:close/>
                </a:path>
                <a:path w="812800" h="5079">
                  <a:moveTo>
                    <a:pt x="298704" y="0"/>
                  </a:moveTo>
                  <a:lnTo>
                    <a:pt x="295656" y="0"/>
                  </a:lnTo>
                  <a:lnTo>
                    <a:pt x="295656" y="4572"/>
                  </a:lnTo>
                  <a:lnTo>
                    <a:pt x="298704" y="4572"/>
                  </a:lnTo>
                  <a:lnTo>
                    <a:pt x="298704" y="0"/>
                  </a:lnTo>
                  <a:close/>
                </a:path>
                <a:path w="812800" h="5079">
                  <a:moveTo>
                    <a:pt x="306324" y="0"/>
                  </a:moveTo>
                  <a:lnTo>
                    <a:pt x="301752" y="0"/>
                  </a:lnTo>
                  <a:lnTo>
                    <a:pt x="301752" y="4572"/>
                  </a:lnTo>
                  <a:lnTo>
                    <a:pt x="306324" y="4572"/>
                  </a:lnTo>
                  <a:lnTo>
                    <a:pt x="306324" y="0"/>
                  </a:lnTo>
                  <a:close/>
                </a:path>
                <a:path w="812800" h="5079">
                  <a:moveTo>
                    <a:pt x="312420" y="0"/>
                  </a:moveTo>
                  <a:lnTo>
                    <a:pt x="309372" y="0"/>
                  </a:lnTo>
                  <a:lnTo>
                    <a:pt x="309372" y="4572"/>
                  </a:lnTo>
                  <a:lnTo>
                    <a:pt x="312420" y="4572"/>
                  </a:lnTo>
                  <a:lnTo>
                    <a:pt x="312420" y="0"/>
                  </a:lnTo>
                  <a:close/>
                </a:path>
                <a:path w="812800" h="5079">
                  <a:moveTo>
                    <a:pt x="320040" y="0"/>
                  </a:moveTo>
                  <a:lnTo>
                    <a:pt x="315468" y="0"/>
                  </a:lnTo>
                  <a:lnTo>
                    <a:pt x="315468" y="4572"/>
                  </a:lnTo>
                  <a:lnTo>
                    <a:pt x="320040" y="4572"/>
                  </a:lnTo>
                  <a:lnTo>
                    <a:pt x="320040" y="0"/>
                  </a:lnTo>
                  <a:close/>
                </a:path>
                <a:path w="812800" h="5079">
                  <a:moveTo>
                    <a:pt x="326136" y="0"/>
                  </a:moveTo>
                  <a:lnTo>
                    <a:pt x="323088" y="0"/>
                  </a:lnTo>
                  <a:lnTo>
                    <a:pt x="323088" y="4572"/>
                  </a:lnTo>
                  <a:lnTo>
                    <a:pt x="326136" y="4572"/>
                  </a:lnTo>
                  <a:lnTo>
                    <a:pt x="326136" y="0"/>
                  </a:lnTo>
                  <a:close/>
                </a:path>
                <a:path w="812800" h="5079">
                  <a:moveTo>
                    <a:pt x="333756" y="0"/>
                  </a:moveTo>
                  <a:lnTo>
                    <a:pt x="329184" y="0"/>
                  </a:lnTo>
                  <a:lnTo>
                    <a:pt x="329184" y="4572"/>
                  </a:lnTo>
                  <a:lnTo>
                    <a:pt x="333756" y="4572"/>
                  </a:lnTo>
                  <a:lnTo>
                    <a:pt x="333756" y="0"/>
                  </a:lnTo>
                  <a:close/>
                </a:path>
                <a:path w="812800" h="5079">
                  <a:moveTo>
                    <a:pt x="339852" y="0"/>
                  </a:moveTo>
                  <a:lnTo>
                    <a:pt x="336804" y="0"/>
                  </a:lnTo>
                  <a:lnTo>
                    <a:pt x="336804" y="4572"/>
                  </a:lnTo>
                  <a:lnTo>
                    <a:pt x="339852" y="4572"/>
                  </a:lnTo>
                  <a:lnTo>
                    <a:pt x="339852" y="0"/>
                  </a:lnTo>
                  <a:close/>
                </a:path>
                <a:path w="812800" h="5079">
                  <a:moveTo>
                    <a:pt x="347472" y="0"/>
                  </a:moveTo>
                  <a:lnTo>
                    <a:pt x="342900" y="0"/>
                  </a:lnTo>
                  <a:lnTo>
                    <a:pt x="342900" y="4572"/>
                  </a:lnTo>
                  <a:lnTo>
                    <a:pt x="347472" y="4572"/>
                  </a:lnTo>
                  <a:lnTo>
                    <a:pt x="347472" y="0"/>
                  </a:lnTo>
                  <a:close/>
                </a:path>
                <a:path w="812800" h="5079">
                  <a:moveTo>
                    <a:pt x="353568" y="0"/>
                  </a:moveTo>
                  <a:lnTo>
                    <a:pt x="350520" y="0"/>
                  </a:lnTo>
                  <a:lnTo>
                    <a:pt x="350520" y="4572"/>
                  </a:lnTo>
                  <a:lnTo>
                    <a:pt x="353568" y="4572"/>
                  </a:lnTo>
                  <a:lnTo>
                    <a:pt x="353568" y="0"/>
                  </a:lnTo>
                  <a:close/>
                </a:path>
                <a:path w="812800" h="5079">
                  <a:moveTo>
                    <a:pt x="361188" y="0"/>
                  </a:moveTo>
                  <a:lnTo>
                    <a:pt x="356616" y="0"/>
                  </a:lnTo>
                  <a:lnTo>
                    <a:pt x="356616" y="4572"/>
                  </a:lnTo>
                  <a:lnTo>
                    <a:pt x="361188" y="4572"/>
                  </a:lnTo>
                  <a:lnTo>
                    <a:pt x="361188" y="0"/>
                  </a:lnTo>
                  <a:close/>
                </a:path>
                <a:path w="812800" h="5079">
                  <a:moveTo>
                    <a:pt x="367284" y="0"/>
                  </a:moveTo>
                  <a:lnTo>
                    <a:pt x="364236" y="0"/>
                  </a:lnTo>
                  <a:lnTo>
                    <a:pt x="364236" y="4572"/>
                  </a:lnTo>
                  <a:lnTo>
                    <a:pt x="367284" y="4572"/>
                  </a:lnTo>
                  <a:lnTo>
                    <a:pt x="367284" y="0"/>
                  </a:lnTo>
                  <a:close/>
                </a:path>
                <a:path w="812800" h="5079">
                  <a:moveTo>
                    <a:pt x="374904" y="0"/>
                  </a:moveTo>
                  <a:lnTo>
                    <a:pt x="370332" y="0"/>
                  </a:lnTo>
                  <a:lnTo>
                    <a:pt x="370332" y="4572"/>
                  </a:lnTo>
                  <a:lnTo>
                    <a:pt x="374904" y="4572"/>
                  </a:lnTo>
                  <a:lnTo>
                    <a:pt x="374904" y="0"/>
                  </a:lnTo>
                  <a:close/>
                </a:path>
                <a:path w="812800" h="5079">
                  <a:moveTo>
                    <a:pt x="381000" y="0"/>
                  </a:moveTo>
                  <a:lnTo>
                    <a:pt x="377952" y="0"/>
                  </a:lnTo>
                  <a:lnTo>
                    <a:pt x="377952"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1668" y="0"/>
                  </a:lnTo>
                  <a:lnTo>
                    <a:pt x="391668"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5384" y="0"/>
                  </a:lnTo>
                  <a:lnTo>
                    <a:pt x="405384"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9100" y="0"/>
                  </a:lnTo>
                  <a:lnTo>
                    <a:pt x="419100"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2816" y="0"/>
                  </a:lnTo>
                  <a:lnTo>
                    <a:pt x="432816"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6532" y="0"/>
                  </a:lnTo>
                  <a:lnTo>
                    <a:pt x="446532"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60248" y="0"/>
                  </a:lnTo>
                  <a:lnTo>
                    <a:pt x="460248"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3964" y="0"/>
                  </a:lnTo>
                  <a:lnTo>
                    <a:pt x="473964"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655320" y="0"/>
                  </a:moveTo>
                  <a:lnTo>
                    <a:pt x="653796" y="0"/>
                  </a:lnTo>
                  <a:lnTo>
                    <a:pt x="653796" y="4572"/>
                  </a:lnTo>
                  <a:lnTo>
                    <a:pt x="655320" y="4572"/>
                  </a:lnTo>
                  <a:lnTo>
                    <a:pt x="655320" y="0"/>
                  </a:lnTo>
                  <a:close/>
                </a:path>
                <a:path w="812800" h="5079">
                  <a:moveTo>
                    <a:pt x="661416" y="0"/>
                  </a:moveTo>
                  <a:lnTo>
                    <a:pt x="658368" y="0"/>
                  </a:lnTo>
                  <a:lnTo>
                    <a:pt x="658368" y="4572"/>
                  </a:lnTo>
                  <a:lnTo>
                    <a:pt x="661416" y="4572"/>
                  </a:lnTo>
                  <a:lnTo>
                    <a:pt x="661416" y="0"/>
                  </a:lnTo>
                  <a:close/>
                </a:path>
                <a:path w="812800" h="5079">
                  <a:moveTo>
                    <a:pt x="669036" y="0"/>
                  </a:moveTo>
                  <a:lnTo>
                    <a:pt x="665988" y="0"/>
                  </a:lnTo>
                  <a:lnTo>
                    <a:pt x="665988" y="4572"/>
                  </a:lnTo>
                  <a:lnTo>
                    <a:pt x="669036" y="4572"/>
                  </a:lnTo>
                  <a:lnTo>
                    <a:pt x="669036" y="0"/>
                  </a:lnTo>
                  <a:close/>
                </a:path>
                <a:path w="812800" h="5079">
                  <a:moveTo>
                    <a:pt x="675132" y="0"/>
                  </a:moveTo>
                  <a:lnTo>
                    <a:pt x="672084" y="0"/>
                  </a:lnTo>
                  <a:lnTo>
                    <a:pt x="672084" y="4572"/>
                  </a:lnTo>
                  <a:lnTo>
                    <a:pt x="675132" y="4572"/>
                  </a:lnTo>
                  <a:lnTo>
                    <a:pt x="675132" y="0"/>
                  </a:lnTo>
                  <a:close/>
                </a:path>
                <a:path w="812800" h="5079">
                  <a:moveTo>
                    <a:pt x="682752" y="0"/>
                  </a:moveTo>
                  <a:lnTo>
                    <a:pt x="679704" y="0"/>
                  </a:lnTo>
                  <a:lnTo>
                    <a:pt x="679704" y="4572"/>
                  </a:lnTo>
                  <a:lnTo>
                    <a:pt x="682752" y="4572"/>
                  </a:lnTo>
                  <a:lnTo>
                    <a:pt x="682752" y="0"/>
                  </a:lnTo>
                  <a:close/>
                </a:path>
                <a:path w="812800" h="5079">
                  <a:moveTo>
                    <a:pt x="688848" y="0"/>
                  </a:moveTo>
                  <a:lnTo>
                    <a:pt x="685800" y="0"/>
                  </a:lnTo>
                  <a:lnTo>
                    <a:pt x="685800" y="4572"/>
                  </a:lnTo>
                  <a:lnTo>
                    <a:pt x="688848" y="4572"/>
                  </a:lnTo>
                  <a:lnTo>
                    <a:pt x="688848" y="0"/>
                  </a:lnTo>
                  <a:close/>
                </a:path>
                <a:path w="812800" h="5079">
                  <a:moveTo>
                    <a:pt x="696468" y="0"/>
                  </a:moveTo>
                  <a:lnTo>
                    <a:pt x="693420" y="0"/>
                  </a:lnTo>
                  <a:lnTo>
                    <a:pt x="693420" y="4572"/>
                  </a:lnTo>
                  <a:lnTo>
                    <a:pt x="696468" y="4572"/>
                  </a:lnTo>
                  <a:lnTo>
                    <a:pt x="696468" y="0"/>
                  </a:lnTo>
                  <a:close/>
                </a:path>
                <a:path w="812800" h="5079">
                  <a:moveTo>
                    <a:pt x="702564" y="0"/>
                  </a:moveTo>
                  <a:lnTo>
                    <a:pt x="699516" y="0"/>
                  </a:lnTo>
                  <a:lnTo>
                    <a:pt x="699516" y="4572"/>
                  </a:lnTo>
                  <a:lnTo>
                    <a:pt x="702564" y="4572"/>
                  </a:lnTo>
                  <a:lnTo>
                    <a:pt x="702564" y="0"/>
                  </a:lnTo>
                  <a:close/>
                </a:path>
                <a:path w="812800" h="5079">
                  <a:moveTo>
                    <a:pt x="710184" y="0"/>
                  </a:moveTo>
                  <a:lnTo>
                    <a:pt x="707136" y="0"/>
                  </a:lnTo>
                  <a:lnTo>
                    <a:pt x="707136" y="4572"/>
                  </a:lnTo>
                  <a:lnTo>
                    <a:pt x="710184" y="4572"/>
                  </a:lnTo>
                  <a:lnTo>
                    <a:pt x="710184" y="0"/>
                  </a:lnTo>
                  <a:close/>
                </a:path>
                <a:path w="812800" h="5079">
                  <a:moveTo>
                    <a:pt x="716280" y="0"/>
                  </a:moveTo>
                  <a:lnTo>
                    <a:pt x="713232" y="0"/>
                  </a:lnTo>
                  <a:lnTo>
                    <a:pt x="713232" y="4572"/>
                  </a:lnTo>
                  <a:lnTo>
                    <a:pt x="716280" y="4572"/>
                  </a:lnTo>
                  <a:lnTo>
                    <a:pt x="716280" y="0"/>
                  </a:lnTo>
                  <a:close/>
                </a:path>
                <a:path w="812800" h="5079">
                  <a:moveTo>
                    <a:pt x="723900" y="0"/>
                  </a:moveTo>
                  <a:lnTo>
                    <a:pt x="720852" y="0"/>
                  </a:lnTo>
                  <a:lnTo>
                    <a:pt x="720852"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4568" y="0"/>
                  </a:lnTo>
                  <a:lnTo>
                    <a:pt x="734568"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32" y="0"/>
                  </a:moveTo>
                  <a:lnTo>
                    <a:pt x="748284" y="0"/>
                  </a:lnTo>
                  <a:lnTo>
                    <a:pt x="748284" y="4572"/>
                  </a:lnTo>
                  <a:lnTo>
                    <a:pt x="751332" y="4572"/>
                  </a:lnTo>
                  <a:lnTo>
                    <a:pt x="751332" y="0"/>
                  </a:lnTo>
                  <a:close/>
                </a:path>
                <a:path w="812800" h="5079">
                  <a:moveTo>
                    <a:pt x="757428" y="0"/>
                  </a:moveTo>
                  <a:lnTo>
                    <a:pt x="754380" y="0"/>
                  </a:lnTo>
                  <a:lnTo>
                    <a:pt x="754380" y="4572"/>
                  </a:lnTo>
                  <a:lnTo>
                    <a:pt x="757428" y="4572"/>
                  </a:lnTo>
                  <a:lnTo>
                    <a:pt x="757428" y="0"/>
                  </a:lnTo>
                  <a:close/>
                </a:path>
                <a:path w="812800" h="5079">
                  <a:moveTo>
                    <a:pt x="765048" y="0"/>
                  </a:moveTo>
                  <a:lnTo>
                    <a:pt x="762000" y="0"/>
                  </a:lnTo>
                  <a:lnTo>
                    <a:pt x="762000"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5716" y="0"/>
                  </a:lnTo>
                  <a:lnTo>
                    <a:pt x="775716"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9432" y="0"/>
                  </a:lnTo>
                  <a:lnTo>
                    <a:pt x="789432"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3148" y="0"/>
                  </a:lnTo>
                  <a:lnTo>
                    <a:pt x="803148"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52" name="object 52"/>
            <p:cNvSpPr/>
            <p:nvPr/>
          </p:nvSpPr>
          <p:spPr>
            <a:xfrm>
              <a:off x="5786628" y="5077968"/>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9916" y="0"/>
                  </a:lnTo>
                  <a:lnTo>
                    <a:pt x="89916"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271272" y="0"/>
                  </a:moveTo>
                  <a:lnTo>
                    <a:pt x="269748" y="0"/>
                  </a:lnTo>
                  <a:lnTo>
                    <a:pt x="269748" y="4572"/>
                  </a:lnTo>
                  <a:lnTo>
                    <a:pt x="271272" y="4572"/>
                  </a:lnTo>
                  <a:lnTo>
                    <a:pt x="271272" y="0"/>
                  </a:lnTo>
                  <a:close/>
                </a:path>
                <a:path w="812800" h="5079">
                  <a:moveTo>
                    <a:pt x="277368" y="0"/>
                  </a:moveTo>
                  <a:lnTo>
                    <a:pt x="274320" y="0"/>
                  </a:lnTo>
                  <a:lnTo>
                    <a:pt x="274320" y="4572"/>
                  </a:lnTo>
                  <a:lnTo>
                    <a:pt x="277368" y="4572"/>
                  </a:lnTo>
                  <a:lnTo>
                    <a:pt x="277368" y="0"/>
                  </a:lnTo>
                  <a:close/>
                </a:path>
                <a:path w="812800" h="5079">
                  <a:moveTo>
                    <a:pt x="284988" y="0"/>
                  </a:moveTo>
                  <a:lnTo>
                    <a:pt x="280416" y="0"/>
                  </a:lnTo>
                  <a:lnTo>
                    <a:pt x="280416" y="4572"/>
                  </a:lnTo>
                  <a:lnTo>
                    <a:pt x="284988" y="4572"/>
                  </a:lnTo>
                  <a:lnTo>
                    <a:pt x="284988" y="0"/>
                  </a:lnTo>
                  <a:close/>
                </a:path>
                <a:path w="812800" h="5079">
                  <a:moveTo>
                    <a:pt x="291084" y="0"/>
                  </a:moveTo>
                  <a:lnTo>
                    <a:pt x="288036" y="0"/>
                  </a:lnTo>
                  <a:lnTo>
                    <a:pt x="288036" y="4572"/>
                  </a:lnTo>
                  <a:lnTo>
                    <a:pt x="291084" y="4572"/>
                  </a:lnTo>
                  <a:lnTo>
                    <a:pt x="291084" y="0"/>
                  </a:lnTo>
                  <a:close/>
                </a:path>
                <a:path w="812800" h="5079">
                  <a:moveTo>
                    <a:pt x="298704" y="0"/>
                  </a:moveTo>
                  <a:lnTo>
                    <a:pt x="294132" y="0"/>
                  </a:lnTo>
                  <a:lnTo>
                    <a:pt x="294132" y="4572"/>
                  </a:lnTo>
                  <a:lnTo>
                    <a:pt x="298704" y="4572"/>
                  </a:lnTo>
                  <a:lnTo>
                    <a:pt x="298704" y="0"/>
                  </a:lnTo>
                  <a:close/>
                </a:path>
                <a:path w="812800" h="5079">
                  <a:moveTo>
                    <a:pt x="304800" y="0"/>
                  </a:moveTo>
                  <a:lnTo>
                    <a:pt x="301752" y="0"/>
                  </a:lnTo>
                  <a:lnTo>
                    <a:pt x="301752" y="4572"/>
                  </a:lnTo>
                  <a:lnTo>
                    <a:pt x="304800" y="4572"/>
                  </a:lnTo>
                  <a:lnTo>
                    <a:pt x="304800" y="0"/>
                  </a:lnTo>
                  <a:close/>
                </a:path>
                <a:path w="812800" h="5079">
                  <a:moveTo>
                    <a:pt x="312420" y="0"/>
                  </a:moveTo>
                  <a:lnTo>
                    <a:pt x="307848" y="0"/>
                  </a:lnTo>
                  <a:lnTo>
                    <a:pt x="307848" y="4572"/>
                  </a:lnTo>
                  <a:lnTo>
                    <a:pt x="312420" y="4572"/>
                  </a:lnTo>
                  <a:lnTo>
                    <a:pt x="312420" y="0"/>
                  </a:lnTo>
                  <a:close/>
                </a:path>
                <a:path w="812800" h="5079">
                  <a:moveTo>
                    <a:pt x="318516" y="0"/>
                  </a:moveTo>
                  <a:lnTo>
                    <a:pt x="315468" y="0"/>
                  </a:lnTo>
                  <a:lnTo>
                    <a:pt x="315468" y="4572"/>
                  </a:lnTo>
                  <a:lnTo>
                    <a:pt x="318516" y="4572"/>
                  </a:lnTo>
                  <a:lnTo>
                    <a:pt x="318516" y="0"/>
                  </a:lnTo>
                  <a:close/>
                </a:path>
                <a:path w="812800" h="5079">
                  <a:moveTo>
                    <a:pt x="326136" y="0"/>
                  </a:moveTo>
                  <a:lnTo>
                    <a:pt x="321564" y="0"/>
                  </a:lnTo>
                  <a:lnTo>
                    <a:pt x="321564" y="4572"/>
                  </a:lnTo>
                  <a:lnTo>
                    <a:pt x="326136" y="4572"/>
                  </a:lnTo>
                  <a:lnTo>
                    <a:pt x="326136" y="0"/>
                  </a:lnTo>
                  <a:close/>
                </a:path>
                <a:path w="812800" h="5079">
                  <a:moveTo>
                    <a:pt x="332232" y="0"/>
                  </a:moveTo>
                  <a:lnTo>
                    <a:pt x="329184" y="0"/>
                  </a:lnTo>
                  <a:lnTo>
                    <a:pt x="329184" y="4572"/>
                  </a:lnTo>
                  <a:lnTo>
                    <a:pt x="332232" y="4572"/>
                  </a:lnTo>
                  <a:lnTo>
                    <a:pt x="332232" y="0"/>
                  </a:lnTo>
                  <a:close/>
                </a:path>
                <a:path w="812800" h="5079">
                  <a:moveTo>
                    <a:pt x="339852" y="0"/>
                  </a:moveTo>
                  <a:lnTo>
                    <a:pt x="335280" y="0"/>
                  </a:lnTo>
                  <a:lnTo>
                    <a:pt x="335280"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48996" y="0"/>
                  </a:lnTo>
                  <a:lnTo>
                    <a:pt x="348996"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2712" y="0"/>
                  </a:lnTo>
                  <a:lnTo>
                    <a:pt x="362712"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6428" y="0"/>
                  </a:lnTo>
                  <a:lnTo>
                    <a:pt x="376428"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0144" y="0"/>
                  </a:lnTo>
                  <a:lnTo>
                    <a:pt x="390144"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3860" y="0"/>
                  </a:lnTo>
                  <a:lnTo>
                    <a:pt x="403860"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696468" y="0"/>
                  </a:moveTo>
                  <a:lnTo>
                    <a:pt x="694944" y="0"/>
                  </a:lnTo>
                  <a:lnTo>
                    <a:pt x="694944" y="4572"/>
                  </a:lnTo>
                  <a:lnTo>
                    <a:pt x="696468" y="4572"/>
                  </a:lnTo>
                  <a:lnTo>
                    <a:pt x="696468" y="0"/>
                  </a:lnTo>
                  <a:close/>
                </a:path>
                <a:path w="812800" h="5079">
                  <a:moveTo>
                    <a:pt x="702564" y="0"/>
                  </a:moveTo>
                  <a:lnTo>
                    <a:pt x="699516" y="0"/>
                  </a:lnTo>
                  <a:lnTo>
                    <a:pt x="699516" y="4572"/>
                  </a:lnTo>
                  <a:lnTo>
                    <a:pt x="702564" y="4572"/>
                  </a:lnTo>
                  <a:lnTo>
                    <a:pt x="702564" y="0"/>
                  </a:lnTo>
                  <a:close/>
                </a:path>
                <a:path w="812800" h="5079">
                  <a:moveTo>
                    <a:pt x="710184" y="0"/>
                  </a:moveTo>
                  <a:lnTo>
                    <a:pt x="705612" y="0"/>
                  </a:lnTo>
                  <a:lnTo>
                    <a:pt x="705612" y="4572"/>
                  </a:lnTo>
                  <a:lnTo>
                    <a:pt x="710184" y="4572"/>
                  </a:lnTo>
                  <a:lnTo>
                    <a:pt x="710184" y="0"/>
                  </a:lnTo>
                  <a:close/>
                </a:path>
                <a:path w="812800" h="5079">
                  <a:moveTo>
                    <a:pt x="716267" y="0"/>
                  </a:moveTo>
                  <a:lnTo>
                    <a:pt x="713232" y="0"/>
                  </a:lnTo>
                  <a:lnTo>
                    <a:pt x="713232" y="4572"/>
                  </a:lnTo>
                  <a:lnTo>
                    <a:pt x="716267" y="4572"/>
                  </a:lnTo>
                  <a:lnTo>
                    <a:pt x="716267" y="0"/>
                  </a:lnTo>
                  <a:close/>
                </a:path>
                <a:path w="812800" h="5079">
                  <a:moveTo>
                    <a:pt x="723900" y="0"/>
                  </a:moveTo>
                  <a:lnTo>
                    <a:pt x="719328" y="0"/>
                  </a:lnTo>
                  <a:lnTo>
                    <a:pt x="719328"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3044" y="0"/>
                  </a:lnTo>
                  <a:lnTo>
                    <a:pt x="733044"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19" y="0"/>
                  </a:moveTo>
                  <a:lnTo>
                    <a:pt x="746760" y="0"/>
                  </a:lnTo>
                  <a:lnTo>
                    <a:pt x="746760" y="4572"/>
                  </a:lnTo>
                  <a:lnTo>
                    <a:pt x="751319" y="4572"/>
                  </a:lnTo>
                  <a:lnTo>
                    <a:pt x="751319" y="0"/>
                  </a:lnTo>
                  <a:close/>
                </a:path>
                <a:path w="812800" h="5079">
                  <a:moveTo>
                    <a:pt x="757428" y="0"/>
                  </a:moveTo>
                  <a:lnTo>
                    <a:pt x="754367" y="0"/>
                  </a:lnTo>
                  <a:lnTo>
                    <a:pt x="754367"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67" y="0"/>
                  </a:moveTo>
                  <a:lnTo>
                    <a:pt x="787895" y="0"/>
                  </a:lnTo>
                  <a:lnTo>
                    <a:pt x="787895" y="4572"/>
                  </a:lnTo>
                  <a:lnTo>
                    <a:pt x="792467" y="4572"/>
                  </a:lnTo>
                  <a:lnTo>
                    <a:pt x="792467" y="0"/>
                  </a:lnTo>
                  <a:close/>
                </a:path>
                <a:path w="812800" h="5079">
                  <a:moveTo>
                    <a:pt x="798576" y="0"/>
                  </a:moveTo>
                  <a:lnTo>
                    <a:pt x="795528" y="0"/>
                  </a:lnTo>
                  <a:lnTo>
                    <a:pt x="795528"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53" name="object 53"/>
            <p:cNvSpPr/>
            <p:nvPr/>
          </p:nvSpPr>
          <p:spPr>
            <a:xfrm>
              <a:off x="6595872" y="5077968"/>
              <a:ext cx="818515" cy="5080"/>
            </a:xfrm>
            <a:custGeom>
              <a:avLst/>
              <a:gdLst/>
              <a:ahLst/>
              <a:cxnLst/>
              <a:rect l="l" t="t" r="r" b="b"/>
              <a:pathLst>
                <a:path w="818515" h="5079">
                  <a:moveTo>
                    <a:pt x="3048" y="0"/>
                  </a:moveTo>
                  <a:lnTo>
                    <a:pt x="0" y="0"/>
                  </a:lnTo>
                  <a:lnTo>
                    <a:pt x="0" y="4572"/>
                  </a:lnTo>
                  <a:lnTo>
                    <a:pt x="3048" y="4572"/>
                  </a:lnTo>
                  <a:lnTo>
                    <a:pt x="3048" y="0"/>
                  </a:lnTo>
                  <a:close/>
                </a:path>
                <a:path w="818515" h="5079">
                  <a:moveTo>
                    <a:pt x="9144" y="0"/>
                  </a:moveTo>
                  <a:lnTo>
                    <a:pt x="6096" y="0"/>
                  </a:lnTo>
                  <a:lnTo>
                    <a:pt x="6096" y="4572"/>
                  </a:lnTo>
                  <a:lnTo>
                    <a:pt x="9144" y="4572"/>
                  </a:lnTo>
                  <a:lnTo>
                    <a:pt x="9144" y="0"/>
                  </a:lnTo>
                  <a:close/>
                </a:path>
                <a:path w="818515" h="5079">
                  <a:moveTo>
                    <a:pt x="16751" y="0"/>
                  </a:moveTo>
                  <a:lnTo>
                    <a:pt x="13716" y="0"/>
                  </a:lnTo>
                  <a:lnTo>
                    <a:pt x="13716" y="4572"/>
                  </a:lnTo>
                  <a:lnTo>
                    <a:pt x="16751" y="4572"/>
                  </a:lnTo>
                  <a:lnTo>
                    <a:pt x="16751" y="0"/>
                  </a:lnTo>
                  <a:close/>
                </a:path>
                <a:path w="818515" h="5079">
                  <a:moveTo>
                    <a:pt x="22847" y="0"/>
                  </a:moveTo>
                  <a:lnTo>
                    <a:pt x="19799" y="0"/>
                  </a:lnTo>
                  <a:lnTo>
                    <a:pt x="19799" y="4572"/>
                  </a:lnTo>
                  <a:lnTo>
                    <a:pt x="22847" y="4572"/>
                  </a:lnTo>
                  <a:lnTo>
                    <a:pt x="22847" y="0"/>
                  </a:lnTo>
                  <a:close/>
                </a:path>
                <a:path w="818515" h="5079">
                  <a:moveTo>
                    <a:pt x="30480" y="0"/>
                  </a:moveTo>
                  <a:lnTo>
                    <a:pt x="27432" y="0"/>
                  </a:lnTo>
                  <a:lnTo>
                    <a:pt x="27432" y="4572"/>
                  </a:lnTo>
                  <a:lnTo>
                    <a:pt x="30480" y="4572"/>
                  </a:lnTo>
                  <a:lnTo>
                    <a:pt x="30480" y="0"/>
                  </a:lnTo>
                  <a:close/>
                </a:path>
                <a:path w="818515" h="5079">
                  <a:moveTo>
                    <a:pt x="36576" y="0"/>
                  </a:moveTo>
                  <a:lnTo>
                    <a:pt x="33528" y="0"/>
                  </a:lnTo>
                  <a:lnTo>
                    <a:pt x="33528" y="4572"/>
                  </a:lnTo>
                  <a:lnTo>
                    <a:pt x="36576" y="4572"/>
                  </a:lnTo>
                  <a:lnTo>
                    <a:pt x="36576" y="0"/>
                  </a:lnTo>
                  <a:close/>
                </a:path>
                <a:path w="818515" h="5079">
                  <a:moveTo>
                    <a:pt x="44196" y="0"/>
                  </a:moveTo>
                  <a:lnTo>
                    <a:pt x="41148" y="0"/>
                  </a:lnTo>
                  <a:lnTo>
                    <a:pt x="41148" y="4572"/>
                  </a:lnTo>
                  <a:lnTo>
                    <a:pt x="44196" y="4572"/>
                  </a:lnTo>
                  <a:lnTo>
                    <a:pt x="44196" y="0"/>
                  </a:lnTo>
                  <a:close/>
                </a:path>
                <a:path w="818515" h="5079">
                  <a:moveTo>
                    <a:pt x="50292" y="0"/>
                  </a:moveTo>
                  <a:lnTo>
                    <a:pt x="47244" y="0"/>
                  </a:lnTo>
                  <a:lnTo>
                    <a:pt x="47244" y="4572"/>
                  </a:lnTo>
                  <a:lnTo>
                    <a:pt x="50292" y="4572"/>
                  </a:lnTo>
                  <a:lnTo>
                    <a:pt x="50292" y="0"/>
                  </a:lnTo>
                  <a:close/>
                </a:path>
                <a:path w="818515" h="5079">
                  <a:moveTo>
                    <a:pt x="57899" y="0"/>
                  </a:moveTo>
                  <a:lnTo>
                    <a:pt x="54851" y="0"/>
                  </a:lnTo>
                  <a:lnTo>
                    <a:pt x="54851" y="4572"/>
                  </a:lnTo>
                  <a:lnTo>
                    <a:pt x="57899" y="4572"/>
                  </a:lnTo>
                  <a:lnTo>
                    <a:pt x="57899" y="0"/>
                  </a:lnTo>
                  <a:close/>
                </a:path>
                <a:path w="818515" h="5079">
                  <a:moveTo>
                    <a:pt x="64008" y="0"/>
                  </a:moveTo>
                  <a:lnTo>
                    <a:pt x="60947" y="0"/>
                  </a:lnTo>
                  <a:lnTo>
                    <a:pt x="60947" y="4572"/>
                  </a:lnTo>
                  <a:lnTo>
                    <a:pt x="64008" y="4572"/>
                  </a:lnTo>
                  <a:lnTo>
                    <a:pt x="64008" y="0"/>
                  </a:lnTo>
                  <a:close/>
                </a:path>
                <a:path w="818515" h="5079">
                  <a:moveTo>
                    <a:pt x="71628" y="0"/>
                  </a:moveTo>
                  <a:lnTo>
                    <a:pt x="68580" y="0"/>
                  </a:lnTo>
                  <a:lnTo>
                    <a:pt x="68580" y="4572"/>
                  </a:lnTo>
                  <a:lnTo>
                    <a:pt x="71628" y="4572"/>
                  </a:lnTo>
                  <a:lnTo>
                    <a:pt x="71628" y="0"/>
                  </a:lnTo>
                  <a:close/>
                </a:path>
                <a:path w="818515" h="5079">
                  <a:moveTo>
                    <a:pt x="77724" y="0"/>
                  </a:moveTo>
                  <a:lnTo>
                    <a:pt x="74676" y="0"/>
                  </a:lnTo>
                  <a:lnTo>
                    <a:pt x="74676" y="4572"/>
                  </a:lnTo>
                  <a:lnTo>
                    <a:pt x="77724" y="4572"/>
                  </a:lnTo>
                  <a:lnTo>
                    <a:pt x="77724" y="0"/>
                  </a:lnTo>
                  <a:close/>
                </a:path>
                <a:path w="818515" h="5079">
                  <a:moveTo>
                    <a:pt x="85344" y="0"/>
                  </a:moveTo>
                  <a:lnTo>
                    <a:pt x="82296" y="0"/>
                  </a:lnTo>
                  <a:lnTo>
                    <a:pt x="82296" y="4572"/>
                  </a:lnTo>
                  <a:lnTo>
                    <a:pt x="85344" y="4572"/>
                  </a:lnTo>
                  <a:lnTo>
                    <a:pt x="85344" y="0"/>
                  </a:lnTo>
                  <a:close/>
                </a:path>
                <a:path w="818515" h="5079">
                  <a:moveTo>
                    <a:pt x="91440" y="0"/>
                  </a:moveTo>
                  <a:lnTo>
                    <a:pt x="88392" y="0"/>
                  </a:lnTo>
                  <a:lnTo>
                    <a:pt x="88392" y="4572"/>
                  </a:lnTo>
                  <a:lnTo>
                    <a:pt x="91440" y="4572"/>
                  </a:lnTo>
                  <a:lnTo>
                    <a:pt x="91440" y="0"/>
                  </a:lnTo>
                  <a:close/>
                </a:path>
                <a:path w="818515" h="5079">
                  <a:moveTo>
                    <a:pt x="99060" y="0"/>
                  </a:moveTo>
                  <a:lnTo>
                    <a:pt x="96012" y="0"/>
                  </a:lnTo>
                  <a:lnTo>
                    <a:pt x="96012" y="4572"/>
                  </a:lnTo>
                  <a:lnTo>
                    <a:pt x="99060" y="4572"/>
                  </a:lnTo>
                  <a:lnTo>
                    <a:pt x="99060" y="0"/>
                  </a:lnTo>
                  <a:close/>
                </a:path>
                <a:path w="818515" h="5079">
                  <a:moveTo>
                    <a:pt x="105156" y="0"/>
                  </a:moveTo>
                  <a:lnTo>
                    <a:pt x="102108" y="0"/>
                  </a:lnTo>
                  <a:lnTo>
                    <a:pt x="102108" y="4572"/>
                  </a:lnTo>
                  <a:lnTo>
                    <a:pt x="105156" y="4572"/>
                  </a:lnTo>
                  <a:lnTo>
                    <a:pt x="105156" y="0"/>
                  </a:lnTo>
                  <a:close/>
                </a:path>
                <a:path w="818515" h="5079">
                  <a:moveTo>
                    <a:pt x="112776" y="0"/>
                  </a:moveTo>
                  <a:lnTo>
                    <a:pt x="109728" y="0"/>
                  </a:lnTo>
                  <a:lnTo>
                    <a:pt x="109728" y="4572"/>
                  </a:lnTo>
                  <a:lnTo>
                    <a:pt x="112776" y="4572"/>
                  </a:lnTo>
                  <a:lnTo>
                    <a:pt x="112776" y="0"/>
                  </a:lnTo>
                  <a:close/>
                </a:path>
                <a:path w="818515" h="5079">
                  <a:moveTo>
                    <a:pt x="118872" y="0"/>
                  </a:moveTo>
                  <a:lnTo>
                    <a:pt x="115824" y="0"/>
                  </a:lnTo>
                  <a:lnTo>
                    <a:pt x="115824" y="4572"/>
                  </a:lnTo>
                  <a:lnTo>
                    <a:pt x="118872" y="4572"/>
                  </a:lnTo>
                  <a:lnTo>
                    <a:pt x="118872" y="0"/>
                  </a:lnTo>
                  <a:close/>
                </a:path>
                <a:path w="818515" h="5079">
                  <a:moveTo>
                    <a:pt x="126492" y="0"/>
                  </a:moveTo>
                  <a:lnTo>
                    <a:pt x="123444" y="0"/>
                  </a:lnTo>
                  <a:lnTo>
                    <a:pt x="123444" y="4572"/>
                  </a:lnTo>
                  <a:lnTo>
                    <a:pt x="126492" y="4572"/>
                  </a:lnTo>
                  <a:lnTo>
                    <a:pt x="126492" y="0"/>
                  </a:lnTo>
                  <a:close/>
                </a:path>
                <a:path w="818515" h="5079">
                  <a:moveTo>
                    <a:pt x="132588" y="0"/>
                  </a:moveTo>
                  <a:lnTo>
                    <a:pt x="129540" y="0"/>
                  </a:lnTo>
                  <a:lnTo>
                    <a:pt x="129540" y="4572"/>
                  </a:lnTo>
                  <a:lnTo>
                    <a:pt x="132588" y="4572"/>
                  </a:lnTo>
                  <a:lnTo>
                    <a:pt x="132588" y="0"/>
                  </a:lnTo>
                  <a:close/>
                </a:path>
                <a:path w="818515" h="5079">
                  <a:moveTo>
                    <a:pt x="140208" y="0"/>
                  </a:moveTo>
                  <a:lnTo>
                    <a:pt x="137160" y="0"/>
                  </a:lnTo>
                  <a:lnTo>
                    <a:pt x="137160" y="4572"/>
                  </a:lnTo>
                  <a:lnTo>
                    <a:pt x="140208" y="4572"/>
                  </a:lnTo>
                  <a:lnTo>
                    <a:pt x="140208" y="0"/>
                  </a:lnTo>
                  <a:close/>
                </a:path>
                <a:path w="818515" h="5079">
                  <a:moveTo>
                    <a:pt x="318516" y="0"/>
                  </a:moveTo>
                  <a:lnTo>
                    <a:pt x="315468" y="0"/>
                  </a:lnTo>
                  <a:lnTo>
                    <a:pt x="315468" y="4572"/>
                  </a:lnTo>
                  <a:lnTo>
                    <a:pt x="318516" y="4572"/>
                  </a:lnTo>
                  <a:lnTo>
                    <a:pt x="318516" y="0"/>
                  </a:lnTo>
                  <a:close/>
                </a:path>
                <a:path w="818515" h="5079">
                  <a:moveTo>
                    <a:pt x="324612" y="0"/>
                  </a:moveTo>
                  <a:lnTo>
                    <a:pt x="321564" y="0"/>
                  </a:lnTo>
                  <a:lnTo>
                    <a:pt x="321564" y="4572"/>
                  </a:lnTo>
                  <a:lnTo>
                    <a:pt x="324612" y="4572"/>
                  </a:lnTo>
                  <a:lnTo>
                    <a:pt x="324612" y="0"/>
                  </a:lnTo>
                  <a:close/>
                </a:path>
                <a:path w="818515" h="5079">
                  <a:moveTo>
                    <a:pt x="332232" y="0"/>
                  </a:moveTo>
                  <a:lnTo>
                    <a:pt x="329184" y="0"/>
                  </a:lnTo>
                  <a:lnTo>
                    <a:pt x="329184" y="4572"/>
                  </a:lnTo>
                  <a:lnTo>
                    <a:pt x="332232" y="4572"/>
                  </a:lnTo>
                  <a:lnTo>
                    <a:pt x="332232" y="0"/>
                  </a:lnTo>
                  <a:close/>
                </a:path>
                <a:path w="818515" h="5079">
                  <a:moveTo>
                    <a:pt x="338328" y="0"/>
                  </a:moveTo>
                  <a:lnTo>
                    <a:pt x="335280" y="0"/>
                  </a:lnTo>
                  <a:lnTo>
                    <a:pt x="335280" y="4572"/>
                  </a:lnTo>
                  <a:lnTo>
                    <a:pt x="338328" y="4572"/>
                  </a:lnTo>
                  <a:lnTo>
                    <a:pt x="338328" y="0"/>
                  </a:lnTo>
                  <a:close/>
                </a:path>
                <a:path w="818515" h="5079">
                  <a:moveTo>
                    <a:pt x="345948" y="0"/>
                  </a:moveTo>
                  <a:lnTo>
                    <a:pt x="342900" y="0"/>
                  </a:lnTo>
                  <a:lnTo>
                    <a:pt x="342900" y="4572"/>
                  </a:lnTo>
                  <a:lnTo>
                    <a:pt x="345948" y="4572"/>
                  </a:lnTo>
                  <a:lnTo>
                    <a:pt x="345948" y="0"/>
                  </a:lnTo>
                  <a:close/>
                </a:path>
                <a:path w="818515" h="5079">
                  <a:moveTo>
                    <a:pt x="352044" y="0"/>
                  </a:moveTo>
                  <a:lnTo>
                    <a:pt x="348996" y="0"/>
                  </a:lnTo>
                  <a:lnTo>
                    <a:pt x="348996" y="4572"/>
                  </a:lnTo>
                  <a:lnTo>
                    <a:pt x="352044" y="4572"/>
                  </a:lnTo>
                  <a:lnTo>
                    <a:pt x="352044" y="0"/>
                  </a:lnTo>
                  <a:close/>
                </a:path>
                <a:path w="818515" h="5079">
                  <a:moveTo>
                    <a:pt x="359664" y="0"/>
                  </a:moveTo>
                  <a:lnTo>
                    <a:pt x="356616" y="0"/>
                  </a:lnTo>
                  <a:lnTo>
                    <a:pt x="356616" y="4572"/>
                  </a:lnTo>
                  <a:lnTo>
                    <a:pt x="359664" y="4572"/>
                  </a:lnTo>
                  <a:lnTo>
                    <a:pt x="359664" y="0"/>
                  </a:lnTo>
                  <a:close/>
                </a:path>
                <a:path w="818515" h="5079">
                  <a:moveTo>
                    <a:pt x="365760" y="0"/>
                  </a:moveTo>
                  <a:lnTo>
                    <a:pt x="362712" y="0"/>
                  </a:lnTo>
                  <a:lnTo>
                    <a:pt x="362712" y="4572"/>
                  </a:lnTo>
                  <a:lnTo>
                    <a:pt x="365760" y="4572"/>
                  </a:lnTo>
                  <a:lnTo>
                    <a:pt x="365760" y="0"/>
                  </a:lnTo>
                  <a:close/>
                </a:path>
                <a:path w="818515" h="5079">
                  <a:moveTo>
                    <a:pt x="373380" y="0"/>
                  </a:moveTo>
                  <a:lnTo>
                    <a:pt x="370332" y="0"/>
                  </a:lnTo>
                  <a:lnTo>
                    <a:pt x="370332" y="4572"/>
                  </a:lnTo>
                  <a:lnTo>
                    <a:pt x="373380" y="4572"/>
                  </a:lnTo>
                  <a:lnTo>
                    <a:pt x="373380" y="0"/>
                  </a:lnTo>
                  <a:close/>
                </a:path>
                <a:path w="818515" h="5079">
                  <a:moveTo>
                    <a:pt x="379476" y="0"/>
                  </a:moveTo>
                  <a:lnTo>
                    <a:pt x="376428" y="0"/>
                  </a:lnTo>
                  <a:lnTo>
                    <a:pt x="376428" y="4572"/>
                  </a:lnTo>
                  <a:lnTo>
                    <a:pt x="379476" y="4572"/>
                  </a:lnTo>
                  <a:lnTo>
                    <a:pt x="379476" y="0"/>
                  </a:lnTo>
                  <a:close/>
                </a:path>
                <a:path w="818515" h="5079">
                  <a:moveTo>
                    <a:pt x="387096" y="0"/>
                  </a:moveTo>
                  <a:lnTo>
                    <a:pt x="384048" y="0"/>
                  </a:lnTo>
                  <a:lnTo>
                    <a:pt x="384048" y="4572"/>
                  </a:lnTo>
                  <a:lnTo>
                    <a:pt x="387096" y="4572"/>
                  </a:lnTo>
                  <a:lnTo>
                    <a:pt x="387096" y="0"/>
                  </a:lnTo>
                  <a:close/>
                </a:path>
                <a:path w="818515" h="5079">
                  <a:moveTo>
                    <a:pt x="393192" y="0"/>
                  </a:moveTo>
                  <a:lnTo>
                    <a:pt x="390144" y="0"/>
                  </a:lnTo>
                  <a:lnTo>
                    <a:pt x="390144" y="4572"/>
                  </a:lnTo>
                  <a:lnTo>
                    <a:pt x="393192" y="4572"/>
                  </a:lnTo>
                  <a:lnTo>
                    <a:pt x="393192" y="0"/>
                  </a:lnTo>
                  <a:close/>
                </a:path>
                <a:path w="818515" h="5079">
                  <a:moveTo>
                    <a:pt x="400812" y="0"/>
                  </a:moveTo>
                  <a:lnTo>
                    <a:pt x="397764" y="0"/>
                  </a:lnTo>
                  <a:lnTo>
                    <a:pt x="397764" y="4572"/>
                  </a:lnTo>
                  <a:lnTo>
                    <a:pt x="400812" y="4572"/>
                  </a:lnTo>
                  <a:lnTo>
                    <a:pt x="400812" y="0"/>
                  </a:lnTo>
                  <a:close/>
                </a:path>
                <a:path w="818515" h="5079">
                  <a:moveTo>
                    <a:pt x="406908" y="0"/>
                  </a:moveTo>
                  <a:lnTo>
                    <a:pt x="403860" y="0"/>
                  </a:lnTo>
                  <a:lnTo>
                    <a:pt x="403860" y="4572"/>
                  </a:lnTo>
                  <a:lnTo>
                    <a:pt x="406908" y="4572"/>
                  </a:lnTo>
                  <a:lnTo>
                    <a:pt x="406908" y="0"/>
                  </a:lnTo>
                  <a:close/>
                </a:path>
                <a:path w="818515" h="5079">
                  <a:moveTo>
                    <a:pt x="414528" y="0"/>
                  </a:moveTo>
                  <a:lnTo>
                    <a:pt x="411480" y="0"/>
                  </a:lnTo>
                  <a:lnTo>
                    <a:pt x="411480" y="4572"/>
                  </a:lnTo>
                  <a:lnTo>
                    <a:pt x="414528" y="4572"/>
                  </a:lnTo>
                  <a:lnTo>
                    <a:pt x="414528" y="0"/>
                  </a:lnTo>
                  <a:close/>
                </a:path>
                <a:path w="818515" h="5079">
                  <a:moveTo>
                    <a:pt x="420624" y="0"/>
                  </a:moveTo>
                  <a:lnTo>
                    <a:pt x="417576" y="0"/>
                  </a:lnTo>
                  <a:lnTo>
                    <a:pt x="417576" y="4572"/>
                  </a:lnTo>
                  <a:lnTo>
                    <a:pt x="420624" y="4572"/>
                  </a:lnTo>
                  <a:lnTo>
                    <a:pt x="420624" y="0"/>
                  </a:lnTo>
                  <a:close/>
                </a:path>
                <a:path w="818515" h="5079">
                  <a:moveTo>
                    <a:pt x="428244" y="0"/>
                  </a:moveTo>
                  <a:lnTo>
                    <a:pt x="425196" y="0"/>
                  </a:lnTo>
                  <a:lnTo>
                    <a:pt x="425196" y="4572"/>
                  </a:lnTo>
                  <a:lnTo>
                    <a:pt x="428244" y="4572"/>
                  </a:lnTo>
                  <a:lnTo>
                    <a:pt x="428244" y="0"/>
                  </a:lnTo>
                  <a:close/>
                </a:path>
                <a:path w="818515" h="5079">
                  <a:moveTo>
                    <a:pt x="434340" y="0"/>
                  </a:moveTo>
                  <a:lnTo>
                    <a:pt x="431292" y="0"/>
                  </a:lnTo>
                  <a:lnTo>
                    <a:pt x="431292" y="4572"/>
                  </a:lnTo>
                  <a:lnTo>
                    <a:pt x="434340" y="4572"/>
                  </a:lnTo>
                  <a:lnTo>
                    <a:pt x="434340" y="0"/>
                  </a:lnTo>
                  <a:close/>
                </a:path>
                <a:path w="818515" h="5079">
                  <a:moveTo>
                    <a:pt x="441960" y="0"/>
                  </a:moveTo>
                  <a:lnTo>
                    <a:pt x="438912" y="0"/>
                  </a:lnTo>
                  <a:lnTo>
                    <a:pt x="438912" y="4572"/>
                  </a:lnTo>
                  <a:lnTo>
                    <a:pt x="441960" y="4572"/>
                  </a:lnTo>
                  <a:lnTo>
                    <a:pt x="441960" y="0"/>
                  </a:lnTo>
                  <a:close/>
                </a:path>
                <a:path w="818515" h="5079">
                  <a:moveTo>
                    <a:pt x="448056" y="0"/>
                  </a:moveTo>
                  <a:lnTo>
                    <a:pt x="445008" y="0"/>
                  </a:lnTo>
                  <a:lnTo>
                    <a:pt x="445008" y="4572"/>
                  </a:lnTo>
                  <a:lnTo>
                    <a:pt x="448056" y="4572"/>
                  </a:lnTo>
                  <a:lnTo>
                    <a:pt x="448056" y="0"/>
                  </a:lnTo>
                  <a:close/>
                </a:path>
                <a:path w="818515" h="5079">
                  <a:moveTo>
                    <a:pt x="455676" y="0"/>
                  </a:moveTo>
                  <a:lnTo>
                    <a:pt x="452628" y="0"/>
                  </a:lnTo>
                  <a:lnTo>
                    <a:pt x="452628" y="4572"/>
                  </a:lnTo>
                  <a:lnTo>
                    <a:pt x="455676" y="4572"/>
                  </a:lnTo>
                  <a:lnTo>
                    <a:pt x="455676" y="0"/>
                  </a:lnTo>
                  <a:close/>
                </a:path>
                <a:path w="818515" h="5079">
                  <a:moveTo>
                    <a:pt x="461772" y="0"/>
                  </a:moveTo>
                  <a:lnTo>
                    <a:pt x="458724" y="0"/>
                  </a:lnTo>
                  <a:lnTo>
                    <a:pt x="458724" y="4572"/>
                  </a:lnTo>
                  <a:lnTo>
                    <a:pt x="461772" y="4572"/>
                  </a:lnTo>
                  <a:lnTo>
                    <a:pt x="461772" y="0"/>
                  </a:lnTo>
                  <a:close/>
                </a:path>
                <a:path w="818515" h="5079">
                  <a:moveTo>
                    <a:pt x="469392" y="0"/>
                  </a:moveTo>
                  <a:lnTo>
                    <a:pt x="466344" y="0"/>
                  </a:lnTo>
                  <a:lnTo>
                    <a:pt x="466344" y="4572"/>
                  </a:lnTo>
                  <a:lnTo>
                    <a:pt x="469392" y="4572"/>
                  </a:lnTo>
                  <a:lnTo>
                    <a:pt x="469392" y="0"/>
                  </a:lnTo>
                  <a:close/>
                </a:path>
                <a:path w="818515" h="5079">
                  <a:moveTo>
                    <a:pt x="475488" y="0"/>
                  </a:moveTo>
                  <a:lnTo>
                    <a:pt x="472440" y="0"/>
                  </a:lnTo>
                  <a:lnTo>
                    <a:pt x="472440" y="4572"/>
                  </a:lnTo>
                  <a:lnTo>
                    <a:pt x="475488" y="4572"/>
                  </a:lnTo>
                  <a:lnTo>
                    <a:pt x="475488" y="0"/>
                  </a:lnTo>
                  <a:close/>
                </a:path>
                <a:path w="818515" h="5079">
                  <a:moveTo>
                    <a:pt x="483108" y="0"/>
                  </a:moveTo>
                  <a:lnTo>
                    <a:pt x="480060" y="0"/>
                  </a:lnTo>
                  <a:lnTo>
                    <a:pt x="480060" y="4572"/>
                  </a:lnTo>
                  <a:lnTo>
                    <a:pt x="483108" y="4572"/>
                  </a:lnTo>
                  <a:lnTo>
                    <a:pt x="483108" y="0"/>
                  </a:lnTo>
                  <a:close/>
                </a:path>
                <a:path w="818515" h="5079">
                  <a:moveTo>
                    <a:pt x="489204" y="0"/>
                  </a:moveTo>
                  <a:lnTo>
                    <a:pt x="486156" y="0"/>
                  </a:lnTo>
                  <a:lnTo>
                    <a:pt x="486156" y="4572"/>
                  </a:lnTo>
                  <a:lnTo>
                    <a:pt x="489204" y="4572"/>
                  </a:lnTo>
                  <a:lnTo>
                    <a:pt x="489204" y="0"/>
                  </a:lnTo>
                  <a:close/>
                </a:path>
                <a:path w="818515" h="5079">
                  <a:moveTo>
                    <a:pt x="496824" y="0"/>
                  </a:moveTo>
                  <a:lnTo>
                    <a:pt x="493776" y="0"/>
                  </a:lnTo>
                  <a:lnTo>
                    <a:pt x="493776" y="4572"/>
                  </a:lnTo>
                  <a:lnTo>
                    <a:pt x="496824" y="4572"/>
                  </a:lnTo>
                  <a:lnTo>
                    <a:pt x="496824" y="0"/>
                  </a:lnTo>
                  <a:close/>
                </a:path>
                <a:path w="818515" h="5079">
                  <a:moveTo>
                    <a:pt x="502920" y="0"/>
                  </a:moveTo>
                  <a:lnTo>
                    <a:pt x="499872" y="0"/>
                  </a:lnTo>
                  <a:lnTo>
                    <a:pt x="499872" y="4572"/>
                  </a:lnTo>
                  <a:lnTo>
                    <a:pt x="502920" y="4572"/>
                  </a:lnTo>
                  <a:lnTo>
                    <a:pt x="502920" y="0"/>
                  </a:lnTo>
                  <a:close/>
                </a:path>
                <a:path w="818515" h="5079">
                  <a:moveTo>
                    <a:pt x="510540" y="0"/>
                  </a:moveTo>
                  <a:lnTo>
                    <a:pt x="507492" y="0"/>
                  </a:lnTo>
                  <a:lnTo>
                    <a:pt x="507492" y="4572"/>
                  </a:lnTo>
                  <a:lnTo>
                    <a:pt x="510540" y="4572"/>
                  </a:lnTo>
                  <a:lnTo>
                    <a:pt x="510540" y="0"/>
                  </a:lnTo>
                  <a:close/>
                </a:path>
                <a:path w="818515" h="5079">
                  <a:moveTo>
                    <a:pt x="516636" y="0"/>
                  </a:moveTo>
                  <a:lnTo>
                    <a:pt x="513588" y="0"/>
                  </a:lnTo>
                  <a:lnTo>
                    <a:pt x="513588" y="4572"/>
                  </a:lnTo>
                  <a:lnTo>
                    <a:pt x="516636" y="4572"/>
                  </a:lnTo>
                  <a:lnTo>
                    <a:pt x="516636" y="0"/>
                  </a:lnTo>
                  <a:close/>
                </a:path>
                <a:path w="818515" h="5079">
                  <a:moveTo>
                    <a:pt x="524256" y="0"/>
                  </a:moveTo>
                  <a:lnTo>
                    <a:pt x="521208" y="0"/>
                  </a:lnTo>
                  <a:lnTo>
                    <a:pt x="521208" y="4572"/>
                  </a:lnTo>
                  <a:lnTo>
                    <a:pt x="524256" y="4572"/>
                  </a:lnTo>
                  <a:lnTo>
                    <a:pt x="524256" y="0"/>
                  </a:lnTo>
                  <a:close/>
                </a:path>
                <a:path w="818515" h="5079">
                  <a:moveTo>
                    <a:pt x="530352" y="0"/>
                  </a:moveTo>
                  <a:lnTo>
                    <a:pt x="527304" y="0"/>
                  </a:lnTo>
                  <a:lnTo>
                    <a:pt x="527304" y="4572"/>
                  </a:lnTo>
                  <a:lnTo>
                    <a:pt x="530352" y="4572"/>
                  </a:lnTo>
                  <a:lnTo>
                    <a:pt x="530352" y="0"/>
                  </a:lnTo>
                  <a:close/>
                </a:path>
                <a:path w="818515" h="5079">
                  <a:moveTo>
                    <a:pt x="537972" y="0"/>
                  </a:moveTo>
                  <a:lnTo>
                    <a:pt x="534924" y="0"/>
                  </a:lnTo>
                  <a:lnTo>
                    <a:pt x="534924" y="4572"/>
                  </a:lnTo>
                  <a:lnTo>
                    <a:pt x="537972" y="4572"/>
                  </a:lnTo>
                  <a:lnTo>
                    <a:pt x="537972" y="0"/>
                  </a:lnTo>
                  <a:close/>
                </a:path>
                <a:path w="818515" h="5079">
                  <a:moveTo>
                    <a:pt x="544068" y="0"/>
                  </a:moveTo>
                  <a:lnTo>
                    <a:pt x="541020" y="0"/>
                  </a:lnTo>
                  <a:lnTo>
                    <a:pt x="541020" y="4572"/>
                  </a:lnTo>
                  <a:lnTo>
                    <a:pt x="544068" y="4572"/>
                  </a:lnTo>
                  <a:lnTo>
                    <a:pt x="544068" y="0"/>
                  </a:lnTo>
                  <a:close/>
                </a:path>
                <a:path w="818515" h="5079">
                  <a:moveTo>
                    <a:pt x="551688" y="0"/>
                  </a:moveTo>
                  <a:lnTo>
                    <a:pt x="548640" y="0"/>
                  </a:lnTo>
                  <a:lnTo>
                    <a:pt x="548640" y="4572"/>
                  </a:lnTo>
                  <a:lnTo>
                    <a:pt x="551688" y="4572"/>
                  </a:lnTo>
                  <a:lnTo>
                    <a:pt x="551688" y="0"/>
                  </a:lnTo>
                  <a:close/>
                </a:path>
                <a:path w="818515" h="5079">
                  <a:moveTo>
                    <a:pt x="557784" y="0"/>
                  </a:moveTo>
                  <a:lnTo>
                    <a:pt x="554736" y="0"/>
                  </a:lnTo>
                  <a:lnTo>
                    <a:pt x="554736" y="4572"/>
                  </a:lnTo>
                  <a:lnTo>
                    <a:pt x="557784" y="4572"/>
                  </a:lnTo>
                  <a:lnTo>
                    <a:pt x="557784" y="0"/>
                  </a:lnTo>
                  <a:close/>
                </a:path>
                <a:path w="818515" h="5079">
                  <a:moveTo>
                    <a:pt x="565404" y="0"/>
                  </a:moveTo>
                  <a:lnTo>
                    <a:pt x="562356" y="0"/>
                  </a:lnTo>
                  <a:lnTo>
                    <a:pt x="562356" y="4572"/>
                  </a:lnTo>
                  <a:lnTo>
                    <a:pt x="565404" y="4572"/>
                  </a:lnTo>
                  <a:lnTo>
                    <a:pt x="565404" y="0"/>
                  </a:lnTo>
                  <a:close/>
                </a:path>
                <a:path w="818515" h="5079">
                  <a:moveTo>
                    <a:pt x="736092" y="0"/>
                  </a:moveTo>
                  <a:lnTo>
                    <a:pt x="734568" y="0"/>
                  </a:lnTo>
                  <a:lnTo>
                    <a:pt x="734568" y="4572"/>
                  </a:lnTo>
                  <a:lnTo>
                    <a:pt x="736092" y="4572"/>
                  </a:lnTo>
                  <a:lnTo>
                    <a:pt x="736092" y="0"/>
                  </a:lnTo>
                  <a:close/>
                </a:path>
                <a:path w="818515" h="5079">
                  <a:moveTo>
                    <a:pt x="743712" y="0"/>
                  </a:moveTo>
                  <a:lnTo>
                    <a:pt x="739140" y="0"/>
                  </a:lnTo>
                  <a:lnTo>
                    <a:pt x="739140" y="4572"/>
                  </a:lnTo>
                  <a:lnTo>
                    <a:pt x="743712" y="4572"/>
                  </a:lnTo>
                  <a:lnTo>
                    <a:pt x="743712" y="0"/>
                  </a:lnTo>
                  <a:close/>
                </a:path>
                <a:path w="818515" h="5079">
                  <a:moveTo>
                    <a:pt x="749808" y="0"/>
                  </a:moveTo>
                  <a:lnTo>
                    <a:pt x="746760" y="0"/>
                  </a:lnTo>
                  <a:lnTo>
                    <a:pt x="746760" y="4572"/>
                  </a:lnTo>
                  <a:lnTo>
                    <a:pt x="749808" y="4572"/>
                  </a:lnTo>
                  <a:lnTo>
                    <a:pt x="749808" y="0"/>
                  </a:lnTo>
                  <a:close/>
                </a:path>
                <a:path w="818515" h="5079">
                  <a:moveTo>
                    <a:pt x="757428" y="0"/>
                  </a:moveTo>
                  <a:lnTo>
                    <a:pt x="752856" y="0"/>
                  </a:lnTo>
                  <a:lnTo>
                    <a:pt x="752856" y="4572"/>
                  </a:lnTo>
                  <a:lnTo>
                    <a:pt x="757428" y="4572"/>
                  </a:lnTo>
                  <a:lnTo>
                    <a:pt x="757428" y="0"/>
                  </a:lnTo>
                  <a:close/>
                </a:path>
                <a:path w="818515" h="5079">
                  <a:moveTo>
                    <a:pt x="763524" y="0"/>
                  </a:moveTo>
                  <a:lnTo>
                    <a:pt x="760476" y="0"/>
                  </a:lnTo>
                  <a:lnTo>
                    <a:pt x="760476" y="4572"/>
                  </a:lnTo>
                  <a:lnTo>
                    <a:pt x="763524" y="4572"/>
                  </a:lnTo>
                  <a:lnTo>
                    <a:pt x="763524" y="0"/>
                  </a:lnTo>
                  <a:close/>
                </a:path>
                <a:path w="818515" h="5079">
                  <a:moveTo>
                    <a:pt x="771144" y="0"/>
                  </a:moveTo>
                  <a:lnTo>
                    <a:pt x="766572" y="0"/>
                  </a:lnTo>
                  <a:lnTo>
                    <a:pt x="766572" y="4572"/>
                  </a:lnTo>
                  <a:lnTo>
                    <a:pt x="771144" y="4572"/>
                  </a:lnTo>
                  <a:lnTo>
                    <a:pt x="771144" y="0"/>
                  </a:lnTo>
                  <a:close/>
                </a:path>
                <a:path w="818515" h="5079">
                  <a:moveTo>
                    <a:pt x="777240" y="0"/>
                  </a:moveTo>
                  <a:lnTo>
                    <a:pt x="774192" y="0"/>
                  </a:lnTo>
                  <a:lnTo>
                    <a:pt x="774192" y="4572"/>
                  </a:lnTo>
                  <a:lnTo>
                    <a:pt x="777240" y="4572"/>
                  </a:lnTo>
                  <a:lnTo>
                    <a:pt x="777240" y="0"/>
                  </a:lnTo>
                  <a:close/>
                </a:path>
                <a:path w="818515" h="5079">
                  <a:moveTo>
                    <a:pt x="784860" y="0"/>
                  </a:moveTo>
                  <a:lnTo>
                    <a:pt x="780288" y="0"/>
                  </a:lnTo>
                  <a:lnTo>
                    <a:pt x="780288" y="4572"/>
                  </a:lnTo>
                  <a:lnTo>
                    <a:pt x="784860" y="4572"/>
                  </a:lnTo>
                  <a:lnTo>
                    <a:pt x="784860" y="0"/>
                  </a:lnTo>
                  <a:close/>
                </a:path>
                <a:path w="818515" h="5079">
                  <a:moveTo>
                    <a:pt x="790956" y="0"/>
                  </a:moveTo>
                  <a:lnTo>
                    <a:pt x="787908" y="0"/>
                  </a:lnTo>
                  <a:lnTo>
                    <a:pt x="787908" y="4572"/>
                  </a:lnTo>
                  <a:lnTo>
                    <a:pt x="790956" y="4572"/>
                  </a:lnTo>
                  <a:lnTo>
                    <a:pt x="790956" y="0"/>
                  </a:lnTo>
                  <a:close/>
                </a:path>
                <a:path w="818515" h="5079">
                  <a:moveTo>
                    <a:pt x="798576" y="0"/>
                  </a:moveTo>
                  <a:lnTo>
                    <a:pt x="794004" y="0"/>
                  </a:lnTo>
                  <a:lnTo>
                    <a:pt x="794004" y="4572"/>
                  </a:lnTo>
                  <a:lnTo>
                    <a:pt x="798576" y="4572"/>
                  </a:lnTo>
                  <a:lnTo>
                    <a:pt x="798576" y="0"/>
                  </a:lnTo>
                  <a:close/>
                </a:path>
                <a:path w="818515" h="5079">
                  <a:moveTo>
                    <a:pt x="804672" y="0"/>
                  </a:moveTo>
                  <a:lnTo>
                    <a:pt x="801624" y="0"/>
                  </a:lnTo>
                  <a:lnTo>
                    <a:pt x="801624" y="4572"/>
                  </a:lnTo>
                  <a:lnTo>
                    <a:pt x="804672" y="4572"/>
                  </a:lnTo>
                  <a:lnTo>
                    <a:pt x="804672" y="0"/>
                  </a:lnTo>
                  <a:close/>
                </a:path>
                <a:path w="818515" h="5079">
                  <a:moveTo>
                    <a:pt x="812292" y="0"/>
                  </a:moveTo>
                  <a:lnTo>
                    <a:pt x="807720" y="0"/>
                  </a:lnTo>
                  <a:lnTo>
                    <a:pt x="807720" y="4572"/>
                  </a:lnTo>
                  <a:lnTo>
                    <a:pt x="812292" y="4572"/>
                  </a:lnTo>
                  <a:lnTo>
                    <a:pt x="812292" y="0"/>
                  </a:lnTo>
                  <a:close/>
                </a:path>
                <a:path w="818515"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54" name="object 54"/>
            <p:cNvSpPr/>
            <p:nvPr/>
          </p:nvSpPr>
          <p:spPr>
            <a:xfrm>
              <a:off x="7411212" y="5077968"/>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6096" y="0"/>
                  </a:lnTo>
                  <a:lnTo>
                    <a:pt x="6096"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19812" y="0"/>
                  </a:lnTo>
                  <a:lnTo>
                    <a:pt x="19812"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3528" y="0"/>
                  </a:lnTo>
                  <a:lnTo>
                    <a:pt x="33528"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7244" y="0"/>
                  </a:lnTo>
                  <a:lnTo>
                    <a:pt x="47244"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0960" y="0"/>
                  </a:lnTo>
                  <a:lnTo>
                    <a:pt x="60960"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4676" y="0"/>
                  </a:lnTo>
                  <a:lnTo>
                    <a:pt x="74676"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8392" y="0"/>
                  </a:lnTo>
                  <a:lnTo>
                    <a:pt x="88392"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2108" y="0"/>
                  </a:lnTo>
                  <a:lnTo>
                    <a:pt x="102108"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5824" y="0"/>
                  </a:lnTo>
                  <a:lnTo>
                    <a:pt x="115824"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29540" y="0"/>
                  </a:lnTo>
                  <a:lnTo>
                    <a:pt x="129540"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3256" y="0"/>
                  </a:lnTo>
                  <a:lnTo>
                    <a:pt x="143256"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6972" y="0"/>
                  </a:lnTo>
                  <a:lnTo>
                    <a:pt x="156972" y="4572"/>
                  </a:lnTo>
                  <a:lnTo>
                    <a:pt x="161544" y="4572"/>
                  </a:lnTo>
                  <a:lnTo>
                    <a:pt x="161544" y="0"/>
                  </a:lnTo>
                  <a:close/>
                </a:path>
                <a:path w="812800" h="5079">
                  <a:moveTo>
                    <a:pt x="167640" y="0"/>
                  </a:moveTo>
                  <a:lnTo>
                    <a:pt x="164592" y="0"/>
                  </a:lnTo>
                  <a:lnTo>
                    <a:pt x="164592" y="4572"/>
                  </a:lnTo>
                  <a:lnTo>
                    <a:pt x="167640" y="4572"/>
                  </a:lnTo>
                  <a:lnTo>
                    <a:pt x="167640" y="0"/>
                  </a:lnTo>
                  <a:close/>
                </a:path>
                <a:path w="812800" h="5079">
                  <a:moveTo>
                    <a:pt x="175260" y="0"/>
                  </a:moveTo>
                  <a:lnTo>
                    <a:pt x="170688" y="0"/>
                  </a:lnTo>
                  <a:lnTo>
                    <a:pt x="170688" y="4572"/>
                  </a:lnTo>
                  <a:lnTo>
                    <a:pt x="175260" y="4572"/>
                  </a:lnTo>
                  <a:lnTo>
                    <a:pt x="175260" y="0"/>
                  </a:lnTo>
                  <a:close/>
                </a:path>
                <a:path w="812800" h="5079">
                  <a:moveTo>
                    <a:pt x="345948" y="0"/>
                  </a:moveTo>
                  <a:lnTo>
                    <a:pt x="344424" y="0"/>
                  </a:lnTo>
                  <a:lnTo>
                    <a:pt x="344424" y="4572"/>
                  </a:lnTo>
                  <a:lnTo>
                    <a:pt x="345948" y="4572"/>
                  </a:lnTo>
                  <a:lnTo>
                    <a:pt x="345948" y="0"/>
                  </a:lnTo>
                  <a:close/>
                </a:path>
                <a:path w="812800" h="5079">
                  <a:moveTo>
                    <a:pt x="353568" y="0"/>
                  </a:moveTo>
                  <a:lnTo>
                    <a:pt x="348996" y="0"/>
                  </a:lnTo>
                  <a:lnTo>
                    <a:pt x="348996"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2712" y="0"/>
                  </a:lnTo>
                  <a:lnTo>
                    <a:pt x="362712"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6428" y="0"/>
                  </a:lnTo>
                  <a:lnTo>
                    <a:pt x="376428"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3192" y="0"/>
                  </a:moveTo>
                  <a:lnTo>
                    <a:pt x="390144" y="0"/>
                  </a:lnTo>
                  <a:lnTo>
                    <a:pt x="390144" y="4572"/>
                  </a:lnTo>
                  <a:lnTo>
                    <a:pt x="393192" y="4572"/>
                  </a:lnTo>
                  <a:lnTo>
                    <a:pt x="393192" y="0"/>
                  </a:lnTo>
                  <a:close/>
                </a:path>
                <a:path w="812800" h="5079">
                  <a:moveTo>
                    <a:pt x="400812" y="0"/>
                  </a:moveTo>
                  <a:lnTo>
                    <a:pt x="397764" y="0"/>
                  </a:lnTo>
                  <a:lnTo>
                    <a:pt x="397764" y="4572"/>
                  </a:lnTo>
                  <a:lnTo>
                    <a:pt x="400812" y="4572"/>
                  </a:lnTo>
                  <a:lnTo>
                    <a:pt x="400812" y="0"/>
                  </a:lnTo>
                  <a:close/>
                </a:path>
                <a:path w="812800" h="5079">
                  <a:moveTo>
                    <a:pt x="406908" y="0"/>
                  </a:moveTo>
                  <a:lnTo>
                    <a:pt x="403860" y="0"/>
                  </a:lnTo>
                  <a:lnTo>
                    <a:pt x="403860" y="4572"/>
                  </a:lnTo>
                  <a:lnTo>
                    <a:pt x="406908" y="4572"/>
                  </a:lnTo>
                  <a:lnTo>
                    <a:pt x="406908" y="0"/>
                  </a:lnTo>
                  <a:close/>
                </a:path>
                <a:path w="812800" h="5079">
                  <a:moveTo>
                    <a:pt x="414528" y="0"/>
                  </a:moveTo>
                  <a:lnTo>
                    <a:pt x="411480" y="0"/>
                  </a:lnTo>
                  <a:lnTo>
                    <a:pt x="411480" y="4572"/>
                  </a:lnTo>
                  <a:lnTo>
                    <a:pt x="414528" y="4572"/>
                  </a:lnTo>
                  <a:lnTo>
                    <a:pt x="414528" y="0"/>
                  </a:lnTo>
                  <a:close/>
                </a:path>
                <a:path w="812800" h="5079">
                  <a:moveTo>
                    <a:pt x="420624" y="0"/>
                  </a:moveTo>
                  <a:lnTo>
                    <a:pt x="417576" y="0"/>
                  </a:lnTo>
                  <a:lnTo>
                    <a:pt x="417576" y="4572"/>
                  </a:lnTo>
                  <a:lnTo>
                    <a:pt x="420624" y="4572"/>
                  </a:lnTo>
                  <a:lnTo>
                    <a:pt x="420624" y="0"/>
                  </a:lnTo>
                  <a:close/>
                </a:path>
                <a:path w="812800" h="5079">
                  <a:moveTo>
                    <a:pt x="428244" y="0"/>
                  </a:moveTo>
                  <a:lnTo>
                    <a:pt x="425196" y="0"/>
                  </a:lnTo>
                  <a:lnTo>
                    <a:pt x="425196" y="4572"/>
                  </a:lnTo>
                  <a:lnTo>
                    <a:pt x="428244" y="4572"/>
                  </a:lnTo>
                  <a:lnTo>
                    <a:pt x="428244" y="0"/>
                  </a:lnTo>
                  <a:close/>
                </a:path>
                <a:path w="812800" h="5079">
                  <a:moveTo>
                    <a:pt x="434340" y="0"/>
                  </a:moveTo>
                  <a:lnTo>
                    <a:pt x="431292" y="0"/>
                  </a:lnTo>
                  <a:lnTo>
                    <a:pt x="431292" y="4572"/>
                  </a:lnTo>
                  <a:lnTo>
                    <a:pt x="434340" y="4572"/>
                  </a:lnTo>
                  <a:lnTo>
                    <a:pt x="434340" y="0"/>
                  </a:lnTo>
                  <a:close/>
                </a:path>
                <a:path w="812800" h="5079">
                  <a:moveTo>
                    <a:pt x="441960" y="0"/>
                  </a:moveTo>
                  <a:lnTo>
                    <a:pt x="438912" y="0"/>
                  </a:lnTo>
                  <a:lnTo>
                    <a:pt x="438912" y="4572"/>
                  </a:lnTo>
                  <a:lnTo>
                    <a:pt x="441960" y="4572"/>
                  </a:lnTo>
                  <a:lnTo>
                    <a:pt x="441960" y="0"/>
                  </a:lnTo>
                  <a:close/>
                </a:path>
                <a:path w="812800" h="5079">
                  <a:moveTo>
                    <a:pt x="448056" y="0"/>
                  </a:moveTo>
                  <a:lnTo>
                    <a:pt x="445008" y="0"/>
                  </a:lnTo>
                  <a:lnTo>
                    <a:pt x="445008" y="4572"/>
                  </a:lnTo>
                  <a:lnTo>
                    <a:pt x="448056" y="4572"/>
                  </a:lnTo>
                  <a:lnTo>
                    <a:pt x="448056" y="0"/>
                  </a:lnTo>
                  <a:close/>
                </a:path>
                <a:path w="812800" h="5079">
                  <a:moveTo>
                    <a:pt x="455676" y="0"/>
                  </a:moveTo>
                  <a:lnTo>
                    <a:pt x="452628" y="0"/>
                  </a:lnTo>
                  <a:lnTo>
                    <a:pt x="452628" y="4572"/>
                  </a:lnTo>
                  <a:lnTo>
                    <a:pt x="455676" y="4572"/>
                  </a:lnTo>
                  <a:lnTo>
                    <a:pt x="455676" y="0"/>
                  </a:lnTo>
                  <a:close/>
                </a:path>
                <a:path w="812800" h="5079">
                  <a:moveTo>
                    <a:pt x="461772" y="0"/>
                  </a:moveTo>
                  <a:lnTo>
                    <a:pt x="458724" y="0"/>
                  </a:lnTo>
                  <a:lnTo>
                    <a:pt x="458724" y="4572"/>
                  </a:lnTo>
                  <a:lnTo>
                    <a:pt x="461772" y="4572"/>
                  </a:lnTo>
                  <a:lnTo>
                    <a:pt x="461772" y="0"/>
                  </a:lnTo>
                  <a:close/>
                </a:path>
                <a:path w="812800" h="5079">
                  <a:moveTo>
                    <a:pt x="469392" y="0"/>
                  </a:moveTo>
                  <a:lnTo>
                    <a:pt x="466344" y="0"/>
                  </a:lnTo>
                  <a:lnTo>
                    <a:pt x="466344" y="4572"/>
                  </a:lnTo>
                  <a:lnTo>
                    <a:pt x="469392" y="4572"/>
                  </a:lnTo>
                  <a:lnTo>
                    <a:pt x="469392" y="0"/>
                  </a:lnTo>
                  <a:close/>
                </a:path>
                <a:path w="812800" h="5079">
                  <a:moveTo>
                    <a:pt x="475488" y="0"/>
                  </a:moveTo>
                  <a:lnTo>
                    <a:pt x="472440" y="0"/>
                  </a:lnTo>
                  <a:lnTo>
                    <a:pt x="472440" y="4572"/>
                  </a:lnTo>
                  <a:lnTo>
                    <a:pt x="475488" y="4572"/>
                  </a:lnTo>
                  <a:lnTo>
                    <a:pt x="475488" y="0"/>
                  </a:lnTo>
                  <a:close/>
                </a:path>
                <a:path w="812800" h="5079">
                  <a:moveTo>
                    <a:pt x="483108" y="0"/>
                  </a:moveTo>
                  <a:lnTo>
                    <a:pt x="480060" y="0"/>
                  </a:lnTo>
                  <a:lnTo>
                    <a:pt x="480060" y="4572"/>
                  </a:lnTo>
                  <a:lnTo>
                    <a:pt x="483108" y="4572"/>
                  </a:lnTo>
                  <a:lnTo>
                    <a:pt x="483108" y="0"/>
                  </a:lnTo>
                  <a:close/>
                </a:path>
                <a:path w="812800" h="5079">
                  <a:moveTo>
                    <a:pt x="489204" y="0"/>
                  </a:moveTo>
                  <a:lnTo>
                    <a:pt x="486156" y="0"/>
                  </a:lnTo>
                  <a:lnTo>
                    <a:pt x="486156" y="4572"/>
                  </a:lnTo>
                  <a:lnTo>
                    <a:pt x="489204" y="4572"/>
                  </a:lnTo>
                  <a:lnTo>
                    <a:pt x="489204" y="0"/>
                  </a:lnTo>
                  <a:close/>
                </a:path>
                <a:path w="812800" h="5079">
                  <a:moveTo>
                    <a:pt x="496824" y="0"/>
                  </a:moveTo>
                  <a:lnTo>
                    <a:pt x="493776" y="0"/>
                  </a:lnTo>
                  <a:lnTo>
                    <a:pt x="493776" y="4572"/>
                  </a:lnTo>
                  <a:lnTo>
                    <a:pt x="496824" y="4572"/>
                  </a:lnTo>
                  <a:lnTo>
                    <a:pt x="496824" y="0"/>
                  </a:lnTo>
                  <a:close/>
                </a:path>
                <a:path w="812800" h="5079">
                  <a:moveTo>
                    <a:pt x="502920" y="0"/>
                  </a:moveTo>
                  <a:lnTo>
                    <a:pt x="499872" y="0"/>
                  </a:lnTo>
                  <a:lnTo>
                    <a:pt x="499872" y="4572"/>
                  </a:lnTo>
                  <a:lnTo>
                    <a:pt x="502920" y="4572"/>
                  </a:lnTo>
                  <a:lnTo>
                    <a:pt x="502920" y="0"/>
                  </a:lnTo>
                  <a:close/>
                </a:path>
                <a:path w="812800" h="5079">
                  <a:moveTo>
                    <a:pt x="510540" y="0"/>
                  </a:moveTo>
                  <a:lnTo>
                    <a:pt x="507492" y="0"/>
                  </a:lnTo>
                  <a:lnTo>
                    <a:pt x="507492" y="4572"/>
                  </a:lnTo>
                  <a:lnTo>
                    <a:pt x="510540" y="4572"/>
                  </a:lnTo>
                  <a:lnTo>
                    <a:pt x="510540" y="0"/>
                  </a:lnTo>
                  <a:close/>
                </a:path>
                <a:path w="812800" h="5079">
                  <a:moveTo>
                    <a:pt x="516636" y="0"/>
                  </a:moveTo>
                  <a:lnTo>
                    <a:pt x="513588" y="0"/>
                  </a:lnTo>
                  <a:lnTo>
                    <a:pt x="513588" y="4572"/>
                  </a:lnTo>
                  <a:lnTo>
                    <a:pt x="516636" y="4572"/>
                  </a:lnTo>
                  <a:lnTo>
                    <a:pt x="516636" y="0"/>
                  </a:lnTo>
                  <a:close/>
                </a:path>
                <a:path w="812800" h="5079">
                  <a:moveTo>
                    <a:pt x="524256" y="0"/>
                  </a:moveTo>
                  <a:lnTo>
                    <a:pt x="521208" y="0"/>
                  </a:lnTo>
                  <a:lnTo>
                    <a:pt x="521208" y="4572"/>
                  </a:lnTo>
                  <a:lnTo>
                    <a:pt x="524256" y="4572"/>
                  </a:lnTo>
                  <a:lnTo>
                    <a:pt x="524256" y="0"/>
                  </a:lnTo>
                  <a:close/>
                </a:path>
                <a:path w="812800" h="5079">
                  <a:moveTo>
                    <a:pt x="530352" y="0"/>
                  </a:moveTo>
                  <a:lnTo>
                    <a:pt x="527304" y="0"/>
                  </a:lnTo>
                  <a:lnTo>
                    <a:pt x="527304" y="4572"/>
                  </a:lnTo>
                  <a:lnTo>
                    <a:pt x="530352" y="4572"/>
                  </a:lnTo>
                  <a:lnTo>
                    <a:pt x="530352" y="0"/>
                  </a:lnTo>
                  <a:close/>
                </a:path>
                <a:path w="812800" h="5079">
                  <a:moveTo>
                    <a:pt x="537972" y="0"/>
                  </a:moveTo>
                  <a:lnTo>
                    <a:pt x="534924" y="0"/>
                  </a:lnTo>
                  <a:lnTo>
                    <a:pt x="534924" y="4572"/>
                  </a:lnTo>
                  <a:lnTo>
                    <a:pt x="537972" y="4572"/>
                  </a:lnTo>
                  <a:lnTo>
                    <a:pt x="537972" y="0"/>
                  </a:lnTo>
                  <a:close/>
                </a:path>
                <a:path w="812800" h="5079">
                  <a:moveTo>
                    <a:pt x="544068" y="0"/>
                  </a:moveTo>
                  <a:lnTo>
                    <a:pt x="541020" y="0"/>
                  </a:lnTo>
                  <a:lnTo>
                    <a:pt x="541020" y="4572"/>
                  </a:lnTo>
                  <a:lnTo>
                    <a:pt x="544068" y="4572"/>
                  </a:lnTo>
                  <a:lnTo>
                    <a:pt x="544068" y="0"/>
                  </a:lnTo>
                  <a:close/>
                </a:path>
                <a:path w="812800" h="5079">
                  <a:moveTo>
                    <a:pt x="551688" y="0"/>
                  </a:moveTo>
                  <a:lnTo>
                    <a:pt x="548640" y="0"/>
                  </a:lnTo>
                  <a:lnTo>
                    <a:pt x="548640" y="4572"/>
                  </a:lnTo>
                  <a:lnTo>
                    <a:pt x="551688" y="4572"/>
                  </a:lnTo>
                  <a:lnTo>
                    <a:pt x="551688" y="0"/>
                  </a:lnTo>
                  <a:close/>
                </a:path>
                <a:path w="812800" h="5079">
                  <a:moveTo>
                    <a:pt x="557784" y="0"/>
                  </a:moveTo>
                  <a:lnTo>
                    <a:pt x="554736" y="0"/>
                  </a:lnTo>
                  <a:lnTo>
                    <a:pt x="554736" y="4572"/>
                  </a:lnTo>
                  <a:lnTo>
                    <a:pt x="557784" y="4572"/>
                  </a:lnTo>
                  <a:lnTo>
                    <a:pt x="557784" y="0"/>
                  </a:lnTo>
                  <a:close/>
                </a:path>
                <a:path w="812800" h="5079">
                  <a:moveTo>
                    <a:pt x="565404" y="0"/>
                  </a:moveTo>
                  <a:lnTo>
                    <a:pt x="562356" y="0"/>
                  </a:lnTo>
                  <a:lnTo>
                    <a:pt x="562356" y="4572"/>
                  </a:lnTo>
                  <a:lnTo>
                    <a:pt x="565404" y="4572"/>
                  </a:lnTo>
                  <a:lnTo>
                    <a:pt x="565404" y="0"/>
                  </a:lnTo>
                  <a:close/>
                </a:path>
                <a:path w="812800" h="5079">
                  <a:moveTo>
                    <a:pt x="571500" y="0"/>
                  </a:moveTo>
                  <a:lnTo>
                    <a:pt x="568452" y="0"/>
                  </a:lnTo>
                  <a:lnTo>
                    <a:pt x="568452" y="4572"/>
                  </a:lnTo>
                  <a:lnTo>
                    <a:pt x="571500" y="4572"/>
                  </a:lnTo>
                  <a:lnTo>
                    <a:pt x="571500" y="0"/>
                  </a:lnTo>
                  <a:close/>
                </a:path>
                <a:path w="812800" h="5079">
                  <a:moveTo>
                    <a:pt x="579120" y="0"/>
                  </a:moveTo>
                  <a:lnTo>
                    <a:pt x="576072" y="0"/>
                  </a:lnTo>
                  <a:lnTo>
                    <a:pt x="576072" y="4572"/>
                  </a:lnTo>
                  <a:lnTo>
                    <a:pt x="579120" y="4572"/>
                  </a:lnTo>
                  <a:lnTo>
                    <a:pt x="579120" y="0"/>
                  </a:lnTo>
                  <a:close/>
                </a:path>
                <a:path w="812800" h="5079">
                  <a:moveTo>
                    <a:pt x="585216" y="0"/>
                  </a:moveTo>
                  <a:lnTo>
                    <a:pt x="582168" y="0"/>
                  </a:lnTo>
                  <a:lnTo>
                    <a:pt x="582168" y="4572"/>
                  </a:lnTo>
                  <a:lnTo>
                    <a:pt x="585216" y="4572"/>
                  </a:lnTo>
                  <a:lnTo>
                    <a:pt x="585216" y="0"/>
                  </a:lnTo>
                  <a:close/>
                </a:path>
                <a:path w="812800" h="5079">
                  <a:moveTo>
                    <a:pt x="592836" y="0"/>
                  </a:moveTo>
                  <a:lnTo>
                    <a:pt x="589788" y="0"/>
                  </a:lnTo>
                  <a:lnTo>
                    <a:pt x="589788" y="4572"/>
                  </a:lnTo>
                  <a:lnTo>
                    <a:pt x="592836" y="4572"/>
                  </a:lnTo>
                  <a:lnTo>
                    <a:pt x="592836" y="0"/>
                  </a:lnTo>
                  <a:close/>
                </a:path>
                <a:path w="812800" h="5079">
                  <a:moveTo>
                    <a:pt x="598932" y="0"/>
                  </a:moveTo>
                  <a:lnTo>
                    <a:pt x="595884" y="0"/>
                  </a:lnTo>
                  <a:lnTo>
                    <a:pt x="595884" y="4572"/>
                  </a:lnTo>
                  <a:lnTo>
                    <a:pt x="598932" y="4572"/>
                  </a:lnTo>
                  <a:lnTo>
                    <a:pt x="598932" y="0"/>
                  </a:lnTo>
                  <a:close/>
                </a:path>
                <a:path w="812800" h="5079">
                  <a:moveTo>
                    <a:pt x="771144" y="0"/>
                  </a:moveTo>
                  <a:lnTo>
                    <a:pt x="769620" y="0"/>
                  </a:lnTo>
                  <a:lnTo>
                    <a:pt x="769620" y="4572"/>
                  </a:lnTo>
                  <a:lnTo>
                    <a:pt x="771144" y="4572"/>
                  </a:lnTo>
                  <a:lnTo>
                    <a:pt x="771144" y="0"/>
                  </a:lnTo>
                  <a:close/>
                </a:path>
                <a:path w="812800" h="5079">
                  <a:moveTo>
                    <a:pt x="777240" y="0"/>
                  </a:moveTo>
                  <a:lnTo>
                    <a:pt x="774192" y="0"/>
                  </a:lnTo>
                  <a:lnTo>
                    <a:pt x="774192" y="4572"/>
                  </a:lnTo>
                  <a:lnTo>
                    <a:pt x="777240" y="4572"/>
                  </a:lnTo>
                  <a:lnTo>
                    <a:pt x="777240" y="0"/>
                  </a:lnTo>
                  <a:close/>
                </a:path>
                <a:path w="812800" h="5079">
                  <a:moveTo>
                    <a:pt x="784860" y="0"/>
                  </a:moveTo>
                  <a:lnTo>
                    <a:pt x="781812" y="0"/>
                  </a:lnTo>
                  <a:lnTo>
                    <a:pt x="781812" y="4572"/>
                  </a:lnTo>
                  <a:lnTo>
                    <a:pt x="784860" y="4572"/>
                  </a:lnTo>
                  <a:lnTo>
                    <a:pt x="784860" y="0"/>
                  </a:lnTo>
                  <a:close/>
                </a:path>
                <a:path w="812800" h="5079">
                  <a:moveTo>
                    <a:pt x="790956" y="0"/>
                  </a:moveTo>
                  <a:lnTo>
                    <a:pt x="787908" y="0"/>
                  </a:lnTo>
                  <a:lnTo>
                    <a:pt x="787908" y="4572"/>
                  </a:lnTo>
                  <a:lnTo>
                    <a:pt x="790956" y="4572"/>
                  </a:lnTo>
                  <a:lnTo>
                    <a:pt x="790956" y="0"/>
                  </a:lnTo>
                  <a:close/>
                </a:path>
                <a:path w="812800" h="5079">
                  <a:moveTo>
                    <a:pt x="798576" y="0"/>
                  </a:moveTo>
                  <a:lnTo>
                    <a:pt x="795528" y="0"/>
                  </a:lnTo>
                  <a:lnTo>
                    <a:pt x="795528"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55" name="object 55"/>
            <p:cNvSpPr/>
            <p:nvPr/>
          </p:nvSpPr>
          <p:spPr>
            <a:xfrm>
              <a:off x="8220456" y="5077968"/>
              <a:ext cx="818515" cy="5080"/>
            </a:xfrm>
            <a:custGeom>
              <a:avLst/>
              <a:gdLst/>
              <a:ahLst/>
              <a:cxnLst/>
              <a:rect l="l" t="t" r="r" b="b"/>
              <a:pathLst>
                <a:path w="818515" h="5079">
                  <a:moveTo>
                    <a:pt x="3048" y="0"/>
                  </a:moveTo>
                  <a:lnTo>
                    <a:pt x="0" y="0"/>
                  </a:lnTo>
                  <a:lnTo>
                    <a:pt x="0" y="4572"/>
                  </a:lnTo>
                  <a:lnTo>
                    <a:pt x="3048" y="4572"/>
                  </a:lnTo>
                  <a:lnTo>
                    <a:pt x="3048" y="0"/>
                  </a:lnTo>
                  <a:close/>
                </a:path>
                <a:path w="818515" h="5079">
                  <a:moveTo>
                    <a:pt x="9144" y="0"/>
                  </a:moveTo>
                  <a:lnTo>
                    <a:pt x="6096" y="0"/>
                  </a:lnTo>
                  <a:lnTo>
                    <a:pt x="6096" y="4572"/>
                  </a:lnTo>
                  <a:lnTo>
                    <a:pt x="9144" y="4572"/>
                  </a:lnTo>
                  <a:lnTo>
                    <a:pt x="9144" y="0"/>
                  </a:lnTo>
                  <a:close/>
                </a:path>
                <a:path w="818515" h="5079">
                  <a:moveTo>
                    <a:pt x="16764" y="0"/>
                  </a:moveTo>
                  <a:lnTo>
                    <a:pt x="13716" y="0"/>
                  </a:lnTo>
                  <a:lnTo>
                    <a:pt x="13716" y="4572"/>
                  </a:lnTo>
                  <a:lnTo>
                    <a:pt x="16764" y="4572"/>
                  </a:lnTo>
                  <a:lnTo>
                    <a:pt x="16764" y="0"/>
                  </a:lnTo>
                  <a:close/>
                </a:path>
                <a:path w="818515" h="5079">
                  <a:moveTo>
                    <a:pt x="22860" y="0"/>
                  </a:moveTo>
                  <a:lnTo>
                    <a:pt x="19812" y="0"/>
                  </a:lnTo>
                  <a:lnTo>
                    <a:pt x="19812" y="4572"/>
                  </a:lnTo>
                  <a:lnTo>
                    <a:pt x="22860" y="4572"/>
                  </a:lnTo>
                  <a:lnTo>
                    <a:pt x="22860" y="0"/>
                  </a:lnTo>
                  <a:close/>
                </a:path>
                <a:path w="818515" h="5079">
                  <a:moveTo>
                    <a:pt x="30480" y="0"/>
                  </a:moveTo>
                  <a:lnTo>
                    <a:pt x="27432" y="0"/>
                  </a:lnTo>
                  <a:lnTo>
                    <a:pt x="27432" y="4572"/>
                  </a:lnTo>
                  <a:lnTo>
                    <a:pt x="30480" y="4572"/>
                  </a:lnTo>
                  <a:lnTo>
                    <a:pt x="30480" y="0"/>
                  </a:lnTo>
                  <a:close/>
                </a:path>
                <a:path w="818515" h="5079">
                  <a:moveTo>
                    <a:pt x="36576" y="0"/>
                  </a:moveTo>
                  <a:lnTo>
                    <a:pt x="33528" y="0"/>
                  </a:lnTo>
                  <a:lnTo>
                    <a:pt x="33528" y="4572"/>
                  </a:lnTo>
                  <a:lnTo>
                    <a:pt x="36576" y="4572"/>
                  </a:lnTo>
                  <a:lnTo>
                    <a:pt x="36576" y="0"/>
                  </a:lnTo>
                  <a:close/>
                </a:path>
                <a:path w="818515" h="5079">
                  <a:moveTo>
                    <a:pt x="44196" y="0"/>
                  </a:moveTo>
                  <a:lnTo>
                    <a:pt x="41148" y="0"/>
                  </a:lnTo>
                  <a:lnTo>
                    <a:pt x="41148" y="4572"/>
                  </a:lnTo>
                  <a:lnTo>
                    <a:pt x="44196" y="4572"/>
                  </a:lnTo>
                  <a:lnTo>
                    <a:pt x="44196" y="0"/>
                  </a:lnTo>
                  <a:close/>
                </a:path>
                <a:path w="818515" h="5079">
                  <a:moveTo>
                    <a:pt x="50292" y="0"/>
                  </a:moveTo>
                  <a:lnTo>
                    <a:pt x="47244" y="0"/>
                  </a:lnTo>
                  <a:lnTo>
                    <a:pt x="47244" y="4572"/>
                  </a:lnTo>
                  <a:lnTo>
                    <a:pt x="50292" y="4572"/>
                  </a:lnTo>
                  <a:lnTo>
                    <a:pt x="50292" y="0"/>
                  </a:lnTo>
                  <a:close/>
                </a:path>
                <a:path w="818515" h="5079">
                  <a:moveTo>
                    <a:pt x="57912" y="0"/>
                  </a:moveTo>
                  <a:lnTo>
                    <a:pt x="54864" y="0"/>
                  </a:lnTo>
                  <a:lnTo>
                    <a:pt x="54864" y="4572"/>
                  </a:lnTo>
                  <a:lnTo>
                    <a:pt x="57912" y="4572"/>
                  </a:lnTo>
                  <a:lnTo>
                    <a:pt x="57912" y="0"/>
                  </a:lnTo>
                  <a:close/>
                </a:path>
                <a:path w="818515" h="5079">
                  <a:moveTo>
                    <a:pt x="64008" y="0"/>
                  </a:moveTo>
                  <a:lnTo>
                    <a:pt x="60960" y="0"/>
                  </a:lnTo>
                  <a:lnTo>
                    <a:pt x="60960" y="4572"/>
                  </a:lnTo>
                  <a:lnTo>
                    <a:pt x="64008" y="4572"/>
                  </a:lnTo>
                  <a:lnTo>
                    <a:pt x="64008" y="0"/>
                  </a:lnTo>
                  <a:close/>
                </a:path>
                <a:path w="818515" h="5079">
                  <a:moveTo>
                    <a:pt x="71628" y="0"/>
                  </a:moveTo>
                  <a:lnTo>
                    <a:pt x="68580" y="0"/>
                  </a:lnTo>
                  <a:lnTo>
                    <a:pt x="68580" y="4572"/>
                  </a:lnTo>
                  <a:lnTo>
                    <a:pt x="71628" y="4572"/>
                  </a:lnTo>
                  <a:lnTo>
                    <a:pt x="71628" y="0"/>
                  </a:lnTo>
                  <a:close/>
                </a:path>
                <a:path w="818515" h="5079">
                  <a:moveTo>
                    <a:pt x="77724" y="0"/>
                  </a:moveTo>
                  <a:lnTo>
                    <a:pt x="74676" y="0"/>
                  </a:lnTo>
                  <a:lnTo>
                    <a:pt x="74676" y="4572"/>
                  </a:lnTo>
                  <a:lnTo>
                    <a:pt x="77724" y="4572"/>
                  </a:lnTo>
                  <a:lnTo>
                    <a:pt x="77724" y="0"/>
                  </a:lnTo>
                  <a:close/>
                </a:path>
                <a:path w="818515" h="5079">
                  <a:moveTo>
                    <a:pt x="85344" y="0"/>
                  </a:moveTo>
                  <a:lnTo>
                    <a:pt x="82296" y="0"/>
                  </a:lnTo>
                  <a:lnTo>
                    <a:pt x="82296" y="4572"/>
                  </a:lnTo>
                  <a:lnTo>
                    <a:pt x="85344" y="4572"/>
                  </a:lnTo>
                  <a:lnTo>
                    <a:pt x="85344" y="0"/>
                  </a:lnTo>
                  <a:close/>
                </a:path>
                <a:path w="818515" h="5079">
                  <a:moveTo>
                    <a:pt x="91440" y="0"/>
                  </a:moveTo>
                  <a:lnTo>
                    <a:pt x="88392" y="0"/>
                  </a:lnTo>
                  <a:lnTo>
                    <a:pt x="88392" y="4572"/>
                  </a:lnTo>
                  <a:lnTo>
                    <a:pt x="91440" y="4572"/>
                  </a:lnTo>
                  <a:lnTo>
                    <a:pt x="91440" y="0"/>
                  </a:lnTo>
                  <a:close/>
                </a:path>
                <a:path w="818515" h="5079">
                  <a:moveTo>
                    <a:pt x="99060" y="0"/>
                  </a:moveTo>
                  <a:lnTo>
                    <a:pt x="96012" y="0"/>
                  </a:lnTo>
                  <a:lnTo>
                    <a:pt x="96012" y="4572"/>
                  </a:lnTo>
                  <a:lnTo>
                    <a:pt x="99060" y="4572"/>
                  </a:lnTo>
                  <a:lnTo>
                    <a:pt x="99060" y="0"/>
                  </a:lnTo>
                  <a:close/>
                </a:path>
                <a:path w="818515" h="5079">
                  <a:moveTo>
                    <a:pt x="105156" y="0"/>
                  </a:moveTo>
                  <a:lnTo>
                    <a:pt x="102108" y="0"/>
                  </a:lnTo>
                  <a:lnTo>
                    <a:pt x="102108" y="4572"/>
                  </a:lnTo>
                  <a:lnTo>
                    <a:pt x="105156" y="4572"/>
                  </a:lnTo>
                  <a:lnTo>
                    <a:pt x="105156" y="0"/>
                  </a:lnTo>
                  <a:close/>
                </a:path>
                <a:path w="818515" h="5079">
                  <a:moveTo>
                    <a:pt x="112776" y="0"/>
                  </a:moveTo>
                  <a:lnTo>
                    <a:pt x="109728" y="0"/>
                  </a:lnTo>
                  <a:lnTo>
                    <a:pt x="109728" y="4572"/>
                  </a:lnTo>
                  <a:lnTo>
                    <a:pt x="112776" y="4572"/>
                  </a:lnTo>
                  <a:lnTo>
                    <a:pt x="112776" y="0"/>
                  </a:lnTo>
                  <a:close/>
                </a:path>
                <a:path w="818515" h="5079">
                  <a:moveTo>
                    <a:pt x="118872" y="0"/>
                  </a:moveTo>
                  <a:lnTo>
                    <a:pt x="115824" y="0"/>
                  </a:lnTo>
                  <a:lnTo>
                    <a:pt x="115824" y="4572"/>
                  </a:lnTo>
                  <a:lnTo>
                    <a:pt x="118872" y="4572"/>
                  </a:lnTo>
                  <a:lnTo>
                    <a:pt x="118872" y="0"/>
                  </a:lnTo>
                  <a:close/>
                </a:path>
                <a:path w="818515" h="5079">
                  <a:moveTo>
                    <a:pt x="126492" y="0"/>
                  </a:moveTo>
                  <a:lnTo>
                    <a:pt x="123444" y="0"/>
                  </a:lnTo>
                  <a:lnTo>
                    <a:pt x="123444" y="4572"/>
                  </a:lnTo>
                  <a:lnTo>
                    <a:pt x="126492" y="4572"/>
                  </a:lnTo>
                  <a:lnTo>
                    <a:pt x="126492" y="0"/>
                  </a:lnTo>
                  <a:close/>
                </a:path>
                <a:path w="818515" h="5079">
                  <a:moveTo>
                    <a:pt x="132588" y="0"/>
                  </a:moveTo>
                  <a:lnTo>
                    <a:pt x="129540" y="0"/>
                  </a:lnTo>
                  <a:lnTo>
                    <a:pt x="129540" y="4572"/>
                  </a:lnTo>
                  <a:lnTo>
                    <a:pt x="132588" y="4572"/>
                  </a:lnTo>
                  <a:lnTo>
                    <a:pt x="132588" y="0"/>
                  </a:lnTo>
                  <a:close/>
                </a:path>
                <a:path w="818515" h="5079">
                  <a:moveTo>
                    <a:pt x="140208" y="0"/>
                  </a:moveTo>
                  <a:lnTo>
                    <a:pt x="137160" y="0"/>
                  </a:lnTo>
                  <a:lnTo>
                    <a:pt x="137160" y="4572"/>
                  </a:lnTo>
                  <a:lnTo>
                    <a:pt x="140208" y="4572"/>
                  </a:lnTo>
                  <a:lnTo>
                    <a:pt x="140208" y="0"/>
                  </a:lnTo>
                  <a:close/>
                </a:path>
                <a:path w="818515" h="5079">
                  <a:moveTo>
                    <a:pt x="146304" y="0"/>
                  </a:moveTo>
                  <a:lnTo>
                    <a:pt x="143256" y="0"/>
                  </a:lnTo>
                  <a:lnTo>
                    <a:pt x="143256" y="4572"/>
                  </a:lnTo>
                  <a:lnTo>
                    <a:pt x="146304" y="4572"/>
                  </a:lnTo>
                  <a:lnTo>
                    <a:pt x="146304" y="0"/>
                  </a:lnTo>
                  <a:close/>
                </a:path>
                <a:path w="818515" h="5079">
                  <a:moveTo>
                    <a:pt x="153924" y="0"/>
                  </a:moveTo>
                  <a:lnTo>
                    <a:pt x="150876" y="0"/>
                  </a:lnTo>
                  <a:lnTo>
                    <a:pt x="150876" y="4572"/>
                  </a:lnTo>
                  <a:lnTo>
                    <a:pt x="153924" y="4572"/>
                  </a:lnTo>
                  <a:lnTo>
                    <a:pt x="153924" y="0"/>
                  </a:lnTo>
                  <a:close/>
                </a:path>
                <a:path w="818515" h="5079">
                  <a:moveTo>
                    <a:pt x="160020" y="0"/>
                  </a:moveTo>
                  <a:lnTo>
                    <a:pt x="156972" y="0"/>
                  </a:lnTo>
                  <a:lnTo>
                    <a:pt x="156972" y="4572"/>
                  </a:lnTo>
                  <a:lnTo>
                    <a:pt x="160020" y="4572"/>
                  </a:lnTo>
                  <a:lnTo>
                    <a:pt x="160020" y="0"/>
                  </a:lnTo>
                  <a:close/>
                </a:path>
                <a:path w="818515" h="5079">
                  <a:moveTo>
                    <a:pt x="167640" y="0"/>
                  </a:moveTo>
                  <a:lnTo>
                    <a:pt x="164592" y="0"/>
                  </a:lnTo>
                  <a:lnTo>
                    <a:pt x="164592" y="4572"/>
                  </a:lnTo>
                  <a:lnTo>
                    <a:pt x="167640" y="4572"/>
                  </a:lnTo>
                  <a:lnTo>
                    <a:pt x="167640" y="0"/>
                  </a:lnTo>
                  <a:close/>
                </a:path>
                <a:path w="818515" h="5079">
                  <a:moveTo>
                    <a:pt x="173736" y="0"/>
                  </a:moveTo>
                  <a:lnTo>
                    <a:pt x="170688" y="0"/>
                  </a:lnTo>
                  <a:lnTo>
                    <a:pt x="170688" y="4572"/>
                  </a:lnTo>
                  <a:lnTo>
                    <a:pt x="173736" y="4572"/>
                  </a:lnTo>
                  <a:lnTo>
                    <a:pt x="173736" y="0"/>
                  </a:lnTo>
                  <a:close/>
                </a:path>
                <a:path w="818515" h="5079">
                  <a:moveTo>
                    <a:pt x="181356" y="0"/>
                  </a:moveTo>
                  <a:lnTo>
                    <a:pt x="178308" y="0"/>
                  </a:lnTo>
                  <a:lnTo>
                    <a:pt x="178308" y="4572"/>
                  </a:lnTo>
                  <a:lnTo>
                    <a:pt x="181356" y="4572"/>
                  </a:lnTo>
                  <a:lnTo>
                    <a:pt x="181356" y="0"/>
                  </a:lnTo>
                  <a:close/>
                </a:path>
                <a:path w="818515" h="5079">
                  <a:moveTo>
                    <a:pt x="187452" y="0"/>
                  </a:moveTo>
                  <a:lnTo>
                    <a:pt x="184404" y="0"/>
                  </a:lnTo>
                  <a:lnTo>
                    <a:pt x="184404" y="4572"/>
                  </a:lnTo>
                  <a:lnTo>
                    <a:pt x="187452" y="4572"/>
                  </a:lnTo>
                  <a:lnTo>
                    <a:pt x="187452" y="0"/>
                  </a:lnTo>
                  <a:close/>
                </a:path>
                <a:path w="818515" h="5079">
                  <a:moveTo>
                    <a:pt x="195072" y="0"/>
                  </a:moveTo>
                  <a:lnTo>
                    <a:pt x="192024" y="0"/>
                  </a:lnTo>
                  <a:lnTo>
                    <a:pt x="192024" y="4572"/>
                  </a:lnTo>
                  <a:lnTo>
                    <a:pt x="195072" y="4572"/>
                  </a:lnTo>
                  <a:lnTo>
                    <a:pt x="195072" y="0"/>
                  </a:lnTo>
                  <a:close/>
                </a:path>
                <a:path w="818515" h="5079">
                  <a:moveTo>
                    <a:pt x="201168" y="0"/>
                  </a:moveTo>
                  <a:lnTo>
                    <a:pt x="198120" y="0"/>
                  </a:lnTo>
                  <a:lnTo>
                    <a:pt x="198120" y="4572"/>
                  </a:lnTo>
                  <a:lnTo>
                    <a:pt x="201168" y="4572"/>
                  </a:lnTo>
                  <a:lnTo>
                    <a:pt x="201168" y="0"/>
                  </a:lnTo>
                  <a:close/>
                </a:path>
                <a:path w="818515" h="5079">
                  <a:moveTo>
                    <a:pt x="208788" y="0"/>
                  </a:moveTo>
                  <a:lnTo>
                    <a:pt x="204216" y="0"/>
                  </a:lnTo>
                  <a:lnTo>
                    <a:pt x="204216" y="4572"/>
                  </a:lnTo>
                  <a:lnTo>
                    <a:pt x="208788" y="4572"/>
                  </a:lnTo>
                  <a:lnTo>
                    <a:pt x="208788" y="0"/>
                  </a:lnTo>
                  <a:close/>
                </a:path>
                <a:path w="818515" h="5079">
                  <a:moveTo>
                    <a:pt x="214884" y="0"/>
                  </a:moveTo>
                  <a:lnTo>
                    <a:pt x="211836" y="0"/>
                  </a:lnTo>
                  <a:lnTo>
                    <a:pt x="211836" y="4572"/>
                  </a:lnTo>
                  <a:lnTo>
                    <a:pt x="214884" y="4572"/>
                  </a:lnTo>
                  <a:lnTo>
                    <a:pt x="214884" y="0"/>
                  </a:lnTo>
                  <a:close/>
                </a:path>
                <a:path w="818515" h="5079">
                  <a:moveTo>
                    <a:pt x="387096" y="0"/>
                  </a:moveTo>
                  <a:lnTo>
                    <a:pt x="385572" y="0"/>
                  </a:lnTo>
                  <a:lnTo>
                    <a:pt x="385572" y="4572"/>
                  </a:lnTo>
                  <a:lnTo>
                    <a:pt x="387096" y="4572"/>
                  </a:lnTo>
                  <a:lnTo>
                    <a:pt x="387096" y="0"/>
                  </a:lnTo>
                  <a:close/>
                </a:path>
                <a:path w="818515" h="5079">
                  <a:moveTo>
                    <a:pt x="393192" y="0"/>
                  </a:moveTo>
                  <a:lnTo>
                    <a:pt x="390144" y="0"/>
                  </a:lnTo>
                  <a:lnTo>
                    <a:pt x="390144" y="4572"/>
                  </a:lnTo>
                  <a:lnTo>
                    <a:pt x="393192" y="4572"/>
                  </a:lnTo>
                  <a:lnTo>
                    <a:pt x="393192" y="0"/>
                  </a:lnTo>
                  <a:close/>
                </a:path>
                <a:path w="818515" h="5079">
                  <a:moveTo>
                    <a:pt x="400812" y="0"/>
                  </a:moveTo>
                  <a:lnTo>
                    <a:pt x="396240" y="0"/>
                  </a:lnTo>
                  <a:lnTo>
                    <a:pt x="396240" y="4572"/>
                  </a:lnTo>
                  <a:lnTo>
                    <a:pt x="400812" y="4572"/>
                  </a:lnTo>
                  <a:lnTo>
                    <a:pt x="400812" y="0"/>
                  </a:lnTo>
                  <a:close/>
                </a:path>
                <a:path w="818515" h="5079">
                  <a:moveTo>
                    <a:pt x="406908" y="0"/>
                  </a:moveTo>
                  <a:lnTo>
                    <a:pt x="403860" y="0"/>
                  </a:lnTo>
                  <a:lnTo>
                    <a:pt x="403860" y="4572"/>
                  </a:lnTo>
                  <a:lnTo>
                    <a:pt x="406908" y="4572"/>
                  </a:lnTo>
                  <a:lnTo>
                    <a:pt x="406908" y="0"/>
                  </a:lnTo>
                  <a:close/>
                </a:path>
                <a:path w="818515" h="5079">
                  <a:moveTo>
                    <a:pt x="414528" y="0"/>
                  </a:moveTo>
                  <a:lnTo>
                    <a:pt x="409956" y="0"/>
                  </a:lnTo>
                  <a:lnTo>
                    <a:pt x="409956" y="4572"/>
                  </a:lnTo>
                  <a:lnTo>
                    <a:pt x="414528" y="4572"/>
                  </a:lnTo>
                  <a:lnTo>
                    <a:pt x="414528" y="0"/>
                  </a:lnTo>
                  <a:close/>
                </a:path>
                <a:path w="818515" h="5079">
                  <a:moveTo>
                    <a:pt x="420624" y="0"/>
                  </a:moveTo>
                  <a:lnTo>
                    <a:pt x="417576" y="0"/>
                  </a:lnTo>
                  <a:lnTo>
                    <a:pt x="417576" y="4572"/>
                  </a:lnTo>
                  <a:lnTo>
                    <a:pt x="420624" y="4572"/>
                  </a:lnTo>
                  <a:lnTo>
                    <a:pt x="420624" y="0"/>
                  </a:lnTo>
                  <a:close/>
                </a:path>
                <a:path w="818515" h="5079">
                  <a:moveTo>
                    <a:pt x="428244" y="0"/>
                  </a:moveTo>
                  <a:lnTo>
                    <a:pt x="423672" y="0"/>
                  </a:lnTo>
                  <a:lnTo>
                    <a:pt x="423672" y="4572"/>
                  </a:lnTo>
                  <a:lnTo>
                    <a:pt x="428244" y="4572"/>
                  </a:lnTo>
                  <a:lnTo>
                    <a:pt x="428244" y="0"/>
                  </a:lnTo>
                  <a:close/>
                </a:path>
                <a:path w="818515" h="5079">
                  <a:moveTo>
                    <a:pt x="434340" y="0"/>
                  </a:moveTo>
                  <a:lnTo>
                    <a:pt x="431292" y="0"/>
                  </a:lnTo>
                  <a:lnTo>
                    <a:pt x="431292" y="4572"/>
                  </a:lnTo>
                  <a:lnTo>
                    <a:pt x="434340" y="4572"/>
                  </a:lnTo>
                  <a:lnTo>
                    <a:pt x="434340" y="0"/>
                  </a:lnTo>
                  <a:close/>
                </a:path>
                <a:path w="818515" h="5079">
                  <a:moveTo>
                    <a:pt x="441960" y="0"/>
                  </a:moveTo>
                  <a:lnTo>
                    <a:pt x="437388" y="0"/>
                  </a:lnTo>
                  <a:lnTo>
                    <a:pt x="437388" y="4572"/>
                  </a:lnTo>
                  <a:lnTo>
                    <a:pt x="441960" y="4572"/>
                  </a:lnTo>
                  <a:lnTo>
                    <a:pt x="441960" y="0"/>
                  </a:lnTo>
                  <a:close/>
                </a:path>
                <a:path w="818515" h="5079">
                  <a:moveTo>
                    <a:pt x="448056" y="0"/>
                  </a:moveTo>
                  <a:lnTo>
                    <a:pt x="445008" y="0"/>
                  </a:lnTo>
                  <a:lnTo>
                    <a:pt x="445008" y="4572"/>
                  </a:lnTo>
                  <a:lnTo>
                    <a:pt x="448056" y="4572"/>
                  </a:lnTo>
                  <a:lnTo>
                    <a:pt x="448056" y="0"/>
                  </a:lnTo>
                  <a:close/>
                </a:path>
                <a:path w="818515" h="5079">
                  <a:moveTo>
                    <a:pt x="455676" y="0"/>
                  </a:moveTo>
                  <a:lnTo>
                    <a:pt x="451104" y="0"/>
                  </a:lnTo>
                  <a:lnTo>
                    <a:pt x="451104" y="4572"/>
                  </a:lnTo>
                  <a:lnTo>
                    <a:pt x="455676" y="4572"/>
                  </a:lnTo>
                  <a:lnTo>
                    <a:pt x="455676" y="0"/>
                  </a:lnTo>
                  <a:close/>
                </a:path>
                <a:path w="818515" h="5079">
                  <a:moveTo>
                    <a:pt x="461772" y="0"/>
                  </a:moveTo>
                  <a:lnTo>
                    <a:pt x="458724" y="0"/>
                  </a:lnTo>
                  <a:lnTo>
                    <a:pt x="458724" y="4572"/>
                  </a:lnTo>
                  <a:lnTo>
                    <a:pt x="461772" y="4572"/>
                  </a:lnTo>
                  <a:lnTo>
                    <a:pt x="461772" y="0"/>
                  </a:lnTo>
                  <a:close/>
                </a:path>
                <a:path w="818515" h="5079">
                  <a:moveTo>
                    <a:pt x="469392" y="0"/>
                  </a:moveTo>
                  <a:lnTo>
                    <a:pt x="464820" y="0"/>
                  </a:lnTo>
                  <a:lnTo>
                    <a:pt x="464820" y="4572"/>
                  </a:lnTo>
                  <a:lnTo>
                    <a:pt x="469392" y="4572"/>
                  </a:lnTo>
                  <a:lnTo>
                    <a:pt x="469392" y="0"/>
                  </a:lnTo>
                  <a:close/>
                </a:path>
                <a:path w="818515" h="5079">
                  <a:moveTo>
                    <a:pt x="475488" y="0"/>
                  </a:moveTo>
                  <a:lnTo>
                    <a:pt x="472440" y="0"/>
                  </a:lnTo>
                  <a:lnTo>
                    <a:pt x="472440" y="4572"/>
                  </a:lnTo>
                  <a:lnTo>
                    <a:pt x="475488" y="4572"/>
                  </a:lnTo>
                  <a:lnTo>
                    <a:pt x="475488" y="0"/>
                  </a:lnTo>
                  <a:close/>
                </a:path>
                <a:path w="818515" h="5079">
                  <a:moveTo>
                    <a:pt x="483108" y="0"/>
                  </a:moveTo>
                  <a:lnTo>
                    <a:pt x="478536" y="0"/>
                  </a:lnTo>
                  <a:lnTo>
                    <a:pt x="478536" y="4572"/>
                  </a:lnTo>
                  <a:lnTo>
                    <a:pt x="483108" y="4572"/>
                  </a:lnTo>
                  <a:lnTo>
                    <a:pt x="483108" y="0"/>
                  </a:lnTo>
                  <a:close/>
                </a:path>
                <a:path w="818515" h="5079">
                  <a:moveTo>
                    <a:pt x="489204" y="0"/>
                  </a:moveTo>
                  <a:lnTo>
                    <a:pt x="486156" y="0"/>
                  </a:lnTo>
                  <a:lnTo>
                    <a:pt x="486156" y="4572"/>
                  </a:lnTo>
                  <a:lnTo>
                    <a:pt x="489204" y="4572"/>
                  </a:lnTo>
                  <a:lnTo>
                    <a:pt x="489204" y="0"/>
                  </a:lnTo>
                  <a:close/>
                </a:path>
                <a:path w="818515" h="5079">
                  <a:moveTo>
                    <a:pt x="496824" y="0"/>
                  </a:moveTo>
                  <a:lnTo>
                    <a:pt x="492252" y="0"/>
                  </a:lnTo>
                  <a:lnTo>
                    <a:pt x="492252" y="4572"/>
                  </a:lnTo>
                  <a:lnTo>
                    <a:pt x="496824" y="4572"/>
                  </a:lnTo>
                  <a:lnTo>
                    <a:pt x="496824" y="0"/>
                  </a:lnTo>
                  <a:close/>
                </a:path>
                <a:path w="818515" h="5079">
                  <a:moveTo>
                    <a:pt x="502920" y="0"/>
                  </a:moveTo>
                  <a:lnTo>
                    <a:pt x="499872" y="0"/>
                  </a:lnTo>
                  <a:lnTo>
                    <a:pt x="499872" y="4572"/>
                  </a:lnTo>
                  <a:lnTo>
                    <a:pt x="502920" y="4572"/>
                  </a:lnTo>
                  <a:lnTo>
                    <a:pt x="502920" y="0"/>
                  </a:lnTo>
                  <a:close/>
                </a:path>
                <a:path w="818515" h="5079">
                  <a:moveTo>
                    <a:pt x="510540" y="0"/>
                  </a:moveTo>
                  <a:lnTo>
                    <a:pt x="505968" y="0"/>
                  </a:lnTo>
                  <a:lnTo>
                    <a:pt x="505968" y="4572"/>
                  </a:lnTo>
                  <a:lnTo>
                    <a:pt x="510540" y="4572"/>
                  </a:lnTo>
                  <a:lnTo>
                    <a:pt x="510540" y="0"/>
                  </a:lnTo>
                  <a:close/>
                </a:path>
                <a:path w="818515" h="5079">
                  <a:moveTo>
                    <a:pt x="516636" y="0"/>
                  </a:moveTo>
                  <a:lnTo>
                    <a:pt x="513588" y="0"/>
                  </a:lnTo>
                  <a:lnTo>
                    <a:pt x="513588" y="4572"/>
                  </a:lnTo>
                  <a:lnTo>
                    <a:pt x="516636" y="4572"/>
                  </a:lnTo>
                  <a:lnTo>
                    <a:pt x="516636" y="0"/>
                  </a:lnTo>
                  <a:close/>
                </a:path>
                <a:path w="818515" h="5079">
                  <a:moveTo>
                    <a:pt x="524256" y="0"/>
                  </a:moveTo>
                  <a:lnTo>
                    <a:pt x="519684" y="0"/>
                  </a:lnTo>
                  <a:lnTo>
                    <a:pt x="519684" y="4572"/>
                  </a:lnTo>
                  <a:lnTo>
                    <a:pt x="524256" y="4572"/>
                  </a:lnTo>
                  <a:lnTo>
                    <a:pt x="524256" y="0"/>
                  </a:lnTo>
                  <a:close/>
                </a:path>
                <a:path w="818515" h="5079">
                  <a:moveTo>
                    <a:pt x="530352" y="0"/>
                  </a:moveTo>
                  <a:lnTo>
                    <a:pt x="527304" y="0"/>
                  </a:lnTo>
                  <a:lnTo>
                    <a:pt x="527304" y="4572"/>
                  </a:lnTo>
                  <a:lnTo>
                    <a:pt x="530352" y="4572"/>
                  </a:lnTo>
                  <a:lnTo>
                    <a:pt x="530352" y="0"/>
                  </a:lnTo>
                  <a:close/>
                </a:path>
                <a:path w="818515" h="5079">
                  <a:moveTo>
                    <a:pt x="537972" y="0"/>
                  </a:moveTo>
                  <a:lnTo>
                    <a:pt x="533400" y="0"/>
                  </a:lnTo>
                  <a:lnTo>
                    <a:pt x="533400" y="4572"/>
                  </a:lnTo>
                  <a:lnTo>
                    <a:pt x="537972" y="4572"/>
                  </a:lnTo>
                  <a:lnTo>
                    <a:pt x="537972" y="0"/>
                  </a:lnTo>
                  <a:close/>
                </a:path>
                <a:path w="818515" h="5079">
                  <a:moveTo>
                    <a:pt x="544068" y="0"/>
                  </a:moveTo>
                  <a:lnTo>
                    <a:pt x="541020" y="0"/>
                  </a:lnTo>
                  <a:lnTo>
                    <a:pt x="541020" y="4572"/>
                  </a:lnTo>
                  <a:lnTo>
                    <a:pt x="544068" y="4572"/>
                  </a:lnTo>
                  <a:lnTo>
                    <a:pt x="544068" y="0"/>
                  </a:lnTo>
                  <a:close/>
                </a:path>
                <a:path w="818515" h="5079">
                  <a:moveTo>
                    <a:pt x="551688" y="0"/>
                  </a:moveTo>
                  <a:lnTo>
                    <a:pt x="547116" y="0"/>
                  </a:lnTo>
                  <a:lnTo>
                    <a:pt x="547116" y="4572"/>
                  </a:lnTo>
                  <a:lnTo>
                    <a:pt x="551688" y="4572"/>
                  </a:lnTo>
                  <a:lnTo>
                    <a:pt x="551688" y="0"/>
                  </a:lnTo>
                  <a:close/>
                </a:path>
                <a:path w="818515" h="5079">
                  <a:moveTo>
                    <a:pt x="557784" y="0"/>
                  </a:moveTo>
                  <a:lnTo>
                    <a:pt x="554736" y="0"/>
                  </a:lnTo>
                  <a:lnTo>
                    <a:pt x="554736" y="4572"/>
                  </a:lnTo>
                  <a:lnTo>
                    <a:pt x="557784" y="4572"/>
                  </a:lnTo>
                  <a:lnTo>
                    <a:pt x="557784" y="0"/>
                  </a:lnTo>
                  <a:close/>
                </a:path>
                <a:path w="818515" h="5079">
                  <a:moveTo>
                    <a:pt x="565404" y="0"/>
                  </a:moveTo>
                  <a:lnTo>
                    <a:pt x="560832" y="0"/>
                  </a:lnTo>
                  <a:lnTo>
                    <a:pt x="560832" y="4572"/>
                  </a:lnTo>
                  <a:lnTo>
                    <a:pt x="565404" y="4572"/>
                  </a:lnTo>
                  <a:lnTo>
                    <a:pt x="565404" y="0"/>
                  </a:lnTo>
                  <a:close/>
                </a:path>
                <a:path w="818515" h="5079">
                  <a:moveTo>
                    <a:pt x="571500" y="0"/>
                  </a:moveTo>
                  <a:lnTo>
                    <a:pt x="568452" y="0"/>
                  </a:lnTo>
                  <a:lnTo>
                    <a:pt x="568452" y="4572"/>
                  </a:lnTo>
                  <a:lnTo>
                    <a:pt x="571500" y="4572"/>
                  </a:lnTo>
                  <a:lnTo>
                    <a:pt x="571500" y="0"/>
                  </a:lnTo>
                  <a:close/>
                </a:path>
                <a:path w="818515" h="5079">
                  <a:moveTo>
                    <a:pt x="579120" y="0"/>
                  </a:moveTo>
                  <a:lnTo>
                    <a:pt x="574548" y="0"/>
                  </a:lnTo>
                  <a:lnTo>
                    <a:pt x="574548" y="4572"/>
                  </a:lnTo>
                  <a:lnTo>
                    <a:pt x="579120" y="4572"/>
                  </a:lnTo>
                  <a:lnTo>
                    <a:pt x="579120" y="0"/>
                  </a:lnTo>
                  <a:close/>
                </a:path>
                <a:path w="818515" h="5079">
                  <a:moveTo>
                    <a:pt x="585216" y="0"/>
                  </a:moveTo>
                  <a:lnTo>
                    <a:pt x="582168" y="0"/>
                  </a:lnTo>
                  <a:lnTo>
                    <a:pt x="582168" y="4572"/>
                  </a:lnTo>
                  <a:lnTo>
                    <a:pt x="585216" y="4572"/>
                  </a:lnTo>
                  <a:lnTo>
                    <a:pt x="585216" y="0"/>
                  </a:lnTo>
                  <a:close/>
                </a:path>
                <a:path w="818515" h="5079">
                  <a:moveTo>
                    <a:pt x="592836" y="0"/>
                  </a:moveTo>
                  <a:lnTo>
                    <a:pt x="588264" y="0"/>
                  </a:lnTo>
                  <a:lnTo>
                    <a:pt x="588264" y="4572"/>
                  </a:lnTo>
                  <a:lnTo>
                    <a:pt x="592836" y="4572"/>
                  </a:lnTo>
                  <a:lnTo>
                    <a:pt x="592836" y="0"/>
                  </a:lnTo>
                  <a:close/>
                </a:path>
                <a:path w="818515" h="5079">
                  <a:moveTo>
                    <a:pt x="598932" y="0"/>
                  </a:moveTo>
                  <a:lnTo>
                    <a:pt x="595884" y="0"/>
                  </a:lnTo>
                  <a:lnTo>
                    <a:pt x="595884" y="4572"/>
                  </a:lnTo>
                  <a:lnTo>
                    <a:pt x="598932" y="4572"/>
                  </a:lnTo>
                  <a:lnTo>
                    <a:pt x="598932" y="0"/>
                  </a:lnTo>
                  <a:close/>
                </a:path>
                <a:path w="818515" h="5079">
                  <a:moveTo>
                    <a:pt x="606552" y="0"/>
                  </a:moveTo>
                  <a:lnTo>
                    <a:pt x="601980" y="0"/>
                  </a:lnTo>
                  <a:lnTo>
                    <a:pt x="601980" y="4572"/>
                  </a:lnTo>
                  <a:lnTo>
                    <a:pt x="606552" y="4572"/>
                  </a:lnTo>
                  <a:lnTo>
                    <a:pt x="606552" y="0"/>
                  </a:lnTo>
                  <a:close/>
                </a:path>
                <a:path w="818515" h="5079">
                  <a:moveTo>
                    <a:pt x="612648" y="0"/>
                  </a:moveTo>
                  <a:lnTo>
                    <a:pt x="609600" y="0"/>
                  </a:lnTo>
                  <a:lnTo>
                    <a:pt x="609600" y="4572"/>
                  </a:lnTo>
                  <a:lnTo>
                    <a:pt x="612648" y="4572"/>
                  </a:lnTo>
                  <a:lnTo>
                    <a:pt x="612648" y="0"/>
                  </a:lnTo>
                  <a:close/>
                </a:path>
                <a:path w="818515" h="5079">
                  <a:moveTo>
                    <a:pt x="620268" y="0"/>
                  </a:moveTo>
                  <a:lnTo>
                    <a:pt x="615696" y="0"/>
                  </a:lnTo>
                  <a:lnTo>
                    <a:pt x="615696" y="4572"/>
                  </a:lnTo>
                  <a:lnTo>
                    <a:pt x="620268" y="4572"/>
                  </a:lnTo>
                  <a:lnTo>
                    <a:pt x="620268" y="0"/>
                  </a:lnTo>
                  <a:close/>
                </a:path>
                <a:path w="818515" h="5079">
                  <a:moveTo>
                    <a:pt x="626364" y="0"/>
                  </a:moveTo>
                  <a:lnTo>
                    <a:pt x="623316" y="0"/>
                  </a:lnTo>
                  <a:lnTo>
                    <a:pt x="623316" y="4572"/>
                  </a:lnTo>
                  <a:lnTo>
                    <a:pt x="626364" y="4572"/>
                  </a:lnTo>
                  <a:lnTo>
                    <a:pt x="626364" y="0"/>
                  </a:lnTo>
                  <a:close/>
                </a:path>
                <a:path w="818515" h="5079">
                  <a:moveTo>
                    <a:pt x="633984" y="0"/>
                  </a:moveTo>
                  <a:lnTo>
                    <a:pt x="629412" y="0"/>
                  </a:lnTo>
                  <a:lnTo>
                    <a:pt x="629412" y="4572"/>
                  </a:lnTo>
                  <a:lnTo>
                    <a:pt x="633984" y="4572"/>
                  </a:lnTo>
                  <a:lnTo>
                    <a:pt x="633984" y="0"/>
                  </a:lnTo>
                  <a:close/>
                </a:path>
                <a:path w="818515" h="5079">
                  <a:moveTo>
                    <a:pt x="640080" y="0"/>
                  </a:moveTo>
                  <a:lnTo>
                    <a:pt x="637032" y="0"/>
                  </a:lnTo>
                  <a:lnTo>
                    <a:pt x="637032" y="4572"/>
                  </a:lnTo>
                  <a:lnTo>
                    <a:pt x="640080" y="4572"/>
                  </a:lnTo>
                  <a:lnTo>
                    <a:pt x="640080" y="0"/>
                  </a:lnTo>
                  <a:close/>
                </a:path>
                <a:path w="818515"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56" name="object 56"/>
            <p:cNvSpPr/>
            <p:nvPr/>
          </p:nvSpPr>
          <p:spPr>
            <a:xfrm>
              <a:off x="9035796" y="5077968"/>
              <a:ext cx="654050" cy="5080"/>
            </a:xfrm>
            <a:custGeom>
              <a:avLst/>
              <a:gdLst/>
              <a:ahLst/>
              <a:cxnLst/>
              <a:rect l="l" t="t" r="r" b="b"/>
              <a:pathLst>
                <a:path w="654050" h="5079">
                  <a:moveTo>
                    <a:pt x="3048" y="0"/>
                  </a:moveTo>
                  <a:lnTo>
                    <a:pt x="0" y="0"/>
                  </a:lnTo>
                  <a:lnTo>
                    <a:pt x="0" y="4572"/>
                  </a:lnTo>
                  <a:lnTo>
                    <a:pt x="3048" y="4572"/>
                  </a:lnTo>
                  <a:lnTo>
                    <a:pt x="3048" y="0"/>
                  </a:lnTo>
                  <a:close/>
                </a:path>
                <a:path w="654050" h="5079">
                  <a:moveTo>
                    <a:pt x="9144" y="0"/>
                  </a:moveTo>
                  <a:lnTo>
                    <a:pt x="6096" y="0"/>
                  </a:lnTo>
                  <a:lnTo>
                    <a:pt x="6096" y="4572"/>
                  </a:lnTo>
                  <a:lnTo>
                    <a:pt x="9144" y="4572"/>
                  </a:lnTo>
                  <a:lnTo>
                    <a:pt x="9144" y="0"/>
                  </a:lnTo>
                  <a:close/>
                </a:path>
                <a:path w="654050" h="5079">
                  <a:moveTo>
                    <a:pt x="16764" y="0"/>
                  </a:moveTo>
                  <a:lnTo>
                    <a:pt x="13716" y="0"/>
                  </a:lnTo>
                  <a:lnTo>
                    <a:pt x="13716" y="4572"/>
                  </a:lnTo>
                  <a:lnTo>
                    <a:pt x="16764" y="4572"/>
                  </a:lnTo>
                  <a:lnTo>
                    <a:pt x="16764" y="0"/>
                  </a:lnTo>
                  <a:close/>
                </a:path>
                <a:path w="654050" h="5079">
                  <a:moveTo>
                    <a:pt x="22860" y="0"/>
                  </a:moveTo>
                  <a:lnTo>
                    <a:pt x="19812" y="0"/>
                  </a:lnTo>
                  <a:lnTo>
                    <a:pt x="19812" y="4572"/>
                  </a:lnTo>
                  <a:lnTo>
                    <a:pt x="22860" y="4572"/>
                  </a:lnTo>
                  <a:lnTo>
                    <a:pt x="22860" y="0"/>
                  </a:lnTo>
                  <a:close/>
                </a:path>
                <a:path w="654050" h="5079">
                  <a:moveTo>
                    <a:pt x="30480" y="0"/>
                  </a:moveTo>
                  <a:lnTo>
                    <a:pt x="27432" y="0"/>
                  </a:lnTo>
                  <a:lnTo>
                    <a:pt x="27432" y="4572"/>
                  </a:lnTo>
                  <a:lnTo>
                    <a:pt x="30480" y="4572"/>
                  </a:lnTo>
                  <a:lnTo>
                    <a:pt x="30480" y="0"/>
                  </a:lnTo>
                  <a:close/>
                </a:path>
                <a:path w="654050" h="5079">
                  <a:moveTo>
                    <a:pt x="36576" y="0"/>
                  </a:moveTo>
                  <a:lnTo>
                    <a:pt x="33528" y="0"/>
                  </a:lnTo>
                  <a:lnTo>
                    <a:pt x="33528" y="4572"/>
                  </a:lnTo>
                  <a:lnTo>
                    <a:pt x="36576" y="4572"/>
                  </a:lnTo>
                  <a:lnTo>
                    <a:pt x="36576" y="0"/>
                  </a:lnTo>
                  <a:close/>
                </a:path>
                <a:path w="654050" h="5079">
                  <a:moveTo>
                    <a:pt x="44196" y="0"/>
                  </a:moveTo>
                  <a:lnTo>
                    <a:pt x="41148" y="0"/>
                  </a:lnTo>
                  <a:lnTo>
                    <a:pt x="41148" y="4572"/>
                  </a:lnTo>
                  <a:lnTo>
                    <a:pt x="44196" y="4572"/>
                  </a:lnTo>
                  <a:lnTo>
                    <a:pt x="44196" y="0"/>
                  </a:lnTo>
                  <a:close/>
                </a:path>
                <a:path w="654050" h="5079">
                  <a:moveTo>
                    <a:pt x="50292" y="0"/>
                  </a:moveTo>
                  <a:lnTo>
                    <a:pt x="47244" y="0"/>
                  </a:lnTo>
                  <a:lnTo>
                    <a:pt x="47244" y="4572"/>
                  </a:lnTo>
                  <a:lnTo>
                    <a:pt x="50292" y="4572"/>
                  </a:lnTo>
                  <a:lnTo>
                    <a:pt x="50292" y="0"/>
                  </a:lnTo>
                  <a:close/>
                </a:path>
                <a:path w="654050" h="5079">
                  <a:moveTo>
                    <a:pt x="57912" y="0"/>
                  </a:moveTo>
                  <a:lnTo>
                    <a:pt x="54864" y="0"/>
                  </a:lnTo>
                  <a:lnTo>
                    <a:pt x="54864" y="4572"/>
                  </a:lnTo>
                  <a:lnTo>
                    <a:pt x="57912" y="4572"/>
                  </a:lnTo>
                  <a:lnTo>
                    <a:pt x="57912" y="0"/>
                  </a:lnTo>
                  <a:close/>
                </a:path>
                <a:path w="654050" h="5079">
                  <a:moveTo>
                    <a:pt x="64008" y="0"/>
                  </a:moveTo>
                  <a:lnTo>
                    <a:pt x="60960" y="0"/>
                  </a:lnTo>
                  <a:lnTo>
                    <a:pt x="60960" y="4572"/>
                  </a:lnTo>
                  <a:lnTo>
                    <a:pt x="64008" y="4572"/>
                  </a:lnTo>
                  <a:lnTo>
                    <a:pt x="64008" y="0"/>
                  </a:lnTo>
                  <a:close/>
                </a:path>
                <a:path w="654050" h="5079">
                  <a:moveTo>
                    <a:pt x="71628" y="0"/>
                  </a:moveTo>
                  <a:lnTo>
                    <a:pt x="68580" y="0"/>
                  </a:lnTo>
                  <a:lnTo>
                    <a:pt x="68580" y="4572"/>
                  </a:lnTo>
                  <a:lnTo>
                    <a:pt x="71628" y="4572"/>
                  </a:lnTo>
                  <a:lnTo>
                    <a:pt x="71628" y="0"/>
                  </a:lnTo>
                  <a:close/>
                </a:path>
                <a:path w="654050" h="5079">
                  <a:moveTo>
                    <a:pt x="77724" y="0"/>
                  </a:moveTo>
                  <a:lnTo>
                    <a:pt x="74676" y="0"/>
                  </a:lnTo>
                  <a:lnTo>
                    <a:pt x="74676" y="4572"/>
                  </a:lnTo>
                  <a:lnTo>
                    <a:pt x="77724" y="4572"/>
                  </a:lnTo>
                  <a:lnTo>
                    <a:pt x="77724" y="0"/>
                  </a:lnTo>
                  <a:close/>
                </a:path>
                <a:path w="654050" h="5079">
                  <a:moveTo>
                    <a:pt x="85344" y="0"/>
                  </a:moveTo>
                  <a:lnTo>
                    <a:pt x="82296" y="0"/>
                  </a:lnTo>
                  <a:lnTo>
                    <a:pt x="82296" y="4572"/>
                  </a:lnTo>
                  <a:lnTo>
                    <a:pt x="85344" y="4572"/>
                  </a:lnTo>
                  <a:lnTo>
                    <a:pt x="85344" y="0"/>
                  </a:lnTo>
                  <a:close/>
                </a:path>
                <a:path w="654050" h="5079">
                  <a:moveTo>
                    <a:pt x="91440" y="0"/>
                  </a:moveTo>
                  <a:lnTo>
                    <a:pt x="88392" y="0"/>
                  </a:lnTo>
                  <a:lnTo>
                    <a:pt x="88392" y="4572"/>
                  </a:lnTo>
                  <a:lnTo>
                    <a:pt x="91440" y="4572"/>
                  </a:lnTo>
                  <a:lnTo>
                    <a:pt x="91440" y="0"/>
                  </a:lnTo>
                  <a:close/>
                </a:path>
                <a:path w="654050" h="5079">
                  <a:moveTo>
                    <a:pt x="99060" y="0"/>
                  </a:moveTo>
                  <a:lnTo>
                    <a:pt x="96012" y="0"/>
                  </a:lnTo>
                  <a:lnTo>
                    <a:pt x="96012" y="4572"/>
                  </a:lnTo>
                  <a:lnTo>
                    <a:pt x="99060" y="4572"/>
                  </a:lnTo>
                  <a:lnTo>
                    <a:pt x="99060" y="0"/>
                  </a:lnTo>
                  <a:close/>
                </a:path>
                <a:path w="654050" h="5079">
                  <a:moveTo>
                    <a:pt x="105156" y="0"/>
                  </a:moveTo>
                  <a:lnTo>
                    <a:pt x="102108" y="0"/>
                  </a:lnTo>
                  <a:lnTo>
                    <a:pt x="102108" y="4572"/>
                  </a:lnTo>
                  <a:lnTo>
                    <a:pt x="105156" y="4572"/>
                  </a:lnTo>
                  <a:lnTo>
                    <a:pt x="105156" y="0"/>
                  </a:lnTo>
                  <a:close/>
                </a:path>
                <a:path w="654050" h="5079">
                  <a:moveTo>
                    <a:pt x="112776" y="0"/>
                  </a:moveTo>
                  <a:lnTo>
                    <a:pt x="109728" y="0"/>
                  </a:lnTo>
                  <a:lnTo>
                    <a:pt x="109728" y="4572"/>
                  </a:lnTo>
                  <a:lnTo>
                    <a:pt x="112776" y="4572"/>
                  </a:lnTo>
                  <a:lnTo>
                    <a:pt x="112776" y="0"/>
                  </a:lnTo>
                  <a:close/>
                </a:path>
                <a:path w="654050" h="5079">
                  <a:moveTo>
                    <a:pt x="118872" y="0"/>
                  </a:moveTo>
                  <a:lnTo>
                    <a:pt x="115824" y="0"/>
                  </a:lnTo>
                  <a:lnTo>
                    <a:pt x="115824" y="4572"/>
                  </a:lnTo>
                  <a:lnTo>
                    <a:pt x="118872" y="4572"/>
                  </a:lnTo>
                  <a:lnTo>
                    <a:pt x="118872" y="0"/>
                  </a:lnTo>
                  <a:close/>
                </a:path>
                <a:path w="654050" h="5079">
                  <a:moveTo>
                    <a:pt x="126492" y="0"/>
                  </a:moveTo>
                  <a:lnTo>
                    <a:pt x="123444" y="0"/>
                  </a:lnTo>
                  <a:lnTo>
                    <a:pt x="123444" y="4572"/>
                  </a:lnTo>
                  <a:lnTo>
                    <a:pt x="126492" y="4572"/>
                  </a:lnTo>
                  <a:lnTo>
                    <a:pt x="126492" y="0"/>
                  </a:lnTo>
                  <a:close/>
                </a:path>
                <a:path w="654050" h="5079">
                  <a:moveTo>
                    <a:pt x="132588" y="0"/>
                  </a:moveTo>
                  <a:lnTo>
                    <a:pt x="129540" y="0"/>
                  </a:lnTo>
                  <a:lnTo>
                    <a:pt x="129540" y="4572"/>
                  </a:lnTo>
                  <a:lnTo>
                    <a:pt x="132588" y="4572"/>
                  </a:lnTo>
                  <a:lnTo>
                    <a:pt x="132588" y="0"/>
                  </a:lnTo>
                  <a:close/>
                </a:path>
                <a:path w="654050" h="5079">
                  <a:moveTo>
                    <a:pt x="140208" y="0"/>
                  </a:moveTo>
                  <a:lnTo>
                    <a:pt x="137160" y="0"/>
                  </a:lnTo>
                  <a:lnTo>
                    <a:pt x="137160" y="4572"/>
                  </a:lnTo>
                  <a:lnTo>
                    <a:pt x="140208" y="4572"/>
                  </a:lnTo>
                  <a:lnTo>
                    <a:pt x="140208" y="0"/>
                  </a:lnTo>
                  <a:close/>
                </a:path>
                <a:path w="654050" h="5079">
                  <a:moveTo>
                    <a:pt x="146304" y="0"/>
                  </a:moveTo>
                  <a:lnTo>
                    <a:pt x="143256" y="0"/>
                  </a:lnTo>
                  <a:lnTo>
                    <a:pt x="143256" y="4572"/>
                  </a:lnTo>
                  <a:lnTo>
                    <a:pt x="146304" y="4572"/>
                  </a:lnTo>
                  <a:lnTo>
                    <a:pt x="146304" y="0"/>
                  </a:lnTo>
                  <a:close/>
                </a:path>
                <a:path w="654050" h="5079">
                  <a:moveTo>
                    <a:pt x="153924" y="0"/>
                  </a:moveTo>
                  <a:lnTo>
                    <a:pt x="150876" y="0"/>
                  </a:lnTo>
                  <a:lnTo>
                    <a:pt x="150876" y="4572"/>
                  </a:lnTo>
                  <a:lnTo>
                    <a:pt x="153924" y="4572"/>
                  </a:lnTo>
                  <a:lnTo>
                    <a:pt x="153924" y="0"/>
                  </a:lnTo>
                  <a:close/>
                </a:path>
                <a:path w="654050" h="5079">
                  <a:moveTo>
                    <a:pt x="160020" y="0"/>
                  </a:moveTo>
                  <a:lnTo>
                    <a:pt x="156972" y="0"/>
                  </a:lnTo>
                  <a:lnTo>
                    <a:pt x="156972" y="4572"/>
                  </a:lnTo>
                  <a:lnTo>
                    <a:pt x="160020" y="4572"/>
                  </a:lnTo>
                  <a:lnTo>
                    <a:pt x="160020" y="0"/>
                  </a:lnTo>
                  <a:close/>
                </a:path>
                <a:path w="654050" h="5079">
                  <a:moveTo>
                    <a:pt x="167640" y="0"/>
                  </a:moveTo>
                  <a:lnTo>
                    <a:pt x="164592" y="0"/>
                  </a:lnTo>
                  <a:lnTo>
                    <a:pt x="164592" y="4572"/>
                  </a:lnTo>
                  <a:lnTo>
                    <a:pt x="167640" y="4572"/>
                  </a:lnTo>
                  <a:lnTo>
                    <a:pt x="167640" y="0"/>
                  </a:lnTo>
                  <a:close/>
                </a:path>
                <a:path w="654050" h="5079">
                  <a:moveTo>
                    <a:pt x="173736" y="0"/>
                  </a:moveTo>
                  <a:lnTo>
                    <a:pt x="170688" y="0"/>
                  </a:lnTo>
                  <a:lnTo>
                    <a:pt x="170688" y="4572"/>
                  </a:lnTo>
                  <a:lnTo>
                    <a:pt x="173736" y="4572"/>
                  </a:lnTo>
                  <a:lnTo>
                    <a:pt x="173736" y="0"/>
                  </a:lnTo>
                  <a:close/>
                </a:path>
                <a:path w="654050" h="5079">
                  <a:moveTo>
                    <a:pt x="181356" y="0"/>
                  </a:moveTo>
                  <a:lnTo>
                    <a:pt x="178308" y="0"/>
                  </a:lnTo>
                  <a:lnTo>
                    <a:pt x="178308" y="4572"/>
                  </a:lnTo>
                  <a:lnTo>
                    <a:pt x="181356" y="4572"/>
                  </a:lnTo>
                  <a:lnTo>
                    <a:pt x="181356" y="0"/>
                  </a:lnTo>
                  <a:close/>
                </a:path>
                <a:path w="654050" h="5079">
                  <a:moveTo>
                    <a:pt x="187452" y="0"/>
                  </a:moveTo>
                  <a:lnTo>
                    <a:pt x="184404" y="0"/>
                  </a:lnTo>
                  <a:lnTo>
                    <a:pt x="184404" y="4572"/>
                  </a:lnTo>
                  <a:lnTo>
                    <a:pt x="187452" y="4572"/>
                  </a:lnTo>
                  <a:lnTo>
                    <a:pt x="187452" y="0"/>
                  </a:lnTo>
                  <a:close/>
                </a:path>
                <a:path w="654050" h="5079">
                  <a:moveTo>
                    <a:pt x="195072" y="0"/>
                  </a:moveTo>
                  <a:lnTo>
                    <a:pt x="192024" y="0"/>
                  </a:lnTo>
                  <a:lnTo>
                    <a:pt x="192024" y="4572"/>
                  </a:lnTo>
                  <a:lnTo>
                    <a:pt x="195072" y="4572"/>
                  </a:lnTo>
                  <a:lnTo>
                    <a:pt x="195072" y="0"/>
                  </a:lnTo>
                  <a:close/>
                </a:path>
                <a:path w="654050" h="5079">
                  <a:moveTo>
                    <a:pt x="201168" y="0"/>
                  </a:moveTo>
                  <a:lnTo>
                    <a:pt x="198120" y="0"/>
                  </a:lnTo>
                  <a:lnTo>
                    <a:pt x="198120" y="4572"/>
                  </a:lnTo>
                  <a:lnTo>
                    <a:pt x="201168" y="4572"/>
                  </a:lnTo>
                  <a:lnTo>
                    <a:pt x="201168" y="0"/>
                  </a:lnTo>
                  <a:close/>
                </a:path>
                <a:path w="654050" h="5079">
                  <a:moveTo>
                    <a:pt x="208788" y="0"/>
                  </a:moveTo>
                  <a:lnTo>
                    <a:pt x="205740" y="0"/>
                  </a:lnTo>
                  <a:lnTo>
                    <a:pt x="205740" y="4572"/>
                  </a:lnTo>
                  <a:lnTo>
                    <a:pt x="208788" y="4572"/>
                  </a:lnTo>
                  <a:lnTo>
                    <a:pt x="208788" y="0"/>
                  </a:lnTo>
                  <a:close/>
                </a:path>
                <a:path w="654050" h="5079">
                  <a:moveTo>
                    <a:pt x="214884" y="0"/>
                  </a:moveTo>
                  <a:lnTo>
                    <a:pt x="211836" y="0"/>
                  </a:lnTo>
                  <a:lnTo>
                    <a:pt x="211836" y="4572"/>
                  </a:lnTo>
                  <a:lnTo>
                    <a:pt x="214884" y="4572"/>
                  </a:lnTo>
                  <a:lnTo>
                    <a:pt x="214884" y="0"/>
                  </a:lnTo>
                  <a:close/>
                </a:path>
                <a:path w="654050" h="5079">
                  <a:moveTo>
                    <a:pt x="222504" y="0"/>
                  </a:moveTo>
                  <a:lnTo>
                    <a:pt x="219456" y="0"/>
                  </a:lnTo>
                  <a:lnTo>
                    <a:pt x="219456" y="4572"/>
                  </a:lnTo>
                  <a:lnTo>
                    <a:pt x="222504" y="4572"/>
                  </a:lnTo>
                  <a:lnTo>
                    <a:pt x="222504" y="0"/>
                  </a:lnTo>
                  <a:close/>
                </a:path>
                <a:path w="654050" h="5079">
                  <a:moveTo>
                    <a:pt x="228600" y="0"/>
                  </a:moveTo>
                  <a:lnTo>
                    <a:pt x="225552" y="0"/>
                  </a:lnTo>
                  <a:lnTo>
                    <a:pt x="225552" y="4572"/>
                  </a:lnTo>
                  <a:lnTo>
                    <a:pt x="228600" y="4572"/>
                  </a:lnTo>
                  <a:lnTo>
                    <a:pt x="228600" y="0"/>
                  </a:lnTo>
                  <a:close/>
                </a:path>
                <a:path w="654050" h="5079">
                  <a:moveTo>
                    <a:pt x="236220" y="0"/>
                  </a:moveTo>
                  <a:lnTo>
                    <a:pt x="233172" y="0"/>
                  </a:lnTo>
                  <a:lnTo>
                    <a:pt x="233172" y="4572"/>
                  </a:lnTo>
                  <a:lnTo>
                    <a:pt x="236220" y="4572"/>
                  </a:lnTo>
                  <a:lnTo>
                    <a:pt x="236220" y="0"/>
                  </a:lnTo>
                  <a:close/>
                </a:path>
                <a:path w="654050" h="5079">
                  <a:moveTo>
                    <a:pt x="242316" y="0"/>
                  </a:moveTo>
                  <a:lnTo>
                    <a:pt x="239268" y="0"/>
                  </a:lnTo>
                  <a:lnTo>
                    <a:pt x="239268" y="4572"/>
                  </a:lnTo>
                  <a:lnTo>
                    <a:pt x="242316" y="4572"/>
                  </a:lnTo>
                  <a:lnTo>
                    <a:pt x="242316" y="0"/>
                  </a:lnTo>
                  <a:close/>
                </a:path>
                <a:path w="654050" h="5079">
                  <a:moveTo>
                    <a:pt x="249936" y="0"/>
                  </a:moveTo>
                  <a:lnTo>
                    <a:pt x="246888" y="0"/>
                  </a:lnTo>
                  <a:lnTo>
                    <a:pt x="246888" y="4572"/>
                  </a:lnTo>
                  <a:lnTo>
                    <a:pt x="249936" y="4572"/>
                  </a:lnTo>
                  <a:lnTo>
                    <a:pt x="249936" y="0"/>
                  </a:lnTo>
                  <a:close/>
                </a:path>
                <a:path w="654050" h="5079">
                  <a:moveTo>
                    <a:pt x="428244" y="0"/>
                  </a:moveTo>
                  <a:lnTo>
                    <a:pt x="425196" y="0"/>
                  </a:lnTo>
                  <a:lnTo>
                    <a:pt x="425196" y="4572"/>
                  </a:lnTo>
                  <a:lnTo>
                    <a:pt x="428244" y="4572"/>
                  </a:lnTo>
                  <a:lnTo>
                    <a:pt x="428244" y="0"/>
                  </a:lnTo>
                  <a:close/>
                </a:path>
                <a:path w="654050" h="5079">
                  <a:moveTo>
                    <a:pt x="434340" y="0"/>
                  </a:moveTo>
                  <a:lnTo>
                    <a:pt x="431292" y="0"/>
                  </a:lnTo>
                  <a:lnTo>
                    <a:pt x="431292" y="4572"/>
                  </a:lnTo>
                  <a:lnTo>
                    <a:pt x="434340" y="4572"/>
                  </a:lnTo>
                  <a:lnTo>
                    <a:pt x="434340" y="0"/>
                  </a:lnTo>
                  <a:close/>
                </a:path>
                <a:path w="654050" h="5079">
                  <a:moveTo>
                    <a:pt x="441960" y="0"/>
                  </a:moveTo>
                  <a:lnTo>
                    <a:pt x="438912" y="0"/>
                  </a:lnTo>
                  <a:lnTo>
                    <a:pt x="438912" y="4572"/>
                  </a:lnTo>
                  <a:lnTo>
                    <a:pt x="441960" y="4572"/>
                  </a:lnTo>
                  <a:lnTo>
                    <a:pt x="441960" y="0"/>
                  </a:lnTo>
                  <a:close/>
                </a:path>
                <a:path w="654050" h="5079">
                  <a:moveTo>
                    <a:pt x="448056" y="0"/>
                  </a:moveTo>
                  <a:lnTo>
                    <a:pt x="445008" y="0"/>
                  </a:lnTo>
                  <a:lnTo>
                    <a:pt x="445008" y="4572"/>
                  </a:lnTo>
                  <a:lnTo>
                    <a:pt x="448056" y="4572"/>
                  </a:lnTo>
                  <a:lnTo>
                    <a:pt x="448056" y="0"/>
                  </a:lnTo>
                  <a:close/>
                </a:path>
                <a:path w="654050" h="5079">
                  <a:moveTo>
                    <a:pt x="455676" y="0"/>
                  </a:moveTo>
                  <a:lnTo>
                    <a:pt x="452628" y="0"/>
                  </a:lnTo>
                  <a:lnTo>
                    <a:pt x="452628" y="4572"/>
                  </a:lnTo>
                  <a:lnTo>
                    <a:pt x="455676" y="4572"/>
                  </a:lnTo>
                  <a:lnTo>
                    <a:pt x="455676" y="0"/>
                  </a:lnTo>
                  <a:close/>
                </a:path>
                <a:path w="654050" h="5079">
                  <a:moveTo>
                    <a:pt x="461772" y="0"/>
                  </a:moveTo>
                  <a:lnTo>
                    <a:pt x="458724" y="0"/>
                  </a:lnTo>
                  <a:lnTo>
                    <a:pt x="458724" y="4572"/>
                  </a:lnTo>
                  <a:lnTo>
                    <a:pt x="461772" y="4572"/>
                  </a:lnTo>
                  <a:lnTo>
                    <a:pt x="461772" y="0"/>
                  </a:lnTo>
                  <a:close/>
                </a:path>
                <a:path w="654050" h="5079">
                  <a:moveTo>
                    <a:pt x="469392" y="0"/>
                  </a:moveTo>
                  <a:lnTo>
                    <a:pt x="466344" y="0"/>
                  </a:lnTo>
                  <a:lnTo>
                    <a:pt x="466344" y="4572"/>
                  </a:lnTo>
                  <a:lnTo>
                    <a:pt x="469392" y="4572"/>
                  </a:lnTo>
                  <a:lnTo>
                    <a:pt x="469392" y="0"/>
                  </a:lnTo>
                  <a:close/>
                </a:path>
                <a:path w="654050" h="5079">
                  <a:moveTo>
                    <a:pt x="475488" y="0"/>
                  </a:moveTo>
                  <a:lnTo>
                    <a:pt x="472440" y="0"/>
                  </a:lnTo>
                  <a:lnTo>
                    <a:pt x="472440" y="4572"/>
                  </a:lnTo>
                  <a:lnTo>
                    <a:pt x="475488" y="4572"/>
                  </a:lnTo>
                  <a:lnTo>
                    <a:pt x="475488" y="0"/>
                  </a:lnTo>
                  <a:close/>
                </a:path>
                <a:path w="654050" h="5079">
                  <a:moveTo>
                    <a:pt x="483108" y="0"/>
                  </a:moveTo>
                  <a:lnTo>
                    <a:pt x="480060" y="0"/>
                  </a:lnTo>
                  <a:lnTo>
                    <a:pt x="480060" y="4572"/>
                  </a:lnTo>
                  <a:lnTo>
                    <a:pt x="483108" y="4572"/>
                  </a:lnTo>
                  <a:lnTo>
                    <a:pt x="483108" y="0"/>
                  </a:lnTo>
                  <a:close/>
                </a:path>
                <a:path w="654050" h="5079">
                  <a:moveTo>
                    <a:pt x="489204" y="0"/>
                  </a:moveTo>
                  <a:lnTo>
                    <a:pt x="486156" y="0"/>
                  </a:lnTo>
                  <a:lnTo>
                    <a:pt x="486156" y="4572"/>
                  </a:lnTo>
                  <a:lnTo>
                    <a:pt x="489204" y="4572"/>
                  </a:lnTo>
                  <a:lnTo>
                    <a:pt x="489204" y="0"/>
                  </a:lnTo>
                  <a:close/>
                </a:path>
                <a:path w="654050" h="5079">
                  <a:moveTo>
                    <a:pt x="496824" y="0"/>
                  </a:moveTo>
                  <a:lnTo>
                    <a:pt x="493776" y="0"/>
                  </a:lnTo>
                  <a:lnTo>
                    <a:pt x="493776" y="4572"/>
                  </a:lnTo>
                  <a:lnTo>
                    <a:pt x="496824" y="4572"/>
                  </a:lnTo>
                  <a:lnTo>
                    <a:pt x="496824" y="0"/>
                  </a:lnTo>
                  <a:close/>
                </a:path>
                <a:path w="654050" h="5079">
                  <a:moveTo>
                    <a:pt x="502920" y="0"/>
                  </a:moveTo>
                  <a:lnTo>
                    <a:pt x="499872" y="0"/>
                  </a:lnTo>
                  <a:lnTo>
                    <a:pt x="499872" y="4572"/>
                  </a:lnTo>
                  <a:lnTo>
                    <a:pt x="502920" y="4572"/>
                  </a:lnTo>
                  <a:lnTo>
                    <a:pt x="502920" y="0"/>
                  </a:lnTo>
                  <a:close/>
                </a:path>
                <a:path w="654050" h="5079">
                  <a:moveTo>
                    <a:pt x="510540" y="0"/>
                  </a:moveTo>
                  <a:lnTo>
                    <a:pt x="507492" y="0"/>
                  </a:lnTo>
                  <a:lnTo>
                    <a:pt x="507492" y="4572"/>
                  </a:lnTo>
                  <a:lnTo>
                    <a:pt x="510540" y="4572"/>
                  </a:lnTo>
                  <a:lnTo>
                    <a:pt x="510540" y="0"/>
                  </a:lnTo>
                  <a:close/>
                </a:path>
                <a:path w="654050" h="5079">
                  <a:moveTo>
                    <a:pt x="516636" y="0"/>
                  </a:moveTo>
                  <a:lnTo>
                    <a:pt x="513588" y="0"/>
                  </a:lnTo>
                  <a:lnTo>
                    <a:pt x="513588" y="4572"/>
                  </a:lnTo>
                  <a:lnTo>
                    <a:pt x="516636" y="4572"/>
                  </a:lnTo>
                  <a:lnTo>
                    <a:pt x="516636" y="0"/>
                  </a:lnTo>
                  <a:close/>
                </a:path>
                <a:path w="654050" h="5079">
                  <a:moveTo>
                    <a:pt x="524256" y="0"/>
                  </a:moveTo>
                  <a:lnTo>
                    <a:pt x="521208" y="0"/>
                  </a:lnTo>
                  <a:lnTo>
                    <a:pt x="521208" y="4572"/>
                  </a:lnTo>
                  <a:lnTo>
                    <a:pt x="524256" y="4572"/>
                  </a:lnTo>
                  <a:lnTo>
                    <a:pt x="524256" y="0"/>
                  </a:lnTo>
                  <a:close/>
                </a:path>
                <a:path w="654050" h="5079">
                  <a:moveTo>
                    <a:pt x="530352" y="0"/>
                  </a:moveTo>
                  <a:lnTo>
                    <a:pt x="527304" y="0"/>
                  </a:lnTo>
                  <a:lnTo>
                    <a:pt x="527304" y="4572"/>
                  </a:lnTo>
                  <a:lnTo>
                    <a:pt x="530352" y="4572"/>
                  </a:lnTo>
                  <a:lnTo>
                    <a:pt x="530352" y="0"/>
                  </a:lnTo>
                  <a:close/>
                </a:path>
                <a:path w="654050" h="5079">
                  <a:moveTo>
                    <a:pt x="537972" y="0"/>
                  </a:moveTo>
                  <a:lnTo>
                    <a:pt x="534924" y="0"/>
                  </a:lnTo>
                  <a:lnTo>
                    <a:pt x="534924" y="4572"/>
                  </a:lnTo>
                  <a:lnTo>
                    <a:pt x="537972" y="4572"/>
                  </a:lnTo>
                  <a:lnTo>
                    <a:pt x="537972" y="0"/>
                  </a:lnTo>
                  <a:close/>
                </a:path>
                <a:path w="654050" h="5079">
                  <a:moveTo>
                    <a:pt x="544068" y="0"/>
                  </a:moveTo>
                  <a:lnTo>
                    <a:pt x="541020" y="0"/>
                  </a:lnTo>
                  <a:lnTo>
                    <a:pt x="541020" y="4572"/>
                  </a:lnTo>
                  <a:lnTo>
                    <a:pt x="544068" y="4572"/>
                  </a:lnTo>
                  <a:lnTo>
                    <a:pt x="544068" y="0"/>
                  </a:lnTo>
                  <a:close/>
                </a:path>
                <a:path w="654050" h="5079">
                  <a:moveTo>
                    <a:pt x="551688" y="0"/>
                  </a:moveTo>
                  <a:lnTo>
                    <a:pt x="548640" y="0"/>
                  </a:lnTo>
                  <a:lnTo>
                    <a:pt x="548640" y="4572"/>
                  </a:lnTo>
                  <a:lnTo>
                    <a:pt x="551688" y="4572"/>
                  </a:lnTo>
                  <a:lnTo>
                    <a:pt x="551688" y="0"/>
                  </a:lnTo>
                  <a:close/>
                </a:path>
                <a:path w="654050" h="5079">
                  <a:moveTo>
                    <a:pt x="557784" y="0"/>
                  </a:moveTo>
                  <a:lnTo>
                    <a:pt x="554736" y="0"/>
                  </a:lnTo>
                  <a:lnTo>
                    <a:pt x="554736" y="4572"/>
                  </a:lnTo>
                  <a:lnTo>
                    <a:pt x="557784" y="4572"/>
                  </a:lnTo>
                  <a:lnTo>
                    <a:pt x="557784" y="0"/>
                  </a:lnTo>
                  <a:close/>
                </a:path>
                <a:path w="654050" h="5079">
                  <a:moveTo>
                    <a:pt x="565404" y="0"/>
                  </a:moveTo>
                  <a:lnTo>
                    <a:pt x="562356" y="0"/>
                  </a:lnTo>
                  <a:lnTo>
                    <a:pt x="562356" y="4572"/>
                  </a:lnTo>
                  <a:lnTo>
                    <a:pt x="565404" y="4572"/>
                  </a:lnTo>
                  <a:lnTo>
                    <a:pt x="565404" y="0"/>
                  </a:lnTo>
                  <a:close/>
                </a:path>
                <a:path w="654050" h="5079">
                  <a:moveTo>
                    <a:pt x="571500" y="0"/>
                  </a:moveTo>
                  <a:lnTo>
                    <a:pt x="568452" y="0"/>
                  </a:lnTo>
                  <a:lnTo>
                    <a:pt x="568452" y="4572"/>
                  </a:lnTo>
                  <a:lnTo>
                    <a:pt x="571500" y="4572"/>
                  </a:lnTo>
                  <a:lnTo>
                    <a:pt x="571500" y="0"/>
                  </a:lnTo>
                  <a:close/>
                </a:path>
                <a:path w="654050" h="5079">
                  <a:moveTo>
                    <a:pt x="579120" y="0"/>
                  </a:moveTo>
                  <a:lnTo>
                    <a:pt x="576072" y="0"/>
                  </a:lnTo>
                  <a:lnTo>
                    <a:pt x="576072" y="4572"/>
                  </a:lnTo>
                  <a:lnTo>
                    <a:pt x="579120" y="4572"/>
                  </a:lnTo>
                  <a:lnTo>
                    <a:pt x="579120" y="0"/>
                  </a:lnTo>
                  <a:close/>
                </a:path>
                <a:path w="654050" h="5079">
                  <a:moveTo>
                    <a:pt x="585216" y="0"/>
                  </a:moveTo>
                  <a:lnTo>
                    <a:pt x="582168" y="0"/>
                  </a:lnTo>
                  <a:lnTo>
                    <a:pt x="582168" y="4572"/>
                  </a:lnTo>
                  <a:lnTo>
                    <a:pt x="585216" y="4572"/>
                  </a:lnTo>
                  <a:lnTo>
                    <a:pt x="585216" y="0"/>
                  </a:lnTo>
                  <a:close/>
                </a:path>
                <a:path w="654050" h="5079">
                  <a:moveTo>
                    <a:pt x="592836" y="0"/>
                  </a:moveTo>
                  <a:lnTo>
                    <a:pt x="589788" y="0"/>
                  </a:lnTo>
                  <a:lnTo>
                    <a:pt x="589788" y="4572"/>
                  </a:lnTo>
                  <a:lnTo>
                    <a:pt x="592836" y="4572"/>
                  </a:lnTo>
                  <a:lnTo>
                    <a:pt x="592836" y="0"/>
                  </a:lnTo>
                  <a:close/>
                </a:path>
                <a:path w="654050" h="5079">
                  <a:moveTo>
                    <a:pt x="598932" y="0"/>
                  </a:moveTo>
                  <a:lnTo>
                    <a:pt x="595884" y="0"/>
                  </a:lnTo>
                  <a:lnTo>
                    <a:pt x="595884" y="4572"/>
                  </a:lnTo>
                  <a:lnTo>
                    <a:pt x="598932" y="4572"/>
                  </a:lnTo>
                  <a:lnTo>
                    <a:pt x="598932" y="0"/>
                  </a:lnTo>
                  <a:close/>
                </a:path>
                <a:path w="654050" h="5079">
                  <a:moveTo>
                    <a:pt x="606552" y="0"/>
                  </a:moveTo>
                  <a:lnTo>
                    <a:pt x="601980" y="0"/>
                  </a:lnTo>
                  <a:lnTo>
                    <a:pt x="601980" y="4572"/>
                  </a:lnTo>
                  <a:lnTo>
                    <a:pt x="606552" y="4572"/>
                  </a:lnTo>
                  <a:lnTo>
                    <a:pt x="606552" y="0"/>
                  </a:lnTo>
                  <a:close/>
                </a:path>
                <a:path w="654050" h="5079">
                  <a:moveTo>
                    <a:pt x="612648" y="0"/>
                  </a:moveTo>
                  <a:lnTo>
                    <a:pt x="609600" y="0"/>
                  </a:lnTo>
                  <a:lnTo>
                    <a:pt x="609600" y="4572"/>
                  </a:lnTo>
                  <a:lnTo>
                    <a:pt x="612648" y="4572"/>
                  </a:lnTo>
                  <a:lnTo>
                    <a:pt x="612648" y="0"/>
                  </a:lnTo>
                  <a:close/>
                </a:path>
                <a:path w="654050" h="5079">
                  <a:moveTo>
                    <a:pt x="620268" y="0"/>
                  </a:moveTo>
                  <a:lnTo>
                    <a:pt x="615696" y="0"/>
                  </a:lnTo>
                  <a:lnTo>
                    <a:pt x="615696" y="4572"/>
                  </a:lnTo>
                  <a:lnTo>
                    <a:pt x="620268" y="4572"/>
                  </a:lnTo>
                  <a:lnTo>
                    <a:pt x="620268" y="0"/>
                  </a:lnTo>
                  <a:close/>
                </a:path>
                <a:path w="654050" h="5079">
                  <a:moveTo>
                    <a:pt x="626364" y="0"/>
                  </a:moveTo>
                  <a:lnTo>
                    <a:pt x="623316" y="0"/>
                  </a:lnTo>
                  <a:lnTo>
                    <a:pt x="623316" y="4572"/>
                  </a:lnTo>
                  <a:lnTo>
                    <a:pt x="626364" y="4572"/>
                  </a:lnTo>
                  <a:lnTo>
                    <a:pt x="626364" y="0"/>
                  </a:lnTo>
                  <a:close/>
                </a:path>
                <a:path w="654050" h="5079">
                  <a:moveTo>
                    <a:pt x="633984" y="0"/>
                  </a:moveTo>
                  <a:lnTo>
                    <a:pt x="629412" y="0"/>
                  </a:lnTo>
                  <a:lnTo>
                    <a:pt x="629412" y="4572"/>
                  </a:lnTo>
                  <a:lnTo>
                    <a:pt x="633984" y="4572"/>
                  </a:lnTo>
                  <a:lnTo>
                    <a:pt x="633984" y="0"/>
                  </a:lnTo>
                  <a:close/>
                </a:path>
                <a:path w="654050" h="5079">
                  <a:moveTo>
                    <a:pt x="640080" y="0"/>
                  </a:moveTo>
                  <a:lnTo>
                    <a:pt x="637032" y="0"/>
                  </a:lnTo>
                  <a:lnTo>
                    <a:pt x="637032" y="4572"/>
                  </a:lnTo>
                  <a:lnTo>
                    <a:pt x="640080" y="4572"/>
                  </a:lnTo>
                  <a:lnTo>
                    <a:pt x="640080" y="0"/>
                  </a:lnTo>
                  <a:close/>
                </a:path>
                <a:path w="654050" h="5079">
                  <a:moveTo>
                    <a:pt x="647700" y="0"/>
                  </a:moveTo>
                  <a:lnTo>
                    <a:pt x="643128" y="0"/>
                  </a:lnTo>
                  <a:lnTo>
                    <a:pt x="643128" y="4572"/>
                  </a:lnTo>
                  <a:lnTo>
                    <a:pt x="647700" y="4572"/>
                  </a:lnTo>
                  <a:lnTo>
                    <a:pt x="647700" y="0"/>
                  </a:lnTo>
                  <a:close/>
                </a:path>
                <a:path w="654050" h="5079">
                  <a:moveTo>
                    <a:pt x="653796" y="0"/>
                  </a:moveTo>
                  <a:lnTo>
                    <a:pt x="650748" y="0"/>
                  </a:lnTo>
                  <a:lnTo>
                    <a:pt x="650748" y="4572"/>
                  </a:lnTo>
                  <a:lnTo>
                    <a:pt x="653796" y="4572"/>
                  </a:lnTo>
                  <a:lnTo>
                    <a:pt x="653796" y="0"/>
                  </a:lnTo>
                  <a:close/>
                </a:path>
              </a:pathLst>
            </a:custGeom>
            <a:solidFill>
              <a:srgbClr val="D8D8D8"/>
            </a:solidFill>
          </p:spPr>
          <p:txBody>
            <a:bodyPr wrap="square" lIns="0" tIns="0" rIns="0" bIns="0" rtlCol="0"/>
            <a:lstStyle/>
            <a:p>
              <a:endParaRPr sz="1539"/>
            </a:p>
          </p:txBody>
        </p:sp>
        <p:sp>
          <p:nvSpPr>
            <p:cNvPr id="57" name="object 57"/>
            <p:cNvSpPr/>
            <p:nvPr/>
          </p:nvSpPr>
          <p:spPr>
            <a:xfrm>
              <a:off x="1085088" y="4520183"/>
              <a:ext cx="8920480" cy="562610"/>
            </a:xfrm>
            <a:custGeom>
              <a:avLst/>
              <a:gdLst/>
              <a:ahLst/>
              <a:cxnLst/>
              <a:rect l="l" t="t" r="r" b="b"/>
              <a:pathLst>
                <a:path w="8920480" h="562610">
                  <a:moveTo>
                    <a:pt x="3048" y="0"/>
                  </a:moveTo>
                  <a:lnTo>
                    <a:pt x="0" y="0"/>
                  </a:lnTo>
                  <a:lnTo>
                    <a:pt x="0" y="4572"/>
                  </a:lnTo>
                  <a:lnTo>
                    <a:pt x="3048" y="4572"/>
                  </a:lnTo>
                  <a:lnTo>
                    <a:pt x="3048" y="0"/>
                  </a:lnTo>
                  <a:close/>
                </a:path>
                <a:path w="8920480" h="562610">
                  <a:moveTo>
                    <a:pt x="10668" y="0"/>
                  </a:moveTo>
                  <a:lnTo>
                    <a:pt x="6096" y="0"/>
                  </a:lnTo>
                  <a:lnTo>
                    <a:pt x="6096" y="4572"/>
                  </a:lnTo>
                  <a:lnTo>
                    <a:pt x="10668" y="4572"/>
                  </a:lnTo>
                  <a:lnTo>
                    <a:pt x="10668" y="0"/>
                  </a:lnTo>
                  <a:close/>
                </a:path>
                <a:path w="8920480" h="562610">
                  <a:moveTo>
                    <a:pt x="16764" y="0"/>
                  </a:moveTo>
                  <a:lnTo>
                    <a:pt x="13716" y="0"/>
                  </a:lnTo>
                  <a:lnTo>
                    <a:pt x="13716" y="4572"/>
                  </a:lnTo>
                  <a:lnTo>
                    <a:pt x="16764" y="4572"/>
                  </a:lnTo>
                  <a:lnTo>
                    <a:pt x="16764" y="0"/>
                  </a:lnTo>
                  <a:close/>
                </a:path>
                <a:path w="8920480" h="562610">
                  <a:moveTo>
                    <a:pt x="24384" y="0"/>
                  </a:moveTo>
                  <a:lnTo>
                    <a:pt x="19812" y="0"/>
                  </a:lnTo>
                  <a:lnTo>
                    <a:pt x="19812" y="4572"/>
                  </a:lnTo>
                  <a:lnTo>
                    <a:pt x="24384" y="4572"/>
                  </a:lnTo>
                  <a:lnTo>
                    <a:pt x="24384" y="0"/>
                  </a:lnTo>
                  <a:close/>
                </a:path>
                <a:path w="8920480" h="562610">
                  <a:moveTo>
                    <a:pt x="30480" y="0"/>
                  </a:moveTo>
                  <a:lnTo>
                    <a:pt x="27432" y="0"/>
                  </a:lnTo>
                  <a:lnTo>
                    <a:pt x="27432" y="4572"/>
                  </a:lnTo>
                  <a:lnTo>
                    <a:pt x="30480" y="4572"/>
                  </a:lnTo>
                  <a:lnTo>
                    <a:pt x="30480" y="0"/>
                  </a:lnTo>
                  <a:close/>
                </a:path>
                <a:path w="8920480" h="562610">
                  <a:moveTo>
                    <a:pt x="38100" y="0"/>
                  </a:moveTo>
                  <a:lnTo>
                    <a:pt x="33528" y="0"/>
                  </a:lnTo>
                  <a:lnTo>
                    <a:pt x="33528" y="4572"/>
                  </a:lnTo>
                  <a:lnTo>
                    <a:pt x="38100" y="4572"/>
                  </a:lnTo>
                  <a:lnTo>
                    <a:pt x="38100" y="0"/>
                  </a:lnTo>
                  <a:close/>
                </a:path>
                <a:path w="8920480" h="562610">
                  <a:moveTo>
                    <a:pt x="44196" y="0"/>
                  </a:moveTo>
                  <a:lnTo>
                    <a:pt x="41148" y="0"/>
                  </a:lnTo>
                  <a:lnTo>
                    <a:pt x="41148" y="4572"/>
                  </a:lnTo>
                  <a:lnTo>
                    <a:pt x="44196" y="4572"/>
                  </a:lnTo>
                  <a:lnTo>
                    <a:pt x="44196" y="0"/>
                  </a:lnTo>
                  <a:close/>
                </a:path>
                <a:path w="8920480" h="562610">
                  <a:moveTo>
                    <a:pt x="51816" y="0"/>
                  </a:moveTo>
                  <a:lnTo>
                    <a:pt x="47244" y="0"/>
                  </a:lnTo>
                  <a:lnTo>
                    <a:pt x="47244" y="4572"/>
                  </a:lnTo>
                  <a:lnTo>
                    <a:pt x="51816" y="4572"/>
                  </a:lnTo>
                  <a:lnTo>
                    <a:pt x="51816" y="0"/>
                  </a:lnTo>
                  <a:close/>
                </a:path>
                <a:path w="8920480" h="562610">
                  <a:moveTo>
                    <a:pt x="57912" y="0"/>
                  </a:moveTo>
                  <a:lnTo>
                    <a:pt x="54864" y="0"/>
                  </a:lnTo>
                  <a:lnTo>
                    <a:pt x="54864" y="4572"/>
                  </a:lnTo>
                  <a:lnTo>
                    <a:pt x="57912" y="4572"/>
                  </a:lnTo>
                  <a:lnTo>
                    <a:pt x="57912" y="0"/>
                  </a:lnTo>
                  <a:close/>
                </a:path>
                <a:path w="8920480" h="562610">
                  <a:moveTo>
                    <a:pt x="65532" y="0"/>
                  </a:moveTo>
                  <a:lnTo>
                    <a:pt x="60960" y="0"/>
                  </a:lnTo>
                  <a:lnTo>
                    <a:pt x="60960" y="4572"/>
                  </a:lnTo>
                  <a:lnTo>
                    <a:pt x="65532" y="4572"/>
                  </a:lnTo>
                  <a:lnTo>
                    <a:pt x="65532" y="0"/>
                  </a:lnTo>
                  <a:close/>
                </a:path>
                <a:path w="8920480" h="562610">
                  <a:moveTo>
                    <a:pt x="71628" y="0"/>
                  </a:moveTo>
                  <a:lnTo>
                    <a:pt x="68580" y="0"/>
                  </a:lnTo>
                  <a:lnTo>
                    <a:pt x="68580" y="4572"/>
                  </a:lnTo>
                  <a:lnTo>
                    <a:pt x="71628" y="4572"/>
                  </a:lnTo>
                  <a:lnTo>
                    <a:pt x="71628" y="0"/>
                  </a:lnTo>
                  <a:close/>
                </a:path>
                <a:path w="8920480" h="562610">
                  <a:moveTo>
                    <a:pt x="79248" y="0"/>
                  </a:moveTo>
                  <a:lnTo>
                    <a:pt x="74676" y="0"/>
                  </a:lnTo>
                  <a:lnTo>
                    <a:pt x="74676" y="4572"/>
                  </a:lnTo>
                  <a:lnTo>
                    <a:pt x="79248" y="4572"/>
                  </a:lnTo>
                  <a:lnTo>
                    <a:pt x="79248" y="0"/>
                  </a:lnTo>
                  <a:close/>
                </a:path>
                <a:path w="8920480" h="562610">
                  <a:moveTo>
                    <a:pt x="85344" y="0"/>
                  </a:moveTo>
                  <a:lnTo>
                    <a:pt x="82296" y="0"/>
                  </a:lnTo>
                  <a:lnTo>
                    <a:pt x="82296" y="4572"/>
                  </a:lnTo>
                  <a:lnTo>
                    <a:pt x="85344" y="4572"/>
                  </a:lnTo>
                  <a:lnTo>
                    <a:pt x="85344" y="0"/>
                  </a:lnTo>
                  <a:close/>
                </a:path>
                <a:path w="8920480" h="562610">
                  <a:moveTo>
                    <a:pt x="92964" y="0"/>
                  </a:moveTo>
                  <a:lnTo>
                    <a:pt x="88392" y="0"/>
                  </a:lnTo>
                  <a:lnTo>
                    <a:pt x="88392" y="4572"/>
                  </a:lnTo>
                  <a:lnTo>
                    <a:pt x="92964" y="4572"/>
                  </a:lnTo>
                  <a:lnTo>
                    <a:pt x="92964" y="0"/>
                  </a:lnTo>
                  <a:close/>
                </a:path>
                <a:path w="8920480" h="562610">
                  <a:moveTo>
                    <a:pt x="99060" y="0"/>
                  </a:moveTo>
                  <a:lnTo>
                    <a:pt x="96012" y="0"/>
                  </a:lnTo>
                  <a:lnTo>
                    <a:pt x="96012" y="4572"/>
                  </a:lnTo>
                  <a:lnTo>
                    <a:pt x="99060" y="4572"/>
                  </a:lnTo>
                  <a:lnTo>
                    <a:pt x="99060" y="0"/>
                  </a:lnTo>
                  <a:close/>
                </a:path>
                <a:path w="8920480" h="562610">
                  <a:moveTo>
                    <a:pt x="106680" y="0"/>
                  </a:moveTo>
                  <a:lnTo>
                    <a:pt x="102108" y="0"/>
                  </a:lnTo>
                  <a:lnTo>
                    <a:pt x="102108" y="4572"/>
                  </a:lnTo>
                  <a:lnTo>
                    <a:pt x="106680" y="4572"/>
                  </a:lnTo>
                  <a:lnTo>
                    <a:pt x="106680" y="0"/>
                  </a:lnTo>
                  <a:close/>
                </a:path>
                <a:path w="8920480" h="562610">
                  <a:moveTo>
                    <a:pt x="112776" y="0"/>
                  </a:moveTo>
                  <a:lnTo>
                    <a:pt x="109728" y="0"/>
                  </a:lnTo>
                  <a:lnTo>
                    <a:pt x="109728" y="4572"/>
                  </a:lnTo>
                  <a:lnTo>
                    <a:pt x="112776" y="4572"/>
                  </a:lnTo>
                  <a:lnTo>
                    <a:pt x="112776" y="0"/>
                  </a:lnTo>
                  <a:close/>
                </a:path>
                <a:path w="8920480" h="562610">
                  <a:moveTo>
                    <a:pt x="120396" y="0"/>
                  </a:moveTo>
                  <a:lnTo>
                    <a:pt x="115824" y="0"/>
                  </a:lnTo>
                  <a:lnTo>
                    <a:pt x="115824" y="4572"/>
                  </a:lnTo>
                  <a:lnTo>
                    <a:pt x="120396" y="4572"/>
                  </a:lnTo>
                  <a:lnTo>
                    <a:pt x="120396" y="0"/>
                  </a:lnTo>
                  <a:close/>
                </a:path>
                <a:path w="8920480" h="562610">
                  <a:moveTo>
                    <a:pt x="126492" y="0"/>
                  </a:moveTo>
                  <a:lnTo>
                    <a:pt x="123444" y="0"/>
                  </a:lnTo>
                  <a:lnTo>
                    <a:pt x="123444" y="4572"/>
                  </a:lnTo>
                  <a:lnTo>
                    <a:pt x="126492" y="4572"/>
                  </a:lnTo>
                  <a:lnTo>
                    <a:pt x="126492" y="0"/>
                  </a:lnTo>
                  <a:close/>
                </a:path>
                <a:path w="8920480" h="562610">
                  <a:moveTo>
                    <a:pt x="298704" y="0"/>
                  </a:moveTo>
                  <a:lnTo>
                    <a:pt x="297180" y="0"/>
                  </a:lnTo>
                  <a:lnTo>
                    <a:pt x="297180" y="4572"/>
                  </a:lnTo>
                  <a:lnTo>
                    <a:pt x="298704" y="4572"/>
                  </a:lnTo>
                  <a:lnTo>
                    <a:pt x="298704" y="0"/>
                  </a:lnTo>
                  <a:close/>
                </a:path>
                <a:path w="8920480" h="562610">
                  <a:moveTo>
                    <a:pt x="304800" y="0"/>
                  </a:moveTo>
                  <a:lnTo>
                    <a:pt x="301752" y="0"/>
                  </a:lnTo>
                  <a:lnTo>
                    <a:pt x="301752" y="4572"/>
                  </a:lnTo>
                  <a:lnTo>
                    <a:pt x="304800" y="4572"/>
                  </a:lnTo>
                  <a:lnTo>
                    <a:pt x="304800" y="0"/>
                  </a:lnTo>
                  <a:close/>
                </a:path>
                <a:path w="8920480" h="562610">
                  <a:moveTo>
                    <a:pt x="312420" y="0"/>
                  </a:moveTo>
                  <a:lnTo>
                    <a:pt x="307848" y="0"/>
                  </a:lnTo>
                  <a:lnTo>
                    <a:pt x="307848" y="4572"/>
                  </a:lnTo>
                  <a:lnTo>
                    <a:pt x="312420" y="4572"/>
                  </a:lnTo>
                  <a:lnTo>
                    <a:pt x="312420" y="0"/>
                  </a:lnTo>
                  <a:close/>
                </a:path>
                <a:path w="8920480" h="562610">
                  <a:moveTo>
                    <a:pt x="318516" y="0"/>
                  </a:moveTo>
                  <a:lnTo>
                    <a:pt x="315468" y="0"/>
                  </a:lnTo>
                  <a:lnTo>
                    <a:pt x="315468" y="4572"/>
                  </a:lnTo>
                  <a:lnTo>
                    <a:pt x="318516" y="4572"/>
                  </a:lnTo>
                  <a:lnTo>
                    <a:pt x="318516" y="0"/>
                  </a:lnTo>
                  <a:close/>
                </a:path>
                <a:path w="8920480" h="562610">
                  <a:moveTo>
                    <a:pt x="326136" y="0"/>
                  </a:moveTo>
                  <a:lnTo>
                    <a:pt x="321564" y="0"/>
                  </a:lnTo>
                  <a:lnTo>
                    <a:pt x="321564" y="4572"/>
                  </a:lnTo>
                  <a:lnTo>
                    <a:pt x="326136" y="4572"/>
                  </a:lnTo>
                  <a:lnTo>
                    <a:pt x="326136" y="0"/>
                  </a:lnTo>
                  <a:close/>
                </a:path>
                <a:path w="8920480" h="562610">
                  <a:moveTo>
                    <a:pt x="332232" y="0"/>
                  </a:moveTo>
                  <a:lnTo>
                    <a:pt x="329184" y="0"/>
                  </a:lnTo>
                  <a:lnTo>
                    <a:pt x="329184" y="4572"/>
                  </a:lnTo>
                  <a:lnTo>
                    <a:pt x="332232" y="4572"/>
                  </a:lnTo>
                  <a:lnTo>
                    <a:pt x="332232" y="0"/>
                  </a:lnTo>
                  <a:close/>
                </a:path>
                <a:path w="8920480" h="562610">
                  <a:moveTo>
                    <a:pt x="339852" y="0"/>
                  </a:moveTo>
                  <a:lnTo>
                    <a:pt x="335280" y="0"/>
                  </a:lnTo>
                  <a:lnTo>
                    <a:pt x="335280" y="4572"/>
                  </a:lnTo>
                  <a:lnTo>
                    <a:pt x="339852" y="4572"/>
                  </a:lnTo>
                  <a:lnTo>
                    <a:pt x="339852" y="0"/>
                  </a:lnTo>
                  <a:close/>
                </a:path>
                <a:path w="8920480" h="562610">
                  <a:moveTo>
                    <a:pt x="345948" y="0"/>
                  </a:moveTo>
                  <a:lnTo>
                    <a:pt x="342900" y="0"/>
                  </a:lnTo>
                  <a:lnTo>
                    <a:pt x="342900" y="4572"/>
                  </a:lnTo>
                  <a:lnTo>
                    <a:pt x="345948" y="4572"/>
                  </a:lnTo>
                  <a:lnTo>
                    <a:pt x="345948" y="0"/>
                  </a:lnTo>
                  <a:close/>
                </a:path>
                <a:path w="8920480" h="562610">
                  <a:moveTo>
                    <a:pt x="353568" y="0"/>
                  </a:moveTo>
                  <a:lnTo>
                    <a:pt x="348996" y="0"/>
                  </a:lnTo>
                  <a:lnTo>
                    <a:pt x="348996" y="4572"/>
                  </a:lnTo>
                  <a:lnTo>
                    <a:pt x="353568" y="4572"/>
                  </a:lnTo>
                  <a:lnTo>
                    <a:pt x="353568" y="0"/>
                  </a:lnTo>
                  <a:close/>
                </a:path>
                <a:path w="8920480" h="562610">
                  <a:moveTo>
                    <a:pt x="359664" y="0"/>
                  </a:moveTo>
                  <a:lnTo>
                    <a:pt x="356616" y="0"/>
                  </a:lnTo>
                  <a:lnTo>
                    <a:pt x="356616" y="4572"/>
                  </a:lnTo>
                  <a:lnTo>
                    <a:pt x="359664" y="4572"/>
                  </a:lnTo>
                  <a:lnTo>
                    <a:pt x="359664" y="0"/>
                  </a:lnTo>
                  <a:close/>
                </a:path>
                <a:path w="8920480" h="562610">
                  <a:moveTo>
                    <a:pt x="367284" y="0"/>
                  </a:moveTo>
                  <a:lnTo>
                    <a:pt x="362712" y="0"/>
                  </a:lnTo>
                  <a:lnTo>
                    <a:pt x="362712" y="4572"/>
                  </a:lnTo>
                  <a:lnTo>
                    <a:pt x="367284" y="4572"/>
                  </a:lnTo>
                  <a:lnTo>
                    <a:pt x="367284" y="0"/>
                  </a:lnTo>
                  <a:close/>
                </a:path>
                <a:path w="8920480" h="562610">
                  <a:moveTo>
                    <a:pt x="373380" y="0"/>
                  </a:moveTo>
                  <a:lnTo>
                    <a:pt x="370332" y="0"/>
                  </a:lnTo>
                  <a:lnTo>
                    <a:pt x="370332" y="4572"/>
                  </a:lnTo>
                  <a:lnTo>
                    <a:pt x="373380" y="4572"/>
                  </a:lnTo>
                  <a:lnTo>
                    <a:pt x="373380" y="0"/>
                  </a:lnTo>
                  <a:close/>
                </a:path>
                <a:path w="8920480" h="562610">
                  <a:moveTo>
                    <a:pt x="381000" y="0"/>
                  </a:moveTo>
                  <a:lnTo>
                    <a:pt x="376428" y="0"/>
                  </a:lnTo>
                  <a:lnTo>
                    <a:pt x="376428" y="4572"/>
                  </a:lnTo>
                  <a:lnTo>
                    <a:pt x="381000" y="4572"/>
                  </a:lnTo>
                  <a:lnTo>
                    <a:pt x="381000" y="0"/>
                  </a:lnTo>
                  <a:close/>
                </a:path>
                <a:path w="8920480" h="562610">
                  <a:moveTo>
                    <a:pt x="387096" y="0"/>
                  </a:moveTo>
                  <a:lnTo>
                    <a:pt x="384048" y="0"/>
                  </a:lnTo>
                  <a:lnTo>
                    <a:pt x="384048" y="4572"/>
                  </a:lnTo>
                  <a:lnTo>
                    <a:pt x="387096" y="4572"/>
                  </a:lnTo>
                  <a:lnTo>
                    <a:pt x="387096" y="0"/>
                  </a:lnTo>
                  <a:close/>
                </a:path>
                <a:path w="8920480" h="562610">
                  <a:moveTo>
                    <a:pt x="394716" y="0"/>
                  </a:moveTo>
                  <a:lnTo>
                    <a:pt x="390144" y="0"/>
                  </a:lnTo>
                  <a:lnTo>
                    <a:pt x="390144" y="4572"/>
                  </a:lnTo>
                  <a:lnTo>
                    <a:pt x="394716" y="4572"/>
                  </a:lnTo>
                  <a:lnTo>
                    <a:pt x="394716" y="0"/>
                  </a:lnTo>
                  <a:close/>
                </a:path>
                <a:path w="8920480" h="562610">
                  <a:moveTo>
                    <a:pt x="400812" y="0"/>
                  </a:moveTo>
                  <a:lnTo>
                    <a:pt x="397764" y="0"/>
                  </a:lnTo>
                  <a:lnTo>
                    <a:pt x="397764" y="4572"/>
                  </a:lnTo>
                  <a:lnTo>
                    <a:pt x="400812" y="4572"/>
                  </a:lnTo>
                  <a:lnTo>
                    <a:pt x="400812" y="0"/>
                  </a:lnTo>
                  <a:close/>
                </a:path>
                <a:path w="8920480" h="562610">
                  <a:moveTo>
                    <a:pt x="408432" y="0"/>
                  </a:moveTo>
                  <a:lnTo>
                    <a:pt x="403860" y="0"/>
                  </a:lnTo>
                  <a:lnTo>
                    <a:pt x="403860" y="4572"/>
                  </a:lnTo>
                  <a:lnTo>
                    <a:pt x="408432" y="4572"/>
                  </a:lnTo>
                  <a:lnTo>
                    <a:pt x="408432" y="0"/>
                  </a:lnTo>
                  <a:close/>
                </a:path>
                <a:path w="8920480" h="562610">
                  <a:moveTo>
                    <a:pt x="414528" y="0"/>
                  </a:moveTo>
                  <a:lnTo>
                    <a:pt x="411480" y="0"/>
                  </a:lnTo>
                  <a:lnTo>
                    <a:pt x="411480" y="4572"/>
                  </a:lnTo>
                  <a:lnTo>
                    <a:pt x="414528" y="4572"/>
                  </a:lnTo>
                  <a:lnTo>
                    <a:pt x="414528" y="0"/>
                  </a:lnTo>
                  <a:close/>
                </a:path>
                <a:path w="8920480" h="562610">
                  <a:moveTo>
                    <a:pt x="422148" y="0"/>
                  </a:moveTo>
                  <a:lnTo>
                    <a:pt x="417576" y="0"/>
                  </a:lnTo>
                  <a:lnTo>
                    <a:pt x="417576" y="4572"/>
                  </a:lnTo>
                  <a:lnTo>
                    <a:pt x="422148" y="4572"/>
                  </a:lnTo>
                  <a:lnTo>
                    <a:pt x="422148" y="0"/>
                  </a:lnTo>
                  <a:close/>
                </a:path>
                <a:path w="8920480" h="562610">
                  <a:moveTo>
                    <a:pt x="428244" y="0"/>
                  </a:moveTo>
                  <a:lnTo>
                    <a:pt x="425196" y="0"/>
                  </a:lnTo>
                  <a:lnTo>
                    <a:pt x="425196" y="4572"/>
                  </a:lnTo>
                  <a:lnTo>
                    <a:pt x="428244" y="4572"/>
                  </a:lnTo>
                  <a:lnTo>
                    <a:pt x="428244" y="0"/>
                  </a:lnTo>
                  <a:close/>
                </a:path>
                <a:path w="8920480" h="562610">
                  <a:moveTo>
                    <a:pt x="435864" y="0"/>
                  </a:moveTo>
                  <a:lnTo>
                    <a:pt x="431292" y="0"/>
                  </a:lnTo>
                  <a:lnTo>
                    <a:pt x="431292" y="4572"/>
                  </a:lnTo>
                  <a:lnTo>
                    <a:pt x="435864" y="4572"/>
                  </a:lnTo>
                  <a:lnTo>
                    <a:pt x="435864" y="0"/>
                  </a:lnTo>
                  <a:close/>
                </a:path>
                <a:path w="8920480" h="562610">
                  <a:moveTo>
                    <a:pt x="441960" y="0"/>
                  </a:moveTo>
                  <a:lnTo>
                    <a:pt x="438912" y="0"/>
                  </a:lnTo>
                  <a:lnTo>
                    <a:pt x="438912" y="4572"/>
                  </a:lnTo>
                  <a:lnTo>
                    <a:pt x="441960" y="4572"/>
                  </a:lnTo>
                  <a:lnTo>
                    <a:pt x="441960" y="0"/>
                  </a:lnTo>
                  <a:close/>
                </a:path>
                <a:path w="8920480" h="562610">
                  <a:moveTo>
                    <a:pt x="449580" y="0"/>
                  </a:moveTo>
                  <a:lnTo>
                    <a:pt x="445008" y="0"/>
                  </a:lnTo>
                  <a:lnTo>
                    <a:pt x="445008" y="4572"/>
                  </a:lnTo>
                  <a:lnTo>
                    <a:pt x="449580" y="4572"/>
                  </a:lnTo>
                  <a:lnTo>
                    <a:pt x="449580" y="0"/>
                  </a:lnTo>
                  <a:close/>
                </a:path>
                <a:path w="8920480" h="562610">
                  <a:moveTo>
                    <a:pt x="455676" y="0"/>
                  </a:moveTo>
                  <a:lnTo>
                    <a:pt x="452628" y="0"/>
                  </a:lnTo>
                  <a:lnTo>
                    <a:pt x="452628" y="4572"/>
                  </a:lnTo>
                  <a:lnTo>
                    <a:pt x="455676" y="4572"/>
                  </a:lnTo>
                  <a:lnTo>
                    <a:pt x="455676" y="0"/>
                  </a:lnTo>
                  <a:close/>
                </a:path>
                <a:path w="8920480" h="562610">
                  <a:moveTo>
                    <a:pt x="463296" y="0"/>
                  </a:moveTo>
                  <a:lnTo>
                    <a:pt x="458724" y="0"/>
                  </a:lnTo>
                  <a:lnTo>
                    <a:pt x="458724" y="4572"/>
                  </a:lnTo>
                  <a:lnTo>
                    <a:pt x="463296" y="4572"/>
                  </a:lnTo>
                  <a:lnTo>
                    <a:pt x="463296" y="0"/>
                  </a:lnTo>
                  <a:close/>
                </a:path>
                <a:path w="8920480" h="562610">
                  <a:moveTo>
                    <a:pt x="469392" y="0"/>
                  </a:moveTo>
                  <a:lnTo>
                    <a:pt x="466344" y="0"/>
                  </a:lnTo>
                  <a:lnTo>
                    <a:pt x="466344" y="4572"/>
                  </a:lnTo>
                  <a:lnTo>
                    <a:pt x="469392" y="4572"/>
                  </a:lnTo>
                  <a:lnTo>
                    <a:pt x="469392" y="0"/>
                  </a:lnTo>
                  <a:close/>
                </a:path>
                <a:path w="8920480" h="562610">
                  <a:moveTo>
                    <a:pt x="477012" y="0"/>
                  </a:moveTo>
                  <a:lnTo>
                    <a:pt x="472440" y="0"/>
                  </a:lnTo>
                  <a:lnTo>
                    <a:pt x="472440" y="4572"/>
                  </a:lnTo>
                  <a:lnTo>
                    <a:pt x="477012" y="4572"/>
                  </a:lnTo>
                  <a:lnTo>
                    <a:pt x="477012" y="0"/>
                  </a:lnTo>
                  <a:close/>
                </a:path>
                <a:path w="8920480" h="562610">
                  <a:moveTo>
                    <a:pt x="483108" y="0"/>
                  </a:moveTo>
                  <a:lnTo>
                    <a:pt x="480060" y="0"/>
                  </a:lnTo>
                  <a:lnTo>
                    <a:pt x="480060" y="4572"/>
                  </a:lnTo>
                  <a:lnTo>
                    <a:pt x="483108" y="4572"/>
                  </a:lnTo>
                  <a:lnTo>
                    <a:pt x="483108" y="0"/>
                  </a:lnTo>
                  <a:close/>
                </a:path>
                <a:path w="8920480" h="562610">
                  <a:moveTo>
                    <a:pt x="490728" y="0"/>
                  </a:moveTo>
                  <a:lnTo>
                    <a:pt x="486156" y="0"/>
                  </a:lnTo>
                  <a:lnTo>
                    <a:pt x="486156" y="4572"/>
                  </a:lnTo>
                  <a:lnTo>
                    <a:pt x="490728" y="4572"/>
                  </a:lnTo>
                  <a:lnTo>
                    <a:pt x="490728" y="0"/>
                  </a:lnTo>
                  <a:close/>
                </a:path>
                <a:path w="8920480" h="562610">
                  <a:moveTo>
                    <a:pt x="8604504" y="557784"/>
                  </a:moveTo>
                  <a:lnTo>
                    <a:pt x="8601456" y="557784"/>
                  </a:lnTo>
                  <a:lnTo>
                    <a:pt x="8601456" y="562356"/>
                  </a:lnTo>
                  <a:lnTo>
                    <a:pt x="8604504" y="562356"/>
                  </a:lnTo>
                  <a:lnTo>
                    <a:pt x="8604504" y="557784"/>
                  </a:lnTo>
                  <a:close/>
                </a:path>
                <a:path w="8920480" h="562610">
                  <a:moveTo>
                    <a:pt x="8612124" y="557784"/>
                  </a:moveTo>
                  <a:lnTo>
                    <a:pt x="8607552" y="557784"/>
                  </a:lnTo>
                  <a:lnTo>
                    <a:pt x="8607552" y="562356"/>
                  </a:lnTo>
                  <a:lnTo>
                    <a:pt x="8612124" y="562356"/>
                  </a:lnTo>
                  <a:lnTo>
                    <a:pt x="8612124" y="557784"/>
                  </a:lnTo>
                  <a:close/>
                </a:path>
                <a:path w="8920480" h="562610">
                  <a:moveTo>
                    <a:pt x="8618220" y="557784"/>
                  </a:moveTo>
                  <a:lnTo>
                    <a:pt x="8615172" y="557784"/>
                  </a:lnTo>
                  <a:lnTo>
                    <a:pt x="8615172" y="562356"/>
                  </a:lnTo>
                  <a:lnTo>
                    <a:pt x="8618220" y="562356"/>
                  </a:lnTo>
                  <a:lnTo>
                    <a:pt x="8618220" y="557784"/>
                  </a:lnTo>
                  <a:close/>
                </a:path>
                <a:path w="8920480" h="562610">
                  <a:moveTo>
                    <a:pt x="8625840" y="557784"/>
                  </a:moveTo>
                  <a:lnTo>
                    <a:pt x="8621268" y="557784"/>
                  </a:lnTo>
                  <a:lnTo>
                    <a:pt x="8621268" y="562356"/>
                  </a:lnTo>
                  <a:lnTo>
                    <a:pt x="8625840" y="562356"/>
                  </a:lnTo>
                  <a:lnTo>
                    <a:pt x="8625840" y="557784"/>
                  </a:lnTo>
                  <a:close/>
                </a:path>
                <a:path w="8920480" h="562610">
                  <a:moveTo>
                    <a:pt x="8796528" y="557784"/>
                  </a:moveTo>
                  <a:lnTo>
                    <a:pt x="8795004" y="557784"/>
                  </a:lnTo>
                  <a:lnTo>
                    <a:pt x="8795004" y="562356"/>
                  </a:lnTo>
                  <a:lnTo>
                    <a:pt x="8796528" y="562356"/>
                  </a:lnTo>
                  <a:lnTo>
                    <a:pt x="8796528" y="557784"/>
                  </a:lnTo>
                  <a:close/>
                </a:path>
                <a:path w="8920480" h="562610">
                  <a:moveTo>
                    <a:pt x="8804148" y="557784"/>
                  </a:moveTo>
                  <a:lnTo>
                    <a:pt x="8799576" y="557784"/>
                  </a:lnTo>
                  <a:lnTo>
                    <a:pt x="8799576" y="562356"/>
                  </a:lnTo>
                  <a:lnTo>
                    <a:pt x="8804148" y="562356"/>
                  </a:lnTo>
                  <a:lnTo>
                    <a:pt x="8804148" y="557784"/>
                  </a:lnTo>
                  <a:close/>
                </a:path>
                <a:path w="8920480" h="562610">
                  <a:moveTo>
                    <a:pt x="8810244" y="557784"/>
                  </a:moveTo>
                  <a:lnTo>
                    <a:pt x="8807196" y="557784"/>
                  </a:lnTo>
                  <a:lnTo>
                    <a:pt x="8807196" y="562356"/>
                  </a:lnTo>
                  <a:lnTo>
                    <a:pt x="8810244" y="562356"/>
                  </a:lnTo>
                  <a:lnTo>
                    <a:pt x="8810244" y="557784"/>
                  </a:lnTo>
                  <a:close/>
                </a:path>
                <a:path w="8920480" h="562610">
                  <a:moveTo>
                    <a:pt x="8817864" y="557784"/>
                  </a:moveTo>
                  <a:lnTo>
                    <a:pt x="8813292" y="557784"/>
                  </a:lnTo>
                  <a:lnTo>
                    <a:pt x="8813292" y="562356"/>
                  </a:lnTo>
                  <a:lnTo>
                    <a:pt x="8817864" y="562356"/>
                  </a:lnTo>
                  <a:lnTo>
                    <a:pt x="8817864" y="557784"/>
                  </a:lnTo>
                  <a:close/>
                </a:path>
                <a:path w="8920480" h="562610">
                  <a:moveTo>
                    <a:pt x="8823960" y="557784"/>
                  </a:moveTo>
                  <a:lnTo>
                    <a:pt x="8820912" y="557784"/>
                  </a:lnTo>
                  <a:lnTo>
                    <a:pt x="8820912" y="562356"/>
                  </a:lnTo>
                  <a:lnTo>
                    <a:pt x="8823960" y="562356"/>
                  </a:lnTo>
                  <a:lnTo>
                    <a:pt x="8823960" y="557784"/>
                  </a:lnTo>
                  <a:close/>
                </a:path>
                <a:path w="8920480" h="562610">
                  <a:moveTo>
                    <a:pt x="8831580" y="557784"/>
                  </a:moveTo>
                  <a:lnTo>
                    <a:pt x="8827008" y="557784"/>
                  </a:lnTo>
                  <a:lnTo>
                    <a:pt x="8827008" y="562356"/>
                  </a:lnTo>
                  <a:lnTo>
                    <a:pt x="8831580" y="562356"/>
                  </a:lnTo>
                  <a:lnTo>
                    <a:pt x="8831580" y="557784"/>
                  </a:lnTo>
                  <a:close/>
                </a:path>
                <a:path w="8920480" h="562610">
                  <a:moveTo>
                    <a:pt x="8837676" y="557784"/>
                  </a:moveTo>
                  <a:lnTo>
                    <a:pt x="8834628" y="557784"/>
                  </a:lnTo>
                  <a:lnTo>
                    <a:pt x="8834628" y="562356"/>
                  </a:lnTo>
                  <a:lnTo>
                    <a:pt x="8837676" y="562356"/>
                  </a:lnTo>
                  <a:lnTo>
                    <a:pt x="8837676" y="557784"/>
                  </a:lnTo>
                  <a:close/>
                </a:path>
                <a:path w="8920480" h="562610">
                  <a:moveTo>
                    <a:pt x="8845296" y="557784"/>
                  </a:moveTo>
                  <a:lnTo>
                    <a:pt x="8840724" y="557784"/>
                  </a:lnTo>
                  <a:lnTo>
                    <a:pt x="8840724" y="562356"/>
                  </a:lnTo>
                  <a:lnTo>
                    <a:pt x="8845296" y="562356"/>
                  </a:lnTo>
                  <a:lnTo>
                    <a:pt x="8845296" y="557784"/>
                  </a:lnTo>
                  <a:close/>
                </a:path>
                <a:path w="8920480" h="562610">
                  <a:moveTo>
                    <a:pt x="8851392" y="557784"/>
                  </a:moveTo>
                  <a:lnTo>
                    <a:pt x="8848344" y="557784"/>
                  </a:lnTo>
                  <a:lnTo>
                    <a:pt x="8848344" y="562356"/>
                  </a:lnTo>
                  <a:lnTo>
                    <a:pt x="8851392" y="562356"/>
                  </a:lnTo>
                  <a:lnTo>
                    <a:pt x="8851392" y="557784"/>
                  </a:lnTo>
                  <a:close/>
                </a:path>
                <a:path w="8920480" h="562610">
                  <a:moveTo>
                    <a:pt x="8859012" y="557784"/>
                  </a:moveTo>
                  <a:lnTo>
                    <a:pt x="8854440" y="557784"/>
                  </a:lnTo>
                  <a:lnTo>
                    <a:pt x="8854440" y="562356"/>
                  </a:lnTo>
                  <a:lnTo>
                    <a:pt x="8859012" y="562356"/>
                  </a:lnTo>
                  <a:lnTo>
                    <a:pt x="8859012" y="557784"/>
                  </a:lnTo>
                  <a:close/>
                </a:path>
                <a:path w="8920480" h="562610">
                  <a:moveTo>
                    <a:pt x="8865108" y="557784"/>
                  </a:moveTo>
                  <a:lnTo>
                    <a:pt x="8862060" y="557784"/>
                  </a:lnTo>
                  <a:lnTo>
                    <a:pt x="8862060" y="562356"/>
                  </a:lnTo>
                  <a:lnTo>
                    <a:pt x="8865108" y="562356"/>
                  </a:lnTo>
                  <a:lnTo>
                    <a:pt x="8865108" y="557784"/>
                  </a:lnTo>
                  <a:close/>
                </a:path>
                <a:path w="8920480" h="562610">
                  <a:moveTo>
                    <a:pt x="8872728" y="557784"/>
                  </a:moveTo>
                  <a:lnTo>
                    <a:pt x="8868156" y="557784"/>
                  </a:lnTo>
                  <a:lnTo>
                    <a:pt x="8868156" y="562356"/>
                  </a:lnTo>
                  <a:lnTo>
                    <a:pt x="8872728" y="562356"/>
                  </a:lnTo>
                  <a:lnTo>
                    <a:pt x="8872728" y="557784"/>
                  </a:lnTo>
                  <a:close/>
                </a:path>
                <a:path w="8920480" h="562610">
                  <a:moveTo>
                    <a:pt x="8878824" y="557784"/>
                  </a:moveTo>
                  <a:lnTo>
                    <a:pt x="8875776" y="557784"/>
                  </a:lnTo>
                  <a:lnTo>
                    <a:pt x="8875776" y="562356"/>
                  </a:lnTo>
                  <a:lnTo>
                    <a:pt x="8878824" y="562356"/>
                  </a:lnTo>
                  <a:lnTo>
                    <a:pt x="8878824" y="557784"/>
                  </a:lnTo>
                  <a:close/>
                </a:path>
                <a:path w="8920480" h="562610">
                  <a:moveTo>
                    <a:pt x="8886444" y="557784"/>
                  </a:moveTo>
                  <a:lnTo>
                    <a:pt x="8881872" y="557784"/>
                  </a:lnTo>
                  <a:lnTo>
                    <a:pt x="8881872" y="562356"/>
                  </a:lnTo>
                  <a:lnTo>
                    <a:pt x="8886444" y="562356"/>
                  </a:lnTo>
                  <a:lnTo>
                    <a:pt x="8886444" y="557784"/>
                  </a:lnTo>
                  <a:close/>
                </a:path>
                <a:path w="8920480" h="562610">
                  <a:moveTo>
                    <a:pt x="8892540" y="557784"/>
                  </a:moveTo>
                  <a:lnTo>
                    <a:pt x="8889492" y="557784"/>
                  </a:lnTo>
                  <a:lnTo>
                    <a:pt x="8889492" y="562356"/>
                  </a:lnTo>
                  <a:lnTo>
                    <a:pt x="8892540" y="562356"/>
                  </a:lnTo>
                  <a:lnTo>
                    <a:pt x="8892540" y="557784"/>
                  </a:lnTo>
                  <a:close/>
                </a:path>
                <a:path w="8920480" h="562610">
                  <a:moveTo>
                    <a:pt x="8900160" y="557784"/>
                  </a:moveTo>
                  <a:lnTo>
                    <a:pt x="8895588" y="557784"/>
                  </a:lnTo>
                  <a:lnTo>
                    <a:pt x="8895588" y="562356"/>
                  </a:lnTo>
                  <a:lnTo>
                    <a:pt x="8900160" y="562356"/>
                  </a:lnTo>
                  <a:lnTo>
                    <a:pt x="8900160" y="557784"/>
                  </a:lnTo>
                  <a:close/>
                </a:path>
                <a:path w="8920480" h="562610">
                  <a:moveTo>
                    <a:pt x="8906256" y="557784"/>
                  </a:moveTo>
                  <a:lnTo>
                    <a:pt x="8903208" y="557784"/>
                  </a:lnTo>
                  <a:lnTo>
                    <a:pt x="8903208" y="562356"/>
                  </a:lnTo>
                  <a:lnTo>
                    <a:pt x="8906256" y="562356"/>
                  </a:lnTo>
                  <a:lnTo>
                    <a:pt x="8906256" y="557784"/>
                  </a:lnTo>
                  <a:close/>
                </a:path>
                <a:path w="8920480" h="562610">
                  <a:moveTo>
                    <a:pt x="8913876" y="557784"/>
                  </a:moveTo>
                  <a:lnTo>
                    <a:pt x="8909304" y="557784"/>
                  </a:lnTo>
                  <a:lnTo>
                    <a:pt x="8909304" y="562356"/>
                  </a:lnTo>
                  <a:lnTo>
                    <a:pt x="8913876" y="562356"/>
                  </a:lnTo>
                  <a:lnTo>
                    <a:pt x="8913876" y="557784"/>
                  </a:lnTo>
                  <a:close/>
                </a:path>
                <a:path w="8920480" h="562610">
                  <a:moveTo>
                    <a:pt x="8919972" y="557784"/>
                  </a:moveTo>
                  <a:lnTo>
                    <a:pt x="8916924" y="557784"/>
                  </a:lnTo>
                  <a:lnTo>
                    <a:pt x="8916924" y="562356"/>
                  </a:lnTo>
                  <a:lnTo>
                    <a:pt x="8919972" y="562356"/>
                  </a:lnTo>
                  <a:lnTo>
                    <a:pt x="8919972" y="557784"/>
                  </a:lnTo>
                  <a:close/>
                </a:path>
              </a:pathLst>
            </a:custGeom>
            <a:solidFill>
              <a:srgbClr val="D8D8D8"/>
            </a:solidFill>
          </p:spPr>
          <p:txBody>
            <a:bodyPr wrap="square" lIns="0" tIns="0" rIns="0" bIns="0" rtlCol="0"/>
            <a:lstStyle/>
            <a:p>
              <a:endParaRPr sz="1539"/>
            </a:p>
          </p:txBody>
        </p:sp>
        <p:sp>
          <p:nvSpPr>
            <p:cNvPr id="58" name="object 58"/>
            <p:cNvSpPr/>
            <p:nvPr/>
          </p:nvSpPr>
          <p:spPr>
            <a:xfrm>
              <a:off x="1571244" y="4520183"/>
              <a:ext cx="820419" cy="5080"/>
            </a:xfrm>
            <a:custGeom>
              <a:avLst/>
              <a:gdLst/>
              <a:ahLst/>
              <a:cxnLst/>
              <a:rect l="l" t="t" r="r" b="b"/>
              <a:pathLst>
                <a:path w="820419" h="5079">
                  <a:moveTo>
                    <a:pt x="4572" y="0"/>
                  </a:moveTo>
                  <a:lnTo>
                    <a:pt x="0" y="0"/>
                  </a:lnTo>
                  <a:lnTo>
                    <a:pt x="0" y="4572"/>
                  </a:lnTo>
                  <a:lnTo>
                    <a:pt x="4572" y="4572"/>
                  </a:lnTo>
                  <a:lnTo>
                    <a:pt x="4572" y="0"/>
                  </a:lnTo>
                  <a:close/>
                </a:path>
                <a:path w="820419" h="5079">
                  <a:moveTo>
                    <a:pt x="10668" y="0"/>
                  </a:moveTo>
                  <a:lnTo>
                    <a:pt x="7620" y="0"/>
                  </a:lnTo>
                  <a:lnTo>
                    <a:pt x="7620" y="4572"/>
                  </a:lnTo>
                  <a:lnTo>
                    <a:pt x="10668" y="4572"/>
                  </a:lnTo>
                  <a:lnTo>
                    <a:pt x="10668" y="0"/>
                  </a:lnTo>
                  <a:close/>
                </a:path>
                <a:path w="820419" h="5079">
                  <a:moveTo>
                    <a:pt x="18288" y="0"/>
                  </a:moveTo>
                  <a:lnTo>
                    <a:pt x="13716" y="0"/>
                  </a:lnTo>
                  <a:lnTo>
                    <a:pt x="13716" y="4572"/>
                  </a:lnTo>
                  <a:lnTo>
                    <a:pt x="18288" y="4572"/>
                  </a:lnTo>
                  <a:lnTo>
                    <a:pt x="18288" y="0"/>
                  </a:lnTo>
                  <a:close/>
                </a:path>
                <a:path w="820419" h="5079">
                  <a:moveTo>
                    <a:pt x="24384" y="0"/>
                  </a:moveTo>
                  <a:lnTo>
                    <a:pt x="21336" y="0"/>
                  </a:lnTo>
                  <a:lnTo>
                    <a:pt x="21336" y="4572"/>
                  </a:lnTo>
                  <a:lnTo>
                    <a:pt x="24384" y="4572"/>
                  </a:lnTo>
                  <a:lnTo>
                    <a:pt x="24384" y="0"/>
                  </a:lnTo>
                  <a:close/>
                </a:path>
                <a:path w="820419" h="5079">
                  <a:moveTo>
                    <a:pt x="32004" y="0"/>
                  </a:moveTo>
                  <a:lnTo>
                    <a:pt x="27432" y="0"/>
                  </a:lnTo>
                  <a:lnTo>
                    <a:pt x="27432" y="4572"/>
                  </a:lnTo>
                  <a:lnTo>
                    <a:pt x="32004" y="4572"/>
                  </a:lnTo>
                  <a:lnTo>
                    <a:pt x="32004" y="0"/>
                  </a:lnTo>
                  <a:close/>
                </a:path>
                <a:path w="820419" h="5079">
                  <a:moveTo>
                    <a:pt x="38100" y="0"/>
                  </a:moveTo>
                  <a:lnTo>
                    <a:pt x="35052" y="0"/>
                  </a:lnTo>
                  <a:lnTo>
                    <a:pt x="35052" y="4572"/>
                  </a:lnTo>
                  <a:lnTo>
                    <a:pt x="38100" y="4572"/>
                  </a:lnTo>
                  <a:lnTo>
                    <a:pt x="38100" y="0"/>
                  </a:lnTo>
                  <a:close/>
                </a:path>
                <a:path w="820419" h="5079">
                  <a:moveTo>
                    <a:pt x="45720" y="0"/>
                  </a:moveTo>
                  <a:lnTo>
                    <a:pt x="41148" y="0"/>
                  </a:lnTo>
                  <a:lnTo>
                    <a:pt x="41148" y="4572"/>
                  </a:lnTo>
                  <a:lnTo>
                    <a:pt x="45720" y="4572"/>
                  </a:lnTo>
                  <a:lnTo>
                    <a:pt x="45720" y="0"/>
                  </a:lnTo>
                  <a:close/>
                </a:path>
                <a:path w="820419" h="5079">
                  <a:moveTo>
                    <a:pt x="51816" y="0"/>
                  </a:moveTo>
                  <a:lnTo>
                    <a:pt x="48768" y="0"/>
                  </a:lnTo>
                  <a:lnTo>
                    <a:pt x="48768" y="4572"/>
                  </a:lnTo>
                  <a:lnTo>
                    <a:pt x="51816" y="4572"/>
                  </a:lnTo>
                  <a:lnTo>
                    <a:pt x="51816" y="0"/>
                  </a:lnTo>
                  <a:close/>
                </a:path>
                <a:path w="820419" h="5079">
                  <a:moveTo>
                    <a:pt x="59436" y="0"/>
                  </a:moveTo>
                  <a:lnTo>
                    <a:pt x="54851" y="0"/>
                  </a:lnTo>
                  <a:lnTo>
                    <a:pt x="54851" y="4572"/>
                  </a:lnTo>
                  <a:lnTo>
                    <a:pt x="59436" y="4572"/>
                  </a:lnTo>
                  <a:lnTo>
                    <a:pt x="59436" y="0"/>
                  </a:lnTo>
                  <a:close/>
                </a:path>
                <a:path w="820419" h="5079">
                  <a:moveTo>
                    <a:pt x="65532" y="0"/>
                  </a:moveTo>
                  <a:lnTo>
                    <a:pt x="62471" y="0"/>
                  </a:lnTo>
                  <a:lnTo>
                    <a:pt x="62471" y="4572"/>
                  </a:lnTo>
                  <a:lnTo>
                    <a:pt x="65532" y="4572"/>
                  </a:lnTo>
                  <a:lnTo>
                    <a:pt x="65532" y="0"/>
                  </a:lnTo>
                  <a:close/>
                </a:path>
                <a:path w="820419" h="5079">
                  <a:moveTo>
                    <a:pt x="243840" y="0"/>
                  </a:moveTo>
                  <a:lnTo>
                    <a:pt x="240792" y="0"/>
                  </a:lnTo>
                  <a:lnTo>
                    <a:pt x="240792" y="4572"/>
                  </a:lnTo>
                  <a:lnTo>
                    <a:pt x="243840" y="4572"/>
                  </a:lnTo>
                  <a:lnTo>
                    <a:pt x="243840" y="0"/>
                  </a:lnTo>
                  <a:close/>
                </a:path>
                <a:path w="820419" h="5079">
                  <a:moveTo>
                    <a:pt x="249936" y="0"/>
                  </a:moveTo>
                  <a:lnTo>
                    <a:pt x="246888" y="0"/>
                  </a:lnTo>
                  <a:lnTo>
                    <a:pt x="246888" y="4572"/>
                  </a:lnTo>
                  <a:lnTo>
                    <a:pt x="249936" y="4572"/>
                  </a:lnTo>
                  <a:lnTo>
                    <a:pt x="249936" y="0"/>
                  </a:lnTo>
                  <a:close/>
                </a:path>
                <a:path w="820419" h="5079">
                  <a:moveTo>
                    <a:pt x="257556" y="0"/>
                  </a:moveTo>
                  <a:lnTo>
                    <a:pt x="254508" y="0"/>
                  </a:lnTo>
                  <a:lnTo>
                    <a:pt x="254508" y="4572"/>
                  </a:lnTo>
                  <a:lnTo>
                    <a:pt x="257556" y="4572"/>
                  </a:lnTo>
                  <a:lnTo>
                    <a:pt x="257556" y="0"/>
                  </a:lnTo>
                  <a:close/>
                </a:path>
                <a:path w="820419" h="5079">
                  <a:moveTo>
                    <a:pt x="263652" y="0"/>
                  </a:moveTo>
                  <a:lnTo>
                    <a:pt x="260604" y="0"/>
                  </a:lnTo>
                  <a:lnTo>
                    <a:pt x="260604" y="4572"/>
                  </a:lnTo>
                  <a:lnTo>
                    <a:pt x="263652" y="4572"/>
                  </a:lnTo>
                  <a:lnTo>
                    <a:pt x="263652" y="0"/>
                  </a:lnTo>
                  <a:close/>
                </a:path>
                <a:path w="820419" h="5079">
                  <a:moveTo>
                    <a:pt x="271272" y="0"/>
                  </a:moveTo>
                  <a:lnTo>
                    <a:pt x="268224" y="0"/>
                  </a:lnTo>
                  <a:lnTo>
                    <a:pt x="268224" y="4572"/>
                  </a:lnTo>
                  <a:lnTo>
                    <a:pt x="271272" y="4572"/>
                  </a:lnTo>
                  <a:lnTo>
                    <a:pt x="271272" y="0"/>
                  </a:lnTo>
                  <a:close/>
                </a:path>
                <a:path w="820419" h="5079">
                  <a:moveTo>
                    <a:pt x="277368" y="0"/>
                  </a:moveTo>
                  <a:lnTo>
                    <a:pt x="274320" y="0"/>
                  </a:lnTo>
                  <a:lnTo>
                    <a:pt x="274320" y="4572"/>
                  </a:lnTo>
                  <a:lnTo>
                    <a:pt x="277368" y="4572"/>
                  </a:lnTo>
                  <a:lnTo>
                    <a:pt x="277368" y="0"/>
                  </a:lnTo>
                  <a:close/>
                </a:path>
                <a:path w="820419" h="5079">
                  <a:moveTo>
                    <a:pt x="284988" y="0"/>
                  </a:moveTo>
                  <a:lnTo>
                    <a:pt x="281940" y="0"/>
                  </a:lnTo>
                  <a:lnTo>
                    <a:pt x="281940" y="4572"/>
                  </a:lnTo>
                  <a:lnTo>
                    <a:pt x="284988" y="4572"/>
                  </a:lnTo>
                  <a:lnTo>
                    <a:pt x="284988" y="0"/>
                  </a:lnTo>
                  <a:close/>
                </a:path>
                <a:path w="820419" h="5079">
                  <a:moveTo>
                    <a:pt x="291084" y="0"/>
                  </a:moveTo>
                  <a:lnTo>
                    <a:pt x="288036" y="0"/>
                  </a:lnTo>
                  <a:lnTo>
                    <a:pt x="288036" y="4572"/>
                  </a:lnTo>
                  <a:lnTo>
                    <a:pt x="291084" y="4572"/>
                  </a:lnTo>
                  <a:lnTo>
                    <a:pt x="291084" y="0"/>
                  </a:lnTo>
                  <a:close/>
                </a:path>
                <a:path w="820419" h="5079">
                  <a:moveTo>
                    <a:pt x="298704" y="0"/>
                  </a:moveTo>
                  <a:lnTo>
                    <a:pt x="295656" y="0"/>
                  </a:lnTo>
                  <a:lnTo>
                    <a:pt x="295656" y="4572"/>
                  </a:lnTo>
                  <a:lnTo>
                    <a:pt x="298704" y="4572"/>
                  </a:lnTo>
                  <a:lnTo>
                    <a:pt x="298704" y="0"/>
                  </a:lnTo>
                  <a:close/>
                </a:path>
                <a:path w="820419" h="5079">
                  <a:moveTo>
                    <a:pt x="304800" y="0"/>
                  </a:moveTo>
                  <a:lnTo>
                    <a:pt x="301752" y="0"/>
                  </a:lnTo>
                  <a:lnTo>
                    <a:pt x="301752" y="4572"/>
                  </a:lnTo>
                  <a:lnTo>
                    <a:pt x="304800" y="4572"/>
                  </a:lnTo>
                  <a:lnTo>
                    <a:pt x="304800" y="0"/>
                  </a:lnTo>
                  <a:close/>
                </a:path>
                <a:path w="820419" h="5079">
                  <a:moveTo>
                    <a:pt x="312420" y="0"/>
                  </a:moveTo>
                  <a:lnTo>
                    <a:pt x="309372" y="0"/>
                  </a:lnTo>
                  <a:lnTo>
                    <a:pt x="309372" y="4572"/>
                  </a:lnTo>
                  <a:lnTo>
                    <a:pt x="312420" y="4572"/>
                  </a:lnTo>
                  <a:lnTo>
                    <a:pt x="312420" y="0"/>
                  </a:lnTo>
                  <a:close/>
                </a:path>
                <a:path w="820419" h="5079">
                  <a:moveTo>
                    <a:pt x="318516" y="0"/>
                  </a:moveTo>
                  <a:lnTo>
                    <a:pt x="315468" y="0"/>
                  </a:lnTo>
                  <a:lnTo>
                    <a:pt x="315468" y="4572"/>
                  </a:lnTo>
                  <a:lnTo>
                    <a:pt x="318516" y="4572"/>
                  </a:lnTo>
                  <a:lnTo>
                    <a:pt x="318516" y="0"/>
                  </a:lnTo>
                  <a:close/>
                </a:path>
                <a:path w="820419" h="5079">
                  <a:moveTo>
                    <a:pt x="326136" y="0"/>
                  </a:moveTo>
                  <a:lnTo>
                    <a:pt x="323088" y="0"/>
                  </a:lnTo>
                  <a:lnTo>
                    <a:pt x="323088" y="4572"/>
                  </a:lnTo>
                  <a:lnTo>
                    <a:pt x="326136" y="4572"/>
                  </a:lnTo>
                  <a:lnTo>
                    <a:pt x="326136" y="0"/>
                  </a:lnTo>
                  <a:close/>
                </a:path>
                <a:path w="820419" h="5079">
                  <a:moveTo>
                    <a:pt x="332232" y="0"/>
                  </a:moveTo>
                  <a:lnTo>
                    <a:pt x="329184" y="0"/>
                  </a:lnTo>
                  <a:lnTo>
                    <a:pt x="329184" y="4572"/>
                  </a:lnTo>
                  <a:lnTo>
                    <a:pt x="332232" y="4572"/>
                  </a:lnTo>
                  <a:lnTo>
                    <a:pt x="332232" y="0"/>
                  </a:lnTo>
                  <a:close/>
                </a:path>
                <a:path w="820419" h="5079">
                  <a:moveTo>
                    <a:pt x="339852" y="0"/>
                  </a:moveTo>
                  <a:lnTo>
                    <a:pt x="336804" y="0"/>
                  </a:lnTo>
                  <a:lnTo>
                    <a:pt x="336804" y="4572"/>
                  </a:lnTo>
                  <a:lnTo>
                    <a:pt x="339852" y="4572"/>
                  </a:lnTo>
                  <a:lnTo>
                    <a:pt x="339852" y="0"/>
                  </a:lnTo>
                  <a:close/>
                </a:path>
                <a:path w="820419" h="5079">
                  <a:moveTo>
                    <a:pt x="345948" y="0"/>
                  </a:moveTo>
                  <a:lnTo>
                    <a:pt x="342900" y="0"/>
                  </a:lnTo>
                  <a:lnTo>
                    <a:pt x="342900" y="4572"/>
                  </a:lnTo>
                  <a:lnTo>
                    <a:pt x="345948" y="4572"/>
                  </a:lnTo>
                  <a:lnTo>
                    <a:pt x="345948" y="0"/>
                  </a:lnTo>
                  <a:close/>
                </a:path>
                <a:path w="820419" h="5079">
                  <a:moveTo>
                    <a:pt x="353568" y="0"/>
                  </a:moveTo>
                  <a:lnTo>
                    <a:pt x="350520" y="0"/>
                  </a:lnTo>
                  <a:lnTo>
                    <a:pt x="350520" y="4572"/>
                  </a:lnTo>
                  <a:lnTo>
                    <a:pt x="353568" y="4572"/>
                  </a:lnTo>
                  <a:lnTo>
                    <a:pt x="353568" y="0"/>
                  </a:lnTo>
                  <a:close/>
                </a:path>
                <a:path w="820419" h="5079">
                  <a:moveTo>
                    <a:pt x="359664" y="0"/>
                  </a:moveTo>
                  <a:lnTo>
                    <a:pt x="356616" y="0"/>
                  </a:lnTo>
                  <a:lnTo>
                    <a:pt x="356616" y="4572"/>
                  </a:lnTo>
                  <a:lnTo>
                    <a:pt x="359664" y="4572"/>
                  </a:lnTo>
                  <a:lnTo>
                    <a:pt x="359664" y="0"/>
                  </a:lnTo>
                  <a:close/>
                </a:path>
                <a:path w="820419" h="5079">
                  <a:moveTo>
                    <a:pt x="367284" y="0"/>
                  </a:moveTo>
                  <a:lnTo>
                    <a:pt x="364236" y="0"/>
                  </a:lnTo>
                  <a:lnTo>
                    <a:pt x="364236" y="4572"/>
                  </a:lnTo>
                  <a:lnTo>
                    <a:pt x="367284" y="4572"/>
                  </a:lnTo>
                  <a:lnTo>
                    <a:pt x="367284" y="0"/>
                  </a:lnTo>
                  <a:close/>
                </a:path>
                <a:path w="820419" h="5079">
                  <a:moveTo>
                    <a:pt x="373380" y="0"/>
                  </a:moveTo>
                  <a:lnTo>
                    <a:pt x="370332" y="0"/>
                  </a:lnTo>
                  <a:lnTo>
                    <a:pt x="370332" y="4572"/>
                  </a:lnTo>
                  <a:lnTo>
                    <a:pt x="373380" y="4572"/>
                  </a:lnTo>
                  <a:lnTo>
                    <a:pt x="373380" y="0"/>
                  </a:lnTo>
                  <a:close/>
                </a:path>
                <a:path w="820419" h="5079">
                  <a:moveTo>
                    <a:pt x="381000" y="0"/>
                  </a:moveTo>
                  <a:lnTo>
                    <a:pt x="377952" y="0"/>
                  </a:lnTo>
                  <a:lnTo>
                    <a:pt x="377952" y="4572"/>
                  </a:lnTo>
                  <a:lnTo>
                    <a:pt x="381000" y="4572"/>
                  </a:lnTo>
                  <a:lnTo>
                    <a:pt x="381000" y="0"/>
                  </a:lnTo>
                  <a:close/>
                </a:path>
                <a:path w="820419" h="5079">
                  <a:moveTo>
                    <a:pt x="387096" y="0"/>
                  </a:moveTo>
                  <a:lnTo>
                    <a:pt x="384048" y="0"/>
                  </a:lnTo>
                  <a:lnTo>
                    <a:pt x="384048" y="4572"/>
                  </a:lnTo>
                  <a:lnTo>
                    <a:pt x="387096" y="4572"/>
                  </a:lnTo>
                  <a:lnTo>
                    <a:pt x="387096" y="0"/>
                  </a:lnTo>
                  <a:close/>
                </a:path>
                <a:path w="820419" h="5079">
                  <a:moveTo>
                    <a:pt x="394716" y="0"/>
                  </a:moveTo>
                  <a:lnTo>
                    <a:pt x="391668" y="0"/>
                  </a:lnTo>
                  <a:lnTo>
                    <a:pt x="391668" y="4572"/>
                  </a:lnTo>
                  <a:lnTo>
                    <a:pt x="394716" y="4572"/>
                  </a:lnTo>
                  <a:lnTo>
                    <a:pt x="394716" y="0"/>
                  </a:lnTo>
                  <a:close/>
                </a:path>
                <a:path w="820419" h="5079">
                  <a:moveTo>
                    <a:pt x="400812" y="0"/>
                  </a:moveTo>
                  <a:lnTo>
                    <a:pt x="397764" y="0"/>
                  </a:lnTo>
                  <a:lnTo>
                    <a:pt x="397764" y="4572"/>
                  </a:lnTo>
                  <a:lnTo>
                    <a:pt x="400812" y="4572"/>
                  </a:lnTo>
                  <a:lnTo>
                    <a:pt x="400812" y="0"/>
                  </a:lnTo>
                  <a:close/>
                </a:path>
                <a:path w="820419" h="5079">
                  <a:moveTo>
                    <a:pt x="408432" y="0"/>
                  </a:moveTo>
                  <a:lnTo>
                    <a:pt x="405384" y="0"/>
                  </a:lnTo>
                  <a:lnTo>
                    <a:pt x="405384" y="4572"/>
                  </a:lnTo>
                  <a:lnTo>
                    <a:pt x="408432" y="4572"/>
                  </a:lnTo>
                  <a:lnTo>
                    <a:pt x="408432" y="0"/>
                  </a:lnTo>
                  <a:close/>
                </a:path>
                <a:path w="820419" h="5079">
                  <a:moveTo>
                    <a:pt x="414528" y="0"/>
                  </a:moveTo>
                  <a:lnTo>
                    <a:pt x="411480" y="0"/>
                  </a:lnTo>
                  <a:lnTo>
                    <a:pt x="411480" y="4572"/>
                  </a:lnTo>
                  <a:lnTo>
                    <a:pt x="414528" y="4572"/>
                  </a:lnTo>
                  <a:lnTo>
                    <a:pt x="414528" y="0"/>
                  </a:lnTo>
                  <a:close/>
                </a:path>
                <a:path w="820419" h="5079">
                  <a:moveTo>
                    <a:pt x="422148" y="0"/>
                  </a:moveTo>
                  <a:lnTo>
                    <a:pt x="419100" y="0"/>
                  </a:lnTo>
                  <a:lnTo>
                    <a:pt x="419100" y="4572"/>
                  </a:lnTo>
                  <a:lnTo>
                    <a:pt x="422148" y="4572"/>
                  </a:lnTo>
                  <a:lnTo>
                    <a:pt x="422148" y="0"/>
                  </a:lnTo>
                  <a:close/>
                </a:path>
                <a:path w="820419" h="5079">
                  <a:moveTo>
                    <a:pt x="428244" y="0"/>
                  </a:moveTo>
                  <a:lnTo>
                    <a:pt x="425196" y="0"/>
                  </a:lnTo>
                  <a:lnTo>
                    <a:pt x="425196" y="4572"/>
                  </a:lnTo>
                  <a:lnTo>
                    <a:pt x="428244" y="4572"/>
                  </a:lnTo>
                  <a:lnTo>
                    <a:pt x="428244" y="0"/>
                  </a:lnTo>
                  <a:close/>
                </a:path>
                <a:path w="820419" h="5079">
                  <a:moveTo>
                    <a:pt x="435864" y="0"/>
                  </a:moveTo>
                  <a:lnTo>
                    <a:pt x="432816" y="0"/>
                  </a:lnTo>
                  <a:lnTo>
                    <a:pt x="432816" y="4572"/>
                  </a:lnTo>
                  <a:lnTo>
                    <a:pt x="435864" y="4572"/>
                  </a:lnTo>
                  <a:lnTo>
                    <a:pt x="435864" y="0"/>
                  </a:lnTo>
                  <a:close/>
                </a:path>
                <a:path w="820419" h="5079">
                  <a:moveTo>
                    <a:pt x="441960" y="0"/>
                  </a:moveTo>
                  <a:lnTo>
                    <a:pt x="438912" y="0"/>
                  </a:lnTo>
                  <a:lnTo>
                    <a:pt x="438912" y="4572"/>
                  </a:lnTo>
                  <a:lnTo>
                    <a:pt x="441960" y="4572"/>
                  </a:lnTo>
                  <a:lnTo>
                    <a:pt x="441960" y="0"/>
                  </a:lnTo>
                  <a:close/>
                </a:path>
                <a:path w="820419" h="5079">
                  <a:moveTo>
                    <a:pt x="449580" y="0"/>
                  </a:moveTo>
                  <a:lnTo>
                    <a:pt x="446532" y="0"/>
                  </a:lnTo>
                  <a:lnTo>
                    <a:pt x="446532" y="4572"/>
                  </a:lnTo>
                  <a:lnTo>
                    <a:pt x="449580" y="4572"/>
                  </a:lnTo>
                  <a:lnTo>
                    <a:pt x="449580" y="0"/>
                  </a:lnTo>
                  <a:close/>
                </a:path>
                <a:path w="820419" h="5079">
                  <a:moveTo>
                    <a:pt x="455676" y="0"/>
                  </a:moveTo>
                  <a:lnTo>
                    <a:pt x="452628" y="0"/>
                  </a:lnTo>
                  <a:lnTo>
                    <a:pt x="452628" y="4572"/>
                  </a:lnTo>
                  <a:lnTo>
                    <a:pt x="455676" y="4572"/>
                  </a:lnTo>
                  <a:lnTo>
                    <a:pt x="455676" y="0"/>
                  </a:lnTo>
                  <a:close/>
                </a:path>
                <a:path w="820419" h="5079">
                  <a:moveTo>
                    <a:pt x="463296" y="0"/>
                  </a:moveTo>
                  <a:lnTo>
                    <a:pt x="460248" y="0"/>
                  </a:lnTo>
                  <a:lnTo>
                    <a:pt x="460248" y="4572"/>
                  </a:lnTo>
                  <a:lnTo>
                    <a:pt x="463296" y="4572"/>
                  </a:lnTo>
                  <a:lnTo>
                    <a:pt x="463296" y="0"/>
                  </a:lnTo>
                  <a:close/>
                </a:path>
                <a:path w="820419" h="5079">
                  <a:moveTo>
                    <a:pt x="469392" y="0"/>
                  </a:moveTo>
                  <a:lnTo>
                    <a:pt x="466344" y="0"/>
                  </a:lnTo>
                  <a:lnTo>
                    <a:pt x="466344" y="4572"/>
                  </a:lnTo>
                  <a:lnTo>
                    <a:pt x="469392" y="4572"/>
                  </a:lnTo>
                  <a:lnTo>
                    <a:pt x="469392" y="0"/>
                  </a:lnTo>
                  <a:close/>
                </a:path>
                <a:path w="820419" h="5079">
                  <a:moveTo>
                    <a:pt x="477012" y="0"/>
                  </a:moveTo>
                  <a:lnTo>
                    <a:pt x="473964" y="0"/>
                  </a:lnTo>
                  <a:lnTo>
                    <a:pt x="473964" y="4572"/>
                  </a:lnTo>
                  <a:lnTo>
                    <a:pt x="477012" y="4572"/>
                  </a:lnTo>
                  <a:lnTo>
                    <a:pt x="477012" y="0"/>
                  </a:lnTo>
                  <a:close/>
                </a:path>
                <a:path w="820419" h="5079">
                  <a:moveTo>
                    <a:pt x="483108" y="0"/>
                  </a:moveTo>
                  <a:lnTo>
                    <a:pt x="480060" y="0"/>
                  </a:lnTo>
                  <a:lnTo>
                    <a:pt x="480060" y="4572"/>
                  </a:lnTo>
                  <a:lnTo>
                    <a:pt x="483108" y="4572"/>
                  </a:lnTo>
                  <a:lnTo>
                    <a:pt x="483108" y="0"/>
                  </a:lnTo>
                  <a:close/>
                </a:path>
                <a:path w="820419" h="5079">
                  <a:moveTo>
                    <a:pt x="490728" y="0"/>
                  </a:moveTo>
                  <a:lnTo>
                    <a:pt x="487680" y="0"/>
                  </a:lnTo>
                  <a:lnTo>
                    <a:pt x="487680" y="4572"/>
                  </a:lnTo>
                  <a:lnTo>
                    <a:pt x="490728" y="4572"/>
                  </a:lnTo>
                  <a:lnTo>
                    <a:pt x="490728" y="0"/>
                  </a:lnTo>
                  <a:close/>
                </a:path>
                <a:path w="820419" h="5079">
                  <a:moveTo>
                    <a:pt x="661416" y="0"/>
                  </a:moveTo>
                  <a:lnTo>
                    <a:pt x="659892" y="0"/>
                  </a:lnTo>
                  <a:lnTo>
                    <a:pt x="659892" y="4572"/>
                  </a:lnTo>
                  <a:lnTo>
                    <a:pt x="661416" y="4572"/>
                  </a:lnTo>
                  <a:lnTo>
                    <a:pt x="661416" y="0"/>
                  </a:lnTo>
                  <a:close/>
                </a:path>
                <a:path w="820419" h="5079">
                  <a:moveTo>
                    <a:pt x="669036" y="0"/>
                  </a:moveTo>
                  <a:lnTo>
                    <a:pt x="665988" y="0"/>
                  </a:lnTo>
                  <a:lnTo>
                    <a:pt x="665988" y="4572"/>
                  </a:lnTo>
                  <a:lnTo>
                    <a:pt x="669036" y="4572"/>
                  </a:lnTo>
                  <a:lnTo>
                    <a:pt x="669036" y="0"/>
                  </a:lnTo>
                  <a:close/>
                </a:path>
                <a:path w="820419" h="5079">
                  <a:moveTo>
                    <a:pt x="675132" y="0"/>
                  </a:moveTo>
                  <a:lnTo>
                    <a:pt x="672084" y="0"/>
                  </a:lnTo>
                  <a:lnTo>
                    <a:pt x="672084" y="4572"/>
                  </a:lnTo>
                  <a:lnTo>
                    <a:pt x="675132" y="4572"/>
                  </a:lnTo>
                  <a:lnTo>
                    <a:pt x="675132" y="0"/>
                  </a:lnTo>
                  <a:close/>
                </a:path>
                <a:path w="820419" h="5079">
                  <a:moveTo>
                    <a:pt x="682752" y="0"/>
                  </a:moveTo>
                  <a:lnTo>
                    <a:pt x="679704" y="0"/>
                  </a:lnTo>
                  <a:lnTo>
                    <a:pt x="679704" y="4572"/>
                  </a:lnTo>
                  <a:lnTo>
                    <a:pt x="682752" y="4572"/>
                  </a:lnTo>
                  <a:lnTo>
                    <a:pt x="682752" y="0"/>
                  </a:lnTo>
                  <a:close/>
                </a:path>
                <a:path w="820419" h="5079">
                  <a:moveTo>
                    <a:pt x="688848" y="0"/>
                  </a:moveTo>
                  <a:lnTo>
                    <a:pt x="685800" y="0"/>
                  </a:lnTo>
                  <a:lnTo>
                    <a:pt x="685800" y="4572"/>
                  </a:lnTo>
                  <a:lnTo>
                    <a:pt x="688848" y="4572"/>
                  </a:lnTo>
                  <a:lnTo>
                    <a:pt x="688848" y="0"/>
                  </a:lnTo>
                  <a:close/>
                </a:path>
                <a:path w="820419" h="5079">
                  <a:moveTo>
                    <a:pt x="696468" y="0"/>
                  </a:moveTo>
                  <a:lnTo>
                    <a:pt x="693420" y="0"/>
                  </a:lnTo>
                  <a:lnTo>
                    <a:pt x="693420" y="4572"/>
                  </a:lnTo>
                  <a:lnTo>
                    <a:pt x="696468" y="4572"/>
                  </a:lnTo>
                  <a:lnTo>
                    <a:pt x="696468" y="0"/>
                  </a:lnTo>
                  <a:close/>
                </a:path>
                <a:path w="820419" h="5079">
                  <a:moveTo>
                    <a:pt x="702564" y="0"/>
                  </a:moveTo>
                  <a:lnTo>
                    <a:pt x="699516" y="0"/>
                  </a:lnTo>
                  <a:lnTo>
                    <a:pt x="699516" y="4572"/>
                  </a:lnTo>
                  <a:lnTo>
                    <a:pt x="702564" y="4572"/>
                  </a:lnTo>
                  <a:lnTo>
                    <a:pt x="702564" y="0"/>
                  </a:lnTo>
                  <a:close/>
                </a:path>
                <a:path w="820419" h="5079">
                  <a:moveTo>
                    <a:pt x="710184" y="0"/>
                  </a:moveTo>
                  <a:lnTo>
                    <a:pt x="707136" y="0"/>
                  </a:lnTo>
                  <a:lnTo>
                    <a:pt x="707136" y="4572"/>
                  </a:lnTo>
                  <a:lnTo>
                    <a:pt x="710184" y="4572"/>
                  </a:lnTo>
                  <a:lnTo>
                    <a:pt x="710184" y="0"/>
                  </a:lnTo>
                  <a:close/>
                </a:path>
                <a:path w="820419" h="5079">
                  <a:moveTo>
                    <a:pt x="716280" y="0"/>
                  </a:moveTo>
                  <a:lnTo>
                    <a:pt x="713232" y="0"/>
                  </a:lnTo>
                  <a:lnTo>
                    <a:pt x="713232" y="4572"/>
                  </a:lnTo>
                  <a:lnTo>
                    <a:pt x="716280" y="4572"/>
                  </a:lnTo>
                  <a:lnTo>
                    <a:pt x="716280" y="0"/>
                  </a:lnTo>
                  <a:close/>
                </a:path>
                <a:path w="820419" h="5079">
                  <a:moveTo>
                    <a:pt x="723900" y="0"/>
                  </a:moveTo>
                  <a:lnTo>
                    <a:pt x="720852" y="0"/>
                  </a:lnTo>
                  <a:lnTo>
                    <a:pt x="720852" y="4572"/>
                  </a:lnTo>
                  <a:lnTo>
                    <a:pt x="723900" y="4572"/>
                  </a:lnTo>
                  <a:lnTo>
                    <a:pt x="723900" y="0"/>
                  </a:lnTo>
                  <a:close/>
                </a:path>
                <a:path w="820419" h="5079">
                  <a:moveTo>
                    <a:pt x="729996" y="0"/>
                  </a:moveTo>
                  <a:lnTo>
                    <a:pt x="726948" y="0"/>
                  </a:lnTo>
                  <a:lnTo>
                    <a:pt x="726948" y="4572"/>
                  </a:lnTo>
                  <a:lnTo>
                    <a:pt x="729996" y="4572"/>
                  </a:lnTo>
                  <a:lnTo>
                    <a:pt x="729996" y="0"/>
                  </a:lnTo>
                  <a:close/>
                </a:path>
                <a:path w="820419" h="5079">
                  <a:moveTo>
                    <a:pt x="737616" y="0"/>
                  </a:moveTo>
                  <a:lnTo>
                    <a:pt x="734568" y="0"/>
                  </a:lnTo>
                  <a:lnTo>
                    <a:pt x="734568" y="4572"/>
                  </a:lnTo>
                  <a:lnTo>
                    <a:pt x="737616" y="4572"/>
                  </a:lnTo>
                  <a:lnTo>
                    <a:pt x="737616" y="0"/>
                  </a:lnTo>
                  <a:close/>
                </a:path>
                <a:path w="820419" h="5079">
                  <a:moveTo>
                    <a:pt x="743712" y="0"/>
                  </a:moveTo>
                  <a:lnTo>
                    <a:pt x="740664" y="0"/>
                  </a:lnTo>
                  <a:lnTo>
                    <a:pt x="740664" y="4572"/>
                  </a:lnTo>
                  <a:lnTo>
                    <a:pt x="743712" y="4572"/>
                  </a:lnTo>
                  <a:lnTo>
                    <a:pt x="743712" y="0"/>
                  </a:lnTo>
                  <a:close/>
                </a:path>
                <a:path w="820419" h="5079">
                  <a:moveTo>
                    <a:pt x="751332" y="0"/>
                  </a:moveTo>
                  <a:lnTo>
                    <a:pt x="746760" y="0"/>
                  </a:lnTo>
                  <a:lnTo>
                    <a:pt x="746760" y="4572"/>
                  </a:lnTo>
                  <a:lnTo>
                    <a:pt x="751332" y="4572"/>
                  </a:lnTo>
                  <a:lnTo>
                    <a:pt x="751332" y="0"/>
                  </a:lnTo>
                  <a:close/>
                </a:path>
                <a:path w="820419" h="5079">
                  <a:moveTo>
                    <a:pt x="757428" y="0"/>
                  </a:moveTo>
                  <a:lnTo>
                    <a:pt x="754380" y="0"/>
                  </a:lnTo>
                  <a:lnTo>
                    <a:pt x="754380" y="4572"/>
                  </a:lnTo>
                  <a:lnTo>
                    <a:pt x="757428" y="4572"/>
                  </a:lnTo>
                  <a:lnTo>
                    <a:pt x="757428" y="0"/>
                  </a:lnTo>
                  <a:close/>
                </a:path>
                <a:path w="820419" h="5079">
                  <a:moveTo>
                    <a:pt x="765048" y="0"/>
                  </a:moveTo>
                  <a:lnTo>
                    <a:pt x="760476" y="0"/>
                  </a:lnTo>
                  <a:lnTo>
                    <a:pt x="760476" y="4572"/>
                  </a:lnTo>
                  <a:lnTo>
                    <a:pt x="765048" y="4572"/>
                  </a:lnTo>
                  <a:lnTo>
                    <a:pt x="765048" y="0"/>
                  </a:lnTo>
                  <a:close/>
                </a:path>
                <a:path w="820419" h="5079">
                  <a:moveTo>
                    <a:pt x="771144" y="0"/>
                  </a:moveTo>
                  <a:lnTo>
                    <a:pt x="768096" y="0"/>
                  </a:lnTo>
                  <a:lnTo>
                    <a:pt x="768096" y="4572"/>
                  </a:lnTo>
                  <a:lnTo>
                    <a:pt x="771144" y="4572"/>
                  </a:lnTo>
                  <a:lnTo>
                    <a:pt x="771144" y="0"/>
                  </a:lnTo>
                  <a:close/>
                </a:path>
                <a:path w="820419" h="5079">
                  <a:moveTo>
                    <a:pt x="778764" y="0"/>
                  </a:moveTo>
                  <a:lnTo>
                    <a:pt x="774192" y="0"/>
                  </a:lnTo>
                  <a:lnTo>
                    <a:pt x="774192" y="4572"/>
                  </a:lnTo>
                  <a:lnTo>
                    <a:pt x="778764" y="4572"/>
                  </a:lnTo>
                  <a:lnTo>
                    <a:pt x="778764" y="0"/>
                  </a:lnTo>
                  <a:close/>
                </a:path>
                <a:path w="820419" h="5079">
                  <a:moveTo>
                    <a:pt x="784860" y="0"/>
                  </a:moveTo>
                  <a:lnTo>
                    <a:pt x="781812" y="0"/>
                  </a:lnTo>
                  <a:lnTo>
                    <a:pt x="781812" y="4572"/>
                  </a:lnTo>
                  <a:lnTo>
                    <a:pt x="784860" y="4572"/>
                  </a:lnTo>
                  <a:lnTo>
                    <a:pt x="784860" y="0"/>
                  </a:lnTo>
                  <a:close/>
                </a:path>
                <a:path w="820419" h="5079">
                  <a:moveTo>
                    <a:pt x="792480" y="0"/>
                  </a:moveTo>
                  <a:lnTo>
                    <a:pt x="787908" y="0"/>
                  </a:lnTo>
                  <a:lnTo>
                    <a:pt x="787908" y="4572"/>
                  </a:lnTo>
                  <a:lnTo>
                    <a:pt x="792480" y="4572"/>
                  </a:lnTo>
                  <a:lnTo>
                    <a:pt x="792480" y="0"/>
                  </a:lnTo>
                  <a:close/>
                </a:path>
                <a:path w="820419" h="5079">
                  <a:moveTo>
                    <a:pt x="798576" y="0"/>
                  </a:moveTo>
                  <a:lnTo>
                    <a:pt x="795528" y="0"/>
                  </a:lnTo>
                  <a:lnTo>
                    <a:pt x="795528" y="4572"/>
                  </a:lnTo>
                  <a:lnTo>
                    <a:pt x="798576" y="4572"/>
                  </a:lnTo>
                  <a:lnTo>
                    <a:pt x="798576" y="0"/>
                  </a:lnTo>
                  <a:close/>
                </a:path>
                <a:path w="820419" h="5079">
                  <a:moveTo>
                    <a:pt x="806196" y="0"/>
                  </a:moveTo>
                  <a:lnTo>
                    <a:pt x="801624" y="0"/>
                  </a:lnTo>
                  <a:lnTo>
                    <a:pt x="801624" y="4572"/>
                  </a:lnTo>
                  <a:lnTo>
                    <a:pt x="806196" y="4572"/>
                  </a:lnTo>
                  <a:lnTo>
                    <a:pt x="806196" y="0"/>
                  </a:lnTo>
                  <a:close/>
                </a:path>
                <a:path w="820419" h="5079">
                  <a:moveTo>
                    <a:pt x="812292" y="0"/>
                  </a:moveTo>
                  <a:lnTo>
                    <a:pt x="809244" y="0"/>
                  </a:lnTo>
                  <a:lnTo>
                    <a:pt x="809244" y="4572"/>
                  </a:lnTo>
                  <a:lnTo>
                    <a:pt x="812292" y="4572"/>
                  </a:lnTo>
                  <a:lnTo>
                    <a:pt x="812292" y="0"/>
                  </a:lnTo>
                  <a:close/>
                </a:path>
                <a:path w="820419" h="5079">
                  <a:moveTo>
                    <a:pt x="819912" y="0"/>
                  </a:moveTo>
                  <a:lnTo>
                    <a:pt x="815340" y="0"/>
                  </a:lnTo>
                  <a:lnTo>
                    <a:pt x="815340" y="4572"/>
                  </a:lnTo>
                  <a:lnTo>
                    <a:pt x="819912" y="4572"/>
                  </a:lnTo>
                  <a:lnTo>
                    <a:pt x="819912" y="0"/>
                  </a:lnTo>
                  <a:close/>
                </a:path>
              </a:pathLst>
            </a:custGeom>
            <a:solidFill>
              <a:srgbClr val="D8D8D8"/>
            </a:solidFill>
          </p:spPr>
          <p:txBody>
            <a:bodyPr wrap="square" lIns="0" tIns="0" rIns="0" bIns="0" rtlCol="0"/>
            <a:lstStyle/>
            <a:p>
              <a:endParaRPr sz="1539"/>
            </a:p>
          </p:txBody>
        </p:sp>
        <p:sp>
          <p:nvSpPr>
            <p:cNvPr id="59" name="object 59"/>
            <p:cNvSpPr/>
            <p:nvPr/>
          </p:nvSpPr>
          <p:spPr>
            <a:xfrm>
              <a:off x="2386584" y="4520183"/>
              <a:ext cx="812800" cy="5080"/>
            </a:xfrm>
            <a:custGeom>
              <a:avLst/>
              <a:gdLst/>
              <a:ahLst/>
              <a:cxnLst/>
              <a:rect l="l" t="t" r="r" b="b"/>
              <a:pathLst>
                <a:path w="812800" h="5079">
                  <a:moveTo>
                    <a:pt x="4572" y="0"/>
                  </a:moveTo>
                  <a:lnTo>
                    <a:pt x="0" y="0"/>
                  </a:lnTo>
                  <a:lnTo>
                    <a:pt x="0" y="4572"/>
                  </a:lnTo>
                  <a:lnTo>
                    <a:pt x="4572" y="4572"/>
                  </a:lnTo>
                  <a:lnTo>
                    <a:pt x="4572" y="0"/>
                  </a:lnTo>
                  <a:close/>
                </a:path>
                <a:path w="812800" h="5079">
                  <a:moveTo>
                    <a:pt x="10668" y="0"/>
                  </a:moveTo>
                  <a:lnTo>
                    <a:pt x="7620" y="0"/>
                  </a:lnTo>
                  <a:lnTo>
                    <a:pt x="7620" y="4572"/>
                  </a:lnTo>
                  <a:lnTo>
                    <a:pt x="10668" y="4572"/>
                  </a:lnTo>
                  <a:lnTo>
                    <a:pt x="10668" y="0"/>
                  </a:lnTo>
                  <a:close/>
                </a:path>
                <a:path w="812800" h="5079">
                  <a:moveTo>
                    <a:pt x="18288" y="0"/>
                  </a:moveTo>
                  <a:lnTo>
                    <a:pt x="13716" y="0"/>
                  </a:lnTo>
                  <a:lnTo>
                    <a:pt x="13716" y="4572"/>
                  </a:lnTo>
                  <a:lnTo>
                    <a:pt x="18288" y="4572"/>
                  </a:lnTo>
                  <a:lnTo>
                    <a:pt x="18288" y="0"/>
                  </a:lnTo>
                  <a:close/>
                </a:path>
                <a:path w="812800" h="5079">
                  <a:moveTo>
                    <a:pt x="24384" y="0"/>
                  </a:moveTo>
                  <a:lnTo>
                    <a:pt x="21336" y="0"/>
                  </a:lnTo>
                  <a:lnTo>
                    <a:pt x="21336" y="4572"/>
                  </a:lnTo>
                  <a:lnTo>
                    <a:pt x="24384" y="4572"/>
                  </a:lnTo>
                  <a:lnTo>
                    <a:pt x="24384" y="0"/>
                  </a:lnTo>
                  <a:close/>
                </a:path>
                <a:path w="812800" h="5079">
                  <a:moveTo>
                    <a:pt x="32004" y="0"/>
                  </a:moveTo>
                  <a:lnTo>
                    <a:pt x="27432" y="0"/>
                  </a:lnTo>
                  <a:lnTo>
                    <a:pt x="27432" y="4572"/>
                  </a:lnTo>
                  <a:lnTo>
                    <a:pt x="32004" y="4572"/>
                  </a:lnTo>
                  <a:lnTo>
                    <a:pt x="32004" y="0"/>
                  </a:lnTo>
                  <a:close/>
                </a:path>
                <a:path w="812800" h="5079">
                  <a:moveTo>
                    <a:pt x="38100" y="0"/>
                  </a:moveTo>
                  <a:lnTo>
                    <a:pt x="35052" y="0"/>
                  </a:lnTo>
                  <a:lnTo>
                    <a:pt x="35052" y="4572"/>
                  </a:lnTo>
                  <a:lnTo>
                    <a:pt x="38100" y="4572"/>
                  </a:lnTo>
                  <a:lnTo>
                    <a:pt x="38100" y="0"/>
                  </a:lnTo>
                  <a:close/>
                </a:path>
                <a:path w="812800" h="5079">
                  <a:moveTo>
                    <a:pt x="45720" y="0"/>
                  </a:moveTo>
                  <a:lnTo>
                    <a:pt x="41148" y="0"/>
                  </a:lnTo>
                  <a:lnTo>
                    <a:pt x="41148" y="4572"/>
                  </a:lnTo>
                  <a:lnTo>
                    <a:pt x="45720" y="4572"/>
                  </a:lnTo>
                  <a:lnTo>
                    <a:pt x="45720" y="0"/>
                  </a:lnTo>
                  <a:close/>
                </a:path>
                <a:path w="812800" h="5079">
                  <a:moveTo>
                    <a:pt x="51816" y="0"/>
                  </a:moveTo>
                  <a:lnTo>
                    <a:pt x="48768" y="0"/>
                  </a:lnTo>
                  <a:lnTo>
                    <a:pt x="48768" y="4572"/>
                  </a:lnTo>
                  <a:lnTo>
                    <a:pt x="51816" y="4572"/>
                  </a:lnTo>
                  <a:lnTo>
                    <a:pt x="51816" y="0"/>
                  </a:lnTo>
                  <a:close/>
                </a:path>
                <a:path w="812800" h="5079">
                  <a:moveTo>
                    <a:pt x="59436" y="0"/>
                  </a:moveTo>
                  <a:lnTo>
                    <a:pt x="54864" y="0"/>
                  </a:lnTo>
                  <a:lnTo>
                    <a:pt x="54864" y="4572"/>
                  </a:lnTo>
                  <a:lnTo>
                    <a:pt x="59436" y="4572"/>
                  </a:lnTo>
                  <a:lnTo>
                    <a:pt x="59436" y="0"/>
                  </a:lnTo>
                  <a:close/>
                </a:path>
                <a:path w="812800" h="5079">
                  <a:moveTo>
                    <a:pt x="65532" y="0"/>
                  </a:moveTo>
                  <a:lnTo>
                    <a:pt x="62484" y="0"/>
                  </a:lnTo>
                  <a:lnTo>
                    <a:pt x="62484" y="4572"/>
                  </a:lnTo>
                  <a:lnTo>
                    <a:pt x="65532" y="4572"/>
                  </a:lnTo>
                  <a:lnTo>
                    <a:pt x="65532" y="0"/>
                  </a:lnTo>
                  <a:close/>
                </a:path>
                <a:path w="812800" h="5079">
                  <a:moveTo>
                    <a:pt x="73152" y="0"/>
                  </a:moveTo>
                  <a:lnTo>
                    <a:pt x="68580" y="0"/>
                  </a:lnTo>
                  <a:lnTo>
                    <a:pt x="68580" y="4572"/>
                  </a:lnTo>
                  <a:lnTo>
                    <a:pt x="73152" y="4572"/>
                  </a:lnTo>
                  <a:lnTo>
                    <a:pt x="73152" y="0"/>
                  </a:lnTo>
                  <a:close/>
                </a:path>
                <a:path w="812800" h="5079">
                  <a:moveTo>
                    <a:pt x="79248" y="0"/>
                  </a:moveTo>
                  <a:lnTo>
                    <a:pt x="76200" y="0"/>
                  </a:lnTo>
                  <a:lnTo>
                    <a:pt x="76200" y="4572"/>
                  </a:lnTo>
                  <a:lnTo>
                    <a:pt x="79248" y="4572"/>
                  </a:lnTo>
                  <a:lnTo>
                    <a:pt x="79248" y="0"/>
                  </a:lnTo>
                  <a:close/>
                </a:path>
                <a:path w="812800" h="5079">
                  <a:moveTo>
                    <a:pt x="86868" y="0"/>
                  </a:moveTo>
                  <a:lnTo>
                    <a:pt x="82296" y="0"/>
                  </a:lnTo>
                  <a:lnTo>
                    <a:pt x="82296" y="4572"/>
                  </a:lnTo>
                  <a:lnTo>
                    <a:pt x="86868" y="4572"/>
                  </a:lnTo>
                  <a:lnTo>
                    <a:pt x="86868" y="0"/>
                  </a:lnTo>
                  <a:close/>
                </a:path>
                <a:path w="812800" h="5079">
                  <a:moveTo>
                    <a:pt x="92964" y="0"/>
                  </a:moveTo>
                  <a:lnTo>
                    <a:pt x="89916" y="0"/>
                  </a:lnTo>
                  <a:lnTo>
                    <a:pt x="89916" y="4572"/>
                  </a:lnTo>
                  <a:lnTo>
                    <a:pt x="92964" y="4572"/>
                  </a:lnTo>
                  <a:lnTo>
                    <a:pt x="92964" y="0"/>
                  </a:lnTo>
                  <a:close/>
                </a:path>
                <a:path w="812800" h="5079">
                  <a:moveTo>
                    <a:pt x="100584" y="0"/>
                  </a:moveTo>
                  <a:lnTo>
                    <a:pt x="96012" y="0"/>
                  </a:lnTo>
                  <a:lnTo>
                    <a:pt x="96012" y="4572"/>
                  </a:lnTo>
                  <a:lnTo>
                    <a:pt x="100584" y="4572"/>
                  </a:lnTo>
                  <a:lnTo>
                    <a:pt x="100584" y="0"/>
                  </a:lnTo>
                  <a:close/>
                </a:path>
                <a:path w="812800" h="5079">
                  <a:moveTo>
                    <a:pt x="271272" y="0"/>
                  </a:moveTo>
                  <a:lnTo>
                    <a:pt x="269748" y="0"/>
                  </a:lnTo>
                  <a:lnTo>
                    <a:pt x="269748" y="4572"/>
                  </a:lnTo>
                  <a:lnTo>
                    <a:pt x="271272" y="4572"/>
                  </a:lnTo>
                  <a:lnTo>
                    <a:pt x="271272" y="0"/>
                  </a:lnTo>
                  <a:close/>
                </a:path>
                <a:path w="812800" h="5079">
                  <a:moveTo>
                    <a:pt x="278892" y="0"/>
                  </a:moveTo>
                  <a:lnTo>
                    <a:pt x="274320" y="0"/>
                  </a:lnTo>
                  <a:lnTo>
                    <a:pt x="274320" y="4572"/>
                  </a:lnTo>
                  <a:lnTo>
                    <a:pt x="278892" y="4572"/>
                  </a:lnTo>
                  <a:lnTo>
                    <a:pt x="278892" y="0"/>
                  </a:lnTo>
                  <a:close/>
                </a:path>
                <a:path w="812800" h="5079">
                  <a:moveTo>
                    <a:pt x="284988" y="0"/>
                  </a:moveTo>
                  <a:lnTo>
                    <a:pt x="281940" y="0"/>
                  </a:lnTo>
                  <a:lnTo>
                    <a:pt x="281940" y="4572"/>
                  </a:lnTo>
                  <a:lnTo>
                    <a:pt x="284988" y="4572"/>
                  </a:lnTo>
                  <a:lnTo>
                    <a:pt x="284988" y="0"/>
                  </a:lnTo>
                  <a:close/>
                </a:path>
                <a:path w="812800" h="5079">
                  <a:moveTo>
                    <a:pt x="292608" y="0"/>
                  </a:moveTo>
                  <a:lnTo>
                    <a:pt x="288036" y="0"/>
                  </a:lnTo>
                  <a:lnTo>
                    <a:pt x="288036" y="4572"/>
                  </a:lnTo>
                  <a:lnTo>
                    <a:pt x="292608" y="4572"/>
                  </a:lnTo>
                  <a:lnTo>
                    <a:pt x="292608" y="0"/>
                  </a:lnTo>
                  <a:close/>
                </a:path>
                <a:path w="812800" h="5079">
                  <a:moveTo>
                    <a:pt x="298704" y="0"/>
                  </a:moveTo>
                  <a:lnTo>
                    <a:pt x="295656" y="0"/>
                  </a:lnTo>
                  <a:lnTo>
                    <a:pt x="295656" y="4572"/>
                  </a:lnTo>
                  <a:lnTo>
                    <a:pt x="298704" y="4572"/>
                  </a:lnTo>
                  <a:lnTo>
                    <a:pt x="298704" y="0"/>
                  </a:lnTo>
                  <a:close/>
                </a:path>
                <a:path w="812800" h="5079">
                  <a:moveTo>
                    <a:pt x="306324" y="0"/>
                  </a:moveTo>
                  <a:lnTo>
                    <a:pt x="301752" y="0"/>
                  </a:lnTo>
                  <a:lnTo>
                    <a:pt x="301752" y="4572"/>
                  </a:lnTo>
                  <a:lnTo>
                    <a:pt x="306324" y="4572"/>
                  </a:lnTo>
                  <a:lnTo>
                    <a:pt x="306324" y="0"/>
                  </a:lnTo>
                  <a:close/>
                </a:path>
                <a:path w="812800" h="5079">
                  <a:moveTo>
                    <a:pt x="312420" y="0"/>
                  </a:moveTo>
                  <a:lnTo>
                    <a:pt x="309372" y="0"/>
                  </a:lnTo>
                  <a:lnTo>
                    <a:pt x="309372" y="4572"/>
                  </a:lnTo>
                  <a:lnTo>
                    <a:pt x="312420" y="4572"/>
                  </a:lnTo>
                  <a:lnTo>
                    <a:pt x="312420" y="0"/>
                  </a:lnTo>
                  <a:close/>
                </a:path>
                <a:path w="812800" h="5079">
                  <a:moveTo>
                    <a:pt x="320040" y="0"/>
                  </a:moveTo>
                  <a:lnTo>
                    <a:pt x="315468" y="0"/>
                  </a:lnTo>
                  <a:lnTo>
                    <a:pt x="315468" y="4572"/>
                  </a:lnTo>
                  <a:lnTo>
                    <a:pt x="320040" y="4572"/>
                  </a:lnTo>
                  <a:lnTo>
                    <a:pt x="320040" y="0"/>
                  </a:lnTo>
                  <a:close/>
                </a:path>
                <a:path w="812800" h="5079">
                  <a:moveTo>
                    <a:pt x="326136" y="0"/>
                  </a:moveTo>
                  <a:lnTo>
                    <a:pt x="323088" y="0"/>
                  </a:lnTo>
                  <a:lnTo>
                    <a:pt x="323088" y="4572"/>
                  </a:lnTo>
                  <a:lnTo>
                    <a:pt x="326136" y="4572"/>
                  </a:lnTo>
                  <a:lnTo>
                    <a:pt x="326136" y="0"/>
                  </a:lnTo>
                  <a:close/>
                </a:path>
                <a:path w="812800" h="5079">
                  <a:moveTo>
                    <a:pt x="333756" y="0"/>
                  </a:moveTo>
                  <a:lnTo>
                    <a:pt x="329184" y="0"/>
                  </a:lnTo>
                  <a:lnTo>
                    <a:pt x="329184" y="4572"/>
                  </a:lnTo>
                  <a:lnTo>
                    <a:pt x="333756" y="4572"/>
                  </a:lnTo>
                  <a:lnTo>
                    <a:pt x="333756" y="0"/>
                  </a:lnTo>
                  <a:close/>
                </a:path>
                <a:path w="812800" h="5079">
                  <a:moveTo>
                    <a:pt x="339852" y="0"/>
                  </a:moveTo>
                  <a:lnTo>
                    <a:pt x="336804" y="0"/>
                  </a:lnTo>
                  <a:lnTo>
                    <a:pt x="336804" y="4572"/>
                  </a:lnTo>
                  <a:lnTo>
                    <a:pt x="339852" y="4572"/>
                  </a:lnTo>
                  <a:lnTo>
                    <a:pt x="339852" y="0"/>
                  </a:lnTo>
                  <a:close/>
                </a:path>
                <a:path w="812800" h="5079">
                  <a:moveTo>
                    <a:pt x="347472" y="0"/>
                  </a:moveTo>
                  <a:lnTo>
                    <a:pt x="342900" y="0"/>
                  </a:lnTo>
                  <a:lnTo>
                    <a:pt x="342900" y="4572"/>
                  </a:lnTo>
                  <a:lnTo>
                    <a:pt x="347472" y="4572"/>
                  </a:lnTo>
                  <a:lnTo>
                    <a:pt x="347472" y="0"/>
                  </a:lnTo>
                  <a:close/>
                </a:path>
                <a:path w="812800" h="5079">
                  <a:moveTo>
                    <a:pt x="353568" y="0"/>
                  </a:moveTo>
                  <a:lnTo>
                    <a:pt x="350520" y="0"/>
                  </a:lnTo>
                  <a:lnTo>
                    <a:pt x="350520" y="4572"/>
                  </a:lnTo>
                  <a:lnTo>
                    <a:pt x="353568" y="4572"/>
                  </a:lnTo>
                  <a:lnTo>
                    <a:pt x="353568" y="0"/>
                  </a:lnTo>
                  <a:close/>
                </a:path>
                <a:path w="812800" h="5079">
                  <a:moveTo>
                    <a:pt x="361188" y="0"/>
                  </a:moveTo>
                  <a:lnTo>
                    <a:pt x="356616" y="0"/>
                  </a:lnTo>
                  <a:lnTo>
                    <a:pt x="356616" y="4572"/>
                  </a:lnTo>
                  <a:lnTo>
                    <a:pt x="361188" y="4572"/>
                  </a:lnTo>
                  <a:lnTo>
                    <a:pt x="361188" y="0"/>
                  </a:lnTo>
                  <a:close/>
                </a:path>
                <a:path w="812800" h="5079">
                  <a:moveTo>
                    <a:pt x="367284" y="0"/>
                  </a:moveTo>
                  <a:lnTo>
                    <a:pt x="364236" y="0"/>
                  </a:lnTo>
                  <a:lnTo>
                    <a:pt x="364236" y="4572"/>
                  </a:lnTo>
                  <a:lnTo>
                    <a:pt x="367284" y="4572"/>
                  </a:lnTo>
                  <a:lnTo>
                    <a:pt x="367284" y="0"/>
                  </a:lnTo>
                  <a:close/>
                </a:path>
                <a:path w="812800" h="5079">
                  <a:moveTo>
                    <a:pt x="374904" y="0"/>
                  </a:moveTo>
                  <a:lnTo>
                    <a:pt x="370332" y="0"/>
                  </a:lnTo>
                  <a:lnTo>
                    <a:pt x="370332" y="4572"/>
                  </a:lnTo>
                  <a:lnTo>
                    <a:pt x="374904" y="4572"/>
                  </a:lnTo>
                  <a:lnTo>
                    <a:pt x="374904" y="0"/>
                  </a:lnTo>
                  <a:close/>
                </a:path>
                <a:path w="812800" h="5079">
                  <a:moveTo>
                    <a:pt x="381000" y="0"/>
                  </a:moveTo>
                  <a:lnTo>
                    <a:pt x="377952" y="0"/>
                  </a:lnTo>
                  <a:lnTo>
                    <a:pt x="377952" y="4572"/>
                  </a:lnTo>
                  <a:lnTo>
                    <a:pt x="381000" y="4572"/>
                  </a:lnTo>
                  <a:lnTo>
                    <a:pt x="381000" y="0"/>
                  </a:lnTo>
                  <a:close/>
                </a:path>
                <a:path w="812800" h="5079">
                  <a:moveTo>
                    <a:pt x="388620" y="0"/>
                  </a:moveTo>
                  <a:lnTo>
                    <a:pt x="384048" y="0"/>
                  </a:lnTo>
                  <a:lnTo>
                    <a:pt x="384048" y="4572"/>
                  </a:lnTo>
                  <a:lnTo>
                    <a:pt x="388620" y="4572"/>
                  </a:lnTo>
                  <a:lnTo>
                    <a:pt x="388620" y="0"/>
                  </a:lnTo>
                  <a:close/>
                </a:path>
                <a:path w="812800" h="5079">
                  <a:moveTo>
                    <a:pt x="394716" y="0"/>
                  </a:moveTo>
                  <a:lnTo>
                    <a:pt x="391668" y="0"/>
                  </a:lnTo>
                  <a:lnTo>
                    <a:pt x="391668" y="4572"/>
                  </a:lnTo>
                  <a:lnTo>
                    <a:pt x="394716" y="4572"/>
                  </a:lnTo>
                  <a:lnTo>
                    <a:pt x="394716" y="0"/>
                  </a:lnTo>
                  <a:close/>
                </a:path>
                <a:path w="812800" h="5079">
                  <a:moveTo>
                    <a:pt x="402336" y="0"/>
                  </a:moveTo>
                  <a:lnTo>
                    <a:pt x="397764" y="0"/>
                  </a:lnTo>
                  <a:lnTo>
                    <a:pt x="397764" y="4572"/>
                  </a:lnTo>
                  <a:lnTo>
                    <a:pt x="402336" y="4572"/>
                  </a:lnTo>
                  <a:lnTo>
                    <a:pt x="402336" y="0"/>
                  </a:lnTo>
                  <a:close/>
                </a:path>
                <a:path w="812800" h="5079">
                  <a:moveTo>
                    <a:pt x="408432" y="0"/>
                  </a:moveTo>
                  <a:lnTo>
                    <a:pt x="405384" y="0"/>
                  </a:lnTo>
                  <a:lnTo>
                    <a:pt x="405384" y="4572"/>
                  </a:lnTo>
                  <a:lnTo>
                    <a:pt x="408432" y="4572"/>
                  </a:lnTo>
                  <a:lnTo>
                    <a:pt x="408432" y="0"/>
                  </a:lnTo>
                  <a:close/>
                </a:path>
                <a:path w="812800" h="5079">
                  <a:moveTo>
                    <a:pt x="416052" y="0"/>
                  </a:moveTo>
                  <a:lnTo>
                    <a:pt x="411480" y="0"/>
                  </a:lnTo>
                  <a:lnTo>
                    <a:pt x="411480" y="4572"/>
                  </a:lnTo>
                  <a:lnTo>
                    <a:pt x="416052" y="4572"/>
                  </a:lnTo>
                  <a:lnTo>
                    <a:pt x="416052" y="0"/>
                  </a:lnTo>
                  <a:close/>
                </a:path>
                <a:path w="812800" h="5079">
                  <a:moveTo>
                    <a:pt x="422148" y="0"/>
                  </a:moveTo>
                  <a:lnTo>
                    <a:pt x="419100" y="0"/>
                  </a:lnTo>
                  <a:lnTo>
                    <a:pt x="419100" y="4572"/>
                  </a:lnTo>
                  <a:lnTo>
                    <a:pt x="422148" y="4572"/>
                  </a:lnTo>
                  <a:lnTo>
                    <a:pt x="422148" y="0"/>
                  </a:lnTo>
                  <a:close/>
                </a:path>
                <a:path w="812800" h="5079">
                  <a:moveTo>
                    <a:pt x="429768" y="0"/>
                  </a:moveTo>
                  <a:lnTo>
                    <a:pt x="425196" y="0"/>
                  </a:lnTo>
                  <a:lnTo>
                    <a:pt x="425196" y="4572"/>
                  </a:lnTo>
                  <a:lnTo>
                    <a:pt x="429768" y="4572"/>
                  </a:lnTo>
                  <a:lnTo>
                    <a:pt x="429768" y="0"/>
                  </a:lnTo>
                  <a:close/>
                </a:path>
                <a:path w="812800" h="5079">
                  <a:moveTo>
                    <a:pt x="435864" y="0"/>
                  </a:moveTo>
                  <a:lnTo>
                    <a:pt x="432816" y="0"/>
                  </a:lnTo>
                  <a:lnTo>
                    <a:pt x="432816" y="4572"/>
                  </a:lnTo>
                  <a:lnTo>
                    <a:pt x="435864" y="4572"/>
                  </a:lnTo>
                  <a:lnTo>
                    <a:pt x="435864" y="0"/>
                  </a:lnTo>
                  <a:close/>
                </a:path>
                <a:path w="812800" h="5079">
                  <a:moveTo>
                    <a:pt x="443484" y="0"/>
                  </a:moveTo>
                  <a:lnTo>
                    <a:pt x="438912" y="0"/>
                  </a:lnTo>
                  <a:lnTo>
                    <a:pt x="438912" y="4572"/>
                  </a:lnTo>
                  <a:lnTo>
                    <a:pt x="443484" y="4572"/>
                  </a:lnTo>
                  <a:lnTo>
                    <a:pt x="443484" y="0"/>
                  </a:lnTo>
                  <a:close/>
                </a:path>
                <a:path w="812800" h="5079">
                  <a:moveTo>
                    <a:pt x="449580" y="0"/>
                  </a:moveTo>
                  <a:lnTo>
                    <a:pt x="446532" y="0"/>
                  </a:lnTo>
                  <a:lnTo>
                    <a:pt x="446532" y="4572"/>
                  </a:lnTo>
                  <a:lnTo>
                    <a:pt x="449580" y="4572"/>
                  </a:lnTo>
                  <a:lnTo>
                    <a:pt x="449580" y="0"/>
                  </a:lnTo>
                  <a:close/>
                </a:path>
                <a:path w="812800" h="5079">
                  <a:moveTo>
                    <a:pt x="457200" y="0"/>
                  </a:moveTo>
                  <a:lnTo>
                    <a:pt x="452628" y="0"/>
                  </a:lnTo>
                  <a:lnTo>
                    <a:pt x="452628" y="4572"/>
                  </a:lnTo>
                  <a:lnTo>
                    <a:pt x="457200" y="4572"/>
                  </a:lnTo>
                  <a:lnTo>
                    <a:pt x="457200" y="0"/>
                  </a:lnTo>
                  <a:close/>
                </a:path>
                <a:path w="812800" h="5079">
                  <a:moveTo>
                    <a:pt x="463296" y="0"/>
                  </a:moveTo>
                  <a:lnTo>
                    <a:pt x="460248" y="0"/>
                  </a:lnTo>
                  <a:lnTo>
                    <a:pt x="460248" y="4572"/>
                  </a:lnTo>
                  <a:lnTo>
                    <a:pt x="463296" y="4572"/>
                  </a:lnTo>
                  <a:lnTo>
                    <a:pt x="463296" y="0"/>
                  </a:lnTo>
                  <a:close/>
                </a:path>
                <a:path w="812800" h="5079">
                  <a:moveTo>
                    <a:pt x="470916" y="0"/>
                  </a:moveTo>
                  <a:lnTo>
                    <a:pt x="466344" y="0"/>
                  </a:lnTo>
                  <a:lnTo>
                    <a:pt x="466344" y="4572"/>
                  </a:lnTo>
                  <a:lnTo>
                    <a:pt x="470916" y="4572"/>
                  </a:lnTo>
                  <a:lnTo>
                    <a:pt x="470916" y="0"/>
                  </a:lnTo>
                  <a:close/>
                </a:path>
                <a:path w="812800" h="5079">
                  <a:moveTo>
                    <a:pt x="477012" y="0"/>
                  </a:moveTo>
                  <a:lnTo>
                    <a:pt x="473964" y="0"/>
                  </a:lnTo>
                  <a:lnTo>
                    <a:pt x="473964" y="4572"/>
                  </a:lnTo>
                  <a:lnTo>
                    <a:pt x="477012" y="4572"/>
                  </a:lnTo>
                  <a:lnTo>
                    <a:pt x="477012" y="0"/>
                  </a:lnTo>
                  <a:close/>
                </a:path>
                <a:path w="812800" h="5079">
                  <a:moveTo>
                    <a:pt x="484632" y="0"/>
                  </a:moveTo>
                  <a:lnTo>
                    <a:pt x="480060" y="0"/>
                  </a:lnTo>
                  <a:lnTo>
                    <a:pt x="480060" y="4572"/>
                  </a:lnTo>
                  <a:lnTo>
                    <a:pt x="484632" y="4572"/>
                  </a:lnTo>
                  <a:lnTo>
                    <a:pt x="484632" y="0"/>
                  </a:lnTo>
                  <a:close/>
                </a:path>
                <a:path w="812800" h="5079">
                  <a:moveTo>
                    <a:pt x="490728" y="0"/>
                  </a:moveTo>
                  <a:lnTo>
                    <a:pt x="487680" y="0"/>
                  </a:lnTo>
                  <a:lnTo>
                    <a:pt x="487680" y="4572"/>
                  </a:lnTo>
                  <a:lnTo>
                    <a:pt x="490728" y="4572"/>
                  </a:lnTo>
                  <a:lnTo>
                    <a:pt x="490728" y="0"/>
                  </a:lnTo>
                  <a:close/>
                </a:path>
                <a:path w="812800" h="5079">
                  <a:moveTo>
                    <a:pt x="498348" y="0"/>
                  </a:moveTo>
                  <a:lnTo>
                    <a:pt x="493776" y="0"/>
                  </a:lnTo>
                  <a:lnTo>
                    <a:pt x="493776" y="4572"/>
                  </a:lnTo>
                  <a:lnTo>
                    <a:pt x="498348" y="4572"/>
                  </a:lnTo>
                  <a:lnTo>
                    <a:pt x="498348" y="0"/>
                  </a:lnTo>
                  <a:close/>
                </a:path>
                <a:path w="812800" h="5079">
                  <a:moveTo>
                    <a:pt x="504444" y="0"/>
                  </a:moveTo>
                  <a:lnTo>
                    <a:pt x="501396" y="0"/>
                  </a:lnTo>
                  <a:lnTo>
                    <a:pt x="501396" y="4572"/>
                  </a:lnTo>
                  <a:lnTo>
                    <a:pt x="504444" y="4572"/>
                  </a:lnTo>
                  <a:lnTo>
                    <a:pt x="504444" y="0"/>
                  </a:lnTo>
                  <a:close/>
                </a:path>
                <a:path w="812800" h="5079">
                  <a:moveTo>
                    <a:pt x="512064" y="0"/>
                  </a:moveTo>
                  <a:lnTo>
                    <a:pt x="507492" y="0"/>
                  </a:lnTo>
                  <a:lnTo>
                    <a:pt x="507492" y="4572"/>
                  </a:lnTo>
                  <a:lnTo>
                    <a:pt x="512064" y="4572"/>
                  </a:lnTo>
                  <a:lnTo>
                    <a:pt x="512064" y="0"/>
                  </a:lnTo>
                  <a:close/>
                </a:path>
                <a:path w="812800" h="5079">
                  <a:moveTo>
                    <a:pt x="518160" y="0"/>
                  </a:moveTo>
                  <a:lnTo>
                    <a:pt x="515112" y="0"/>
                  </a:lnTo>
                  <a:lnTo>
                    <a:pt x="515112" y="4572"/>
                  </a:lnTo>
                  <a:lnTo>
                    <a:pt x="518160" y="4572"/>
                  </a:lnTo>
                  <a:lnTo>
                    <a:pt x="518160" y="0"/>
                  </a:lnTo>
                  <a:close/>
                </a:path>
                <a:path w="812800" h="5079">
                  <a:moveTo>
                    <a:pt x="525780" y="0"/>
                  </a:moveTo>
                  <a:lnTo>
                    <a:pt x="521208" y="0"/>
                  </a:lnTo>
                  <a:lnTo>
                    <a:pt x="521208" y="4572"/>
                  </a:lnTo>
                  <a:lnTo>
                    <a:pt x="525780" y="4572"/>
                  </a:lnTo>
                  <a:lnTo>
                    <a:pt x="525780" y="0"/>
                  </a:lnTo>
                  <a:close/>
                </a:path>
                <a:path w="812800" h="5079">
                  <a:moveTo>
                    <a:pt x="696468" y="0"/>
                  </a:moveTo>
                  <a:lnTo>
                    <a:pt x="694944" y="0"/>
                  </a:lnTo>
                  <a:lnTo>
                    <a:pt x="694944" y="4572"/>
                  </a:lnTo>
                  <a:lnTo>
                    <a:pt x="696468" y="4572"/>
                  </a:lnTo>
                  <a:lnTo>
                    <a:pt x="696468" y="0"/>
                  </a:lnTo>
                  <a:close/>
                </a:path>
                <a:path w="812800" h="5079">
                  <a:moveTo>
                    <a:pt x="702564" y="0"/>
                  </a:moveTo>
                  <a:lnTo>
                    <a:pt x="699516" y="0"/>
                  </a:lnTo>
                  <a:lnTo>
                    <a:pt x="699516" y="4572"/>
                  </a:lnTo>
                  <a:lnTo>
                    <a:pt x="702564" y="4572"/>
                  </a:lnTo>
                  <a:lnTo>
                    <a:pt x="702564" y="0"/>
                  </a:lnTo>
                  <a:close/>
                </a:path>
                <a:path w="812800" h="5079">
                  <a:moveTo>
                    <a:pt x="710184" y="0"/>
                  </a:moveTo>
                  <a:lnTo>
                    <a:pt x="707136" y="0"/>
                  </a:lnTo>
                  <a:lnTo>
                    <a:pt x="707136" y="4572"/>
                  </a:lnTo>
                  <a:lnTo>
                    <a:pt x="710184" y="4572"/>
                  </a:lnTo>
                  <a:lnTo>
                    <a:pt x="710184" y="0"/>
                  </a:lnTo>
                  <a:close/>
                </a:path>
                <a:path w="812800" h="5079">
                  <a:moveTo>
                    <a:pt x="716280" y="0"/>
                  </a:moveTo>
                  <a:lnTo>
                    <a:pt x="713232" y="0"/>
                  </a:lnTo>
                  <a:lnTo>
                    <a:pt x="713232" y="4572"/>
                  </a:lnTo>
                  <a:lnTo>
                    <a:pt x="716280" y="4572"/>
                  </a:lnTo>
                  <a:lnTo>
                    <a:pt x="716280" y="0"/>
                  </a:lnTo>
                  <a:close/>
                </a:path>
                <a:path w="812800" h="5079">
                  <a:moveTo>
                    <a:pt x="723900" y="0"/>
                  </a:moveTo>
                  <a:lnTo>
                    <a:pt x="720852" y="0"/>
                  </a:lnTo>
                  <a:lnTo>
                    <a:pt x="720852"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4568" y="0"/>
                  </a:lnTo>
                  <a:lnTo>
                    <a:pt x="734568"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32" y="0"/>
                  </a:moveTo>
                  <a:lnTo>
                    <a:pt x="748284" y="0"/>
                  </a:lnTo>
                  <a:lnTo>
                    <a:pt x="748284" y="4572"/>
                  </a:lnTo>
                  <a:lnTo>
                    <a:pt x="751332" y="4572"/>
                  </a:lnTo>
                  <a:lnTo>
                    <a:pt x="751332" y="0"/>
                  </a:lnTo>
                  <a:close/>
                </a:path>
                <a:path w="812800" h="5079">
                  <a:moveTo>
                    <a:pt x="757428" y="0"/>
                  </a:moveTo>
                  <a:lnTo>
                    <a:pt x="754380" y="0"/>
                  </a:lnTo>
                  <a:lnTo>
                    <a:pt x="754380" y="4572"/>
                  </a:lnTo>
                  <a:lnTo>
                    <a:pt x="757428" y="4572"/>
                  </a:lnTo>
                  <a:lnTo>
                    <a:pt x="757428" y="0"/>
                  </a:lnTo>
                  <a:close/>
                </a:path>
                <a:path w="812800" h="5079">
                  <a:moveTo>
                    <a:pt x="765048" y="0"/>
                  </a:moveTo>
                  <a:lnTo>
                    <a:pt x="762000" y="0"/>
                  </a:lnTo>
                  <a:lnTo>
                    <a:pt x="762000"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5716" y="0"/>
                  </a:lnTo>
                  <a:lnTo>
                    <a:pt x="775716"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9432" y="0"/>
                  </a:lnTo>
                  <a:lnTo>
                    <a:pt x="789432"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3148" y="0"/>
                  </a:lnTo>
                  <a:lnTo>
                    <a:pt x="803148"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60" name="object 60"/>
            <p:cNvSpPr/>
            <p:nvPr/>
          </p:nvSpPr>
          <p:spPr>
            <a:xfrm>
              <a:off x="3195828" y="4520183"/>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15" y="0"/>
                  </a:moveTo>
                  <a:lnTo>
                    <a:pt x="68580" y="0"/>
                  </a:lnTo>
                  <a:lnTo>
                    <a:pt x="68580" y="4572"/>
                  </a:lnTo>
                  <a:lnTo>
                    <a:pt x="71615" y="4572"/>
                  </a:lnTo>
                  <a:lnTo>
                    <a:pt x="71615"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51" y="0"/>
                  </a:moveTo>
                  <a:lnTo>
                    <a:pt x="89916" y="0"/>
                  </a:lnTo>
                  <a:lnTo>
                    <a:pt x="89916" y="4572"/>
                  </a:lnTo>
                  <a:lnTo>
                    <a:pt x="92951" y="4572"/>
                  </a:lnTo>
                  <a:lnTo>
                    <a:pt x="92951" y="0"/>
                  </a:lnTo>
                  <a:close/>
                </a:path>
                <a:path w="812800" h="5079">
                  <a:moveTo>
                    <a:pt x="99060" y="0"/>
                  </a:moveTo>
                  <a:lnTo>
                    <a:pt x="96012" y="0"/>
                  </a:lnTo>
                  <a:lnTo>
                    <a:pt x="96012" y="4572"/>
                  </a:lnTo>
                  <a:lnTo>
                    <a:pt x="99060" y="4572"/>
                  </a:lnTo>
                  <a:lnTo>
                    <a:pt x="99060" y="0"/>
                  </a:lnTo>
                  <a:close/>
                </a:path>
                <a:path w="812800" h="5079">
                  <a:moveTo>
                    <a:pt x="106680" y="0"/>
                  </a:moveTo>
                  <a:lnTo>
                    <a:pt x="103632" y="0"/>
                  </a:lnTo>
                  <a:lnTo>
                    <a:pt x="103632" y="4572"/>
                  </a:lnTo>
                  <a:lnTo>
                    <a:pt x="106680" y="4572"/>
                  </a:lnTo>
                  <a:lnTo>
                    <a:pt x="106680" y="0"/>
                  </a:lnTo>
                  <a:close/>
                </a:path>
                <a:path w="812800" h="5079">
                  <a:moveTo>
                    <a:pt x="112763" y="0"/>
                  </a:moveTo>
                  <a:lnTo>
                    <a:pt x="109715" y="0"/>
                  </a:lnTo>
                  <a:lnTo>
                    <a:pt x="109715" y="4572"/>
                  </a:lnTo>
                  <a:lnTo>
                    <a:pt x="112763" y="4572"/>
                  </a:lnTo>
                  <a:lnTo>
                    <a:pt x="112763" y="0"/>
                  </a:lnTo>
                  <a:close/>
                </a:path>
                <a:path w="812800" h="5079">
                  <a:moveTo>
                    <a:pt x="120396" y="0"/>
                  </a:moveTo>
                  <a:lnTo>
                    <a:pt x="117348" y="0"/>
                  </a:lnTo>
                  <a:lnTo>
                    <a:pt x="117348"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31051" y="0"/>
                  </a:lnTo>
                  <a:lnTo>
                    <a:pt x="131051"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312420" y="0"/>
                  </a:moveTo>
                  <a:lnTo>
                    <a:pt x="310896" y="0"/>
                  </a:lnTo>
                  <a:lnTo>
                    <a:pt x="310896" y="4572"/>
                  </a:lnTo>
                  <a:lnTo>
                    <a:pt x="312420" y="4572"/>
                  </a:lnTo>
                  <a:lnTo>
                    <a:pt x="312420" y="0"/>
                  </a:lnTo>
                  <a:close/>
                </a:path>
                <a:path w="812800" h="5079">
                  <a:moveTo>
                    <a:pt x="318516" y="0"/>
                  </a:moveTo>
                  <a:lnTo>
                    <a:pt x="315468" y="0"/>
                  </a:lnTo>
                  <a:lnTo>
                    <a:pt x="315468" y="4572"/>
                  </a:lnTo>
                  <a:lnTo>
                    <a:pt x="318516" y="4572"/>
                  </a:lnTo>
                  <a:lnTo>
                    <a:pt x="318516" y="0"/>
                  </a:lnTo>
                  <a:close/>
                </a:path>
                <a:path w="812800" h="5079">
                  <a:moveTo>
                    <a:pt x="326136" y="0"/>
                  </a:moveTo>
                  <a:lnTo>
                    <a:pt x="323088" y="0"/>
                  </a:lnTo>
                  <a:lnTo>
                    <a:pt x="323088" y="4572"/>
                  </a:lnTo>
                  <a:lnTo>
                    <a:pt x="326136" y="4572"/>
                  </a:lnTo>
                  <a:lnTo>
                    <a:pt x="326136" y="0"/>
                  </a:lnTo>
                  <a:close/>
                </a:path>
                <a:path w="812800" h="5079">
                  <a:moveTo>
                    <a:pt x="332232" y="0"/>
                  </a:moveTo>
                  <a:lnTo>
                    <a:pt x="329184" y="0"/>
                  </a:lnTo>
                  <a:lnTo>
                    <a:pt x="329184" y="4572"/>
                  </a:lnTo>
                  <a:lnTo>
                    <a:pt x="332232" y="4572"/>
                  </a:lnTo>
                  <a:lnTo>
                    <a:pt x="332232" y="0"/>
                  </a:lnTo>
                  <a:close/>
                </a:path>
                <a:path w="812800" h="5079">
                  <a:moveTo>
                    <a:pt x="339852" y="0"/>
                  </a:moveTo>
                  <a:lnTo>
                    <a:pt x="335280" y="0"/>
                  </a:lnTo>
                  <a:lnTo>
                    <a:pt x="335280"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48996" y="0"/>
                  </a:lnTo>
                  <a:lnTo>
                    <a:pt x="348996"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2712" y="0"/>
                  </a:lnTo>
                  <a:lnTo>
                    <a:pt x="362712"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6428" y="0"/>
                  </a:lnTo>
                  <a:lnTo>
                    <a:pt x="376428"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0144" y="0"/>
                  </a:lnTo>
                  <a:lnTo>
                    <a:pt x="390144"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3860" y="0"/>
                  </a:lnTo>
                  <a:lnTo>
                    <a:pt x="403860"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531876" y="0"/>
                  </a:moveTo>
                  <a:lnTo>
                    <a:pt x="527304" y="0"/>
                  </a:lnTo>
                  <a:lnTo>
                    <a:pt x="527304" y="4572"/>
                  </a:lnTo>
                  <a:lnTo>
                    <a:pt x="531876" y="4572"/>
                  </a:lnTo>
                  <a:lnTo>
                    <a:pt x="531876" y="0"/>
                  </a:lnTo>
                  <a:close/>
                </a:path>
                <a:path w="812800" h="5079">
                  <a:moveTo>
                    <a:pt x="537972" y="0"/>
                  </a:moveTo>
                  <a:lnTo>
                    <a:pt x="534924" y="0"/>
                  </a:lnTo>
                  <a:lnTo>
                    <a:pt x="534924" y="4572"/>
                  </a:lnTo>
                  <a:lnTo>
                    <a:pt x="537972" y="4572"/>
                  </a:lnTo>
                  <a:lnTo>
                    <a:pt x="537972" y="0"/>
                  </a:lnTo>
                  <a:close/>
                </a:path>
                <a:path w="812800" h="5079">
                  <a:moveTo>
                    <a:pt x="545592" y="0"/>
                  </a:moveTo>
                  <a:lnTo>
                    <a:pt x="541020" y="0"/>
                  </a:lnTo>
                  <a:lnTo>
                    <a:pt x="541020" y="4572"/>
                  </a:lnTo>
                  <a:lnTo>
                    <a:pt x="545592" y="4572"/>
                  </a:lnTo>
                  <a:lnTo>
                    <a:pt x="545592" y="0"/>
                  </a:lnTo>
                  <a:close/>
                </a:path>
                <a:path w="812800" h="5079">
                  <a:moveTo>
                    <a:pt x="551688" y="0"/>
                  </a:moveTo>
                  <a:lnTo>
                    <a:pt x="548640" y="0"/>
                  </a:lnTo>
                  <a:lnTo>
                    <a:pt x="548640" y="4572"/>
                  </a:lnTo>
                  <a:lnTo>
                    <a:pt x="551688" y="4572"/>
                  </a:lnTo>
                  <a:lnTo>
                    <a:pt x="551688" y="0"/>
                  </a:lnTo>
                  <a:close/>
                </a:path>
                <a:path w="812800" h="5079">
                  <a:moveTo>
                    <a:pt x="559308" y="0"/>
                  </a:moveTo>
                  <a:lnTo>
                    <a:pt x="554736" y="0"/>
                  </a:lnTo>
                  <a:lnTo>
                    <a:pt x="554736" y="4572"/>
                  </a:lnTo>
                  <a:lnTo>
                    <a:pt x="559308" y="4572"/>
                  </a:lnTo>
                  <a:lnTo>
                    <a:pt x="559308" y="0"/>
                  </a:lnTo>
                  <a:close/>
                </a:path>
                <a:path w="812800" h="5079">
                  <a:moveTo>
                    <a:pt x="565404" y="0"/>
                  </a:moveTo>
                  <a:lnTo>
                    <a:pt x="562356" y="0"/>
                  </a:lnTo>
                  <a:lnTo>
                    <a:pt x="562356" y="4572"/>
                  </a:lnTo>
                  <a:lnTo>
                    <a:pt x="565404" y="4572"/>
                  </a:lnTo>
                  <a:lnTo>
                    <a:pt x="565404" y="0"/>
                  </a:lnTo>
                  <a:close/>
                </a:path>
                <a:path w="812800" h="5079">
                  <a:moveTo>
                    <a:pt x="737616" y="0"/>
                  </a:moveTo>
                  <a:lnTo>
                    <a:pt x="736092" y="0"/>
                  </a:lnTo>
                  <a:lnTo>
                    <a:pt x="736092"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32" y="0"/>
                  </a:moveTo>
                  <a:lnTo>
                    <a:pt x="746760" y="0"/>
                  </a:lnTo>
                  <a:lnTo>
                    <a:pt x="746760" y="4572"/>
                  </a:lnTo>
                  <a:lnTo>
                    <a:pt x="751332" y="4572"/>
                  </a:lnTo>
                  <a:lnTo>
                    <a:pt x="751332" y="0"/>
                  </a:lnTo>
                  <a:close/>
                </a:path>
                <a:path w="812800" h="5079">
                  <a:moveTo>
                    <a:pt x="757428" y="0"/>
                  </a:moveTo>
                  <a:lnTo>
                    <a:pt x="754380" y="0"/>
                  </a:lnTo>
                  <a:lnTo>
                    <a:pt x="754380"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7908" y="0"/>
                  </a:lnTo>
                  <a:lnTo>
                    <a:pt x="787908"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1624" y="0"/>
                  </a:lnTo>
                  <a:lnTo>
                    <a:pt x="801624"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61" name="object 61"/>
            <p:cNvSpPr/>
            <p:nvPr/>
          </p:nvSpPr>
          <p:spPr>
            <a:xfrm>
              <a:off x="4005072" y="4520183"/>
              <a:ext cx="818515" cy="5080"/>
            </a:xfrm>
            <a:custGeom>
              <a:avLst/>
              <a:gdLst/>
              <a:ahLst/>
              <a:cxnLst/>
              <a:rect l="l" t="t" r="r" b="b"/>
              <a:pathLst>
                <a:path w="818514" h="5079">
                  <a:moveTo>
                    <a:pt x="3048" y="0"/>
                  </a:moveTo>
                  <a:lnTo>
                    <a:pt x="0" y="0"/>
                  </a:lnTo>
                  <a:lnTo>
                    <a:pt x="0" y="4572"/>
                  </a:lnTo>
                  <a:lnTo>
                    <a:pt x="3048" y="4572"/>
                  </a:lnTo>
                  <a:lnTo>
                    <a:pt x="3048" y="0"/>
                  </a:lnTo>
                  <a:close/>
                </a:path>
                <a:path w="818514" h="5079">
                  <a:moveTo>
                    <a:pt x="10668" y="0"/>
                  </a:moveTo>
                  <a:lnTo>
                    <a:pt x="6096" y="0"/>
                  </a:lnTo>
                  <a:lnTo>
                    <a:pt x="6096" y="4572"/>
                  </a:lnTo>
                  <a:lnTo>
                    <a:pt x="10668" y="4572"/>
                  </a:lnTo>
                  <a:lnTo>
                    <a:pt x="10668" y="0"/>
                  </a:lnTo>
                  <a:close/>
                </a:path>
                <a:path w="818514" h="5079">
                  <a:moveTo>
                    <a:pt x="16764" y="0"/>
                  </a:moveTo>
                  <a:lnTo>
                    <a:pt x="13716" y="0"/>
                  </a:lnTo>
                  <a:lnTo>
                    <a:pt x="13716" y="4572"/>
                  </a:lnTo>
                  <a:lnTo>
                    <a:pt x="16764" y="4572"/>
                  </a:lnTo>
                  <a:lnTo>
                    <a:pt x="16764" y="0"/>
                  </a:lnTo>
                  <a:close/>
                </a:path>
                <a:path w="818514" h="5079">
                  <a:moveTo>
                    <a:pt x="24384" y="0"/>
                  </a:moveTo>
                  <a:lnTo>
                    <a:pt x="19812" y="0"/>
                  </a:lnTo>
                  <a:lnTo>
                    <a:pt x="19812" y="4572"/>
                  </a:lnTo>
                  <a:lnTo>
                    <a:pt x="24384" y="4572"/>
                  </a:lnTo>
                  <a:lnTo>
                    <a:pt x="24384" y="0"/>
                  </a:lnTo>
                  <a:close/>
                </a:path>
                <a:path w="818514" h="5079">
                  <a:moveTo>
                    <a:pt x="30480" y="0"/>
                  </a:moveTo>
                  <a:lnTo>
                    <a:pt x="27432" y="0"/>
                  </a:lnTo>
                  <a:lnTo>
                    <a:pt x="27432" y="4572"/>
                  </a:lnTo>
                  <a:lnTo>
                    <a:pt x="30480" y="4572"/>
                  </a:lnTo>
                  <a:lnTo>
                    <a:pt x="30480" y="0"/>
                  </a:lnTo>
                  <a:close/>
                </a:path>
                <a:path w="818514" h="5079">
                  <a:moveTo>
                    <a:pt x="38100" y="0"/>
                  </a:moveTo>
                  <a:lnTo>
                    <a:pt x="33528" y="0"/>
                  </a:lnTo>
                  <a:lnTo>
                    <a:pt x="33528" y="4572"/>
                  </a:lnTo>
                  <a:lnTo>
                    <a:pt x="38100" y="4572"/>
                  </a:lnTo>
                  <a:lnTo>
                    <a:pt x="38100" y="0"/>
                  </a:lnTo>
                  <a:close/>
                </a:path>
                <a:path w="818514" h="5079">
                  <a:moveTo>
                    <a:pt x="44196" y="0"/>
                  </a:moveTo>
                  <a:lnTo>
                    <a:pt x="41148" y="0"/>
                  </a:lnTo>
                  <a:lnTo>
                    <a:pt x="41148" y="4572"/>
                  </a:lnTo>
                  <a:lnTo>
                    <a:pt x="44196" y="4572"/>
                  </a:lnTo>
                  <a:lnTo>
                    <a:pt x="44196" y="0"/>
                  </a:lnTo>
                  <a:close/>
                </a:path>
                <a:path w="818514" h="5079">
                  <a:moveTo>
                    <a:pt x="51816" y="0"/>
                  </a:moveTo>
                  <a:lnTo>
                    <a:pt x="47244" y="0"/>
                  </a:lnTo>
                  <a:lnTo>
                    <a:pt x="47244" y="4572"/>
                  </a:lnTo>
                  <a:lnTo>
                    <a:pt x="51816" y="4572"/>
                  </a:lnTo>
                  <a:lnTo>
                    <a:pt x="51816" y="0"/>
                  </a:lnTo>
                  <a:close/>
                </a:path>
                <a:path w="818514" h="5079">
                  <a:moveTo>
                    <a:pt x="57912" y="0"/>
                  </a:moveTo>
                  <a:lnTo>
                    <a:pt x="54864" y="0"/>
                  </a:lnTo>
                  <a:lnTo>
                    <a:pt x="54864" y="4572"/>
                  </a:lnTo>
                  <a:lnTo>
                    <a:pt x="57912" y="4572"/>
                  </a:lnTo>
                  <a:lnTo>
                    <a:pt x="57912" y="0"/>
                  </a:lnTo>
                  <a:close/>
                </a:path>
                <a:path w="818514" h="5079">
                  <a:moveTo>
                    <a:pt x="65532" y="0"/>
                  </a:moveTo>
                  <a:lnTo>
                    <a:pt x="60960" y="0"/>
                  </a:lnTo>
                  <a:lnTo>
                    <a:pt x="60960" y="4572"/>
                  </a:lnTo>
                  <a:lnTo>
                    <a:pt x="65532" y="4572"/>
                  </a:lnTo>
                  <a:lnTo>
                    <a:pt x="65532" y="0"/>
                  </a:lnTo>
                  <a:close/>
                </a:path>
                <a:path w="818514" h="5079">
                  <a:moveTo>
                    <a:pt x="71628" y="0"/>
                  </a:moveTo>
                  <a:lnTo>
                    <a:pt x="68580" y="0"/>
                  </a:lnTo>
                  <a:lnTo>
                    <a:pt x="68580" y="4572"/>
                  </a:lnTo>
                  <a:lnTo>
                    <a:pt x="71628" y="4572"/>
                  </a:lnTo>
                  <a:lnTo>
                    <a:pt x="71628" y="0"/>
                  </a:lnTo>
                  <a:close/>
                </a:path>
                <a:path w="818514" h="5079">
                  <a:moveTo>
                    <a:pt x="79248" y="0"/>
                  </a:moveTo>
                  <a:lnTo>
                    <a:pt x="74676" y="0"/>
                  </a:lnTo>
                  <a:lnTo>
                    <a:pt x="74676" y="4572"/>
                  </a:lnTo>
                  <a:lnTo>
                    <a:pt x="79248" y="4572"/>
                  </a:lnTo>
                  <a:lnTo>
                    <a:pt x="79248" y="0"/>
                  </a:lnTo>
                  <a:close/>
                </a:path>
                <a:path w="818514" h="5079">
                  <a:moveTo>
                    <a:pt x="85344" y="0"/>
                  </a:moveTo>
                  <a:lnTo>
                    <a:pt x="82296" y="0"/>
                  </a:lnTo>
                  <a:lnTo>
                    <a:pt x="82296" y="4572"/>
                  </a:lnTo>
                  <a:lnTo>
                    <a:pt x="85344" y="4572"/>
                  </a:lnTo>
                  <a:lnTo>
                    <a:pt x="85344" y="0"/>
                  </a:lnTo>
                  <a:close/>
                </a:path>
                <a:path w="818514" h="5079">
                  <a:moveTo>
                    <a:pt x="92964" y="0"/>
                  </a:moveTo>
                  <a:lnTo>
                    <a:pt x="88392" y="0"/>
                  </a:lnTo>
                  <a:lnTo>
                    <a:pt x="88392" y="4572"/>
                  </a:lnTo>
                  <a:lnTo>
                    <a:pt x="92964" y="4572"/>
                  </a:lnTo>
                  <a:lnTo>
                    <a:pt x="92964" y="0"/>
                  </a:lnTo>
                  <a:close/>
                </a:path>
                <a:path w="818514" h="5079">
                  <a:moveTo>
                    <a:pt x="99060" y="0"/>
                  </a:moveTo>
                  <a:lnTo>
                    <a:pt x="96012" y="0"/>
                  </a:lnTo>
                  <a:lnTo>
                    <a:pt x="96012" y="4572"/>
                  </a:lnTo>
                  <a:lnTo>
                    <a:pt x="99060" y="4572"/>
                  </a:lnTo>
                  <a:lnTo>
                    <a:pt x="99060" y="0"/>
                  </a:lnTo>
                  <a:close/>
                </a:path>
                <a:path w="818514" h="5079">
                  <a:moveTo>
                    <a:pt x="106680" y="0"/>
                  </a:moveTo>
                  <a:lnTo>
                    <a:pt x="102108" y="0"/>
                  </a:lnTo>
                  <a:lnTo>
                    <a:pt x="102108" y="4572"/>
                  </a:lnTo>
                  <a:lnTo>
                    <a:pt x="106680" y="4572"/>
                  </a:lnTo>
                  <a:lnTo>
                    <a:pt x="106680" y="0"/>
                  </a:lnTo>
                  <a:close/>
                </a:path>
                <a:path w="818514" h="5079">
                  <a:moveTo>
                    <a:pt x="112776" y="0"/>
                  </a:moveTo>
                  <a:lnTo>
                    <a:pt x="109728" y="0"/>
                  </a:lnTo>
                  <a:lnTo>
                    <a:pt x="109728" y="4572"/>
                  </a:lnTo>
                  <a:lnTo>
                    <a:pt x="112776" y="4572"/>
                  </a:lnTo>
                  <a:lnTo>
                    <a:pt x="112776" y="0"/>
                  </a:lnTo>
                  <a:close/>
                </a:path>
                <a:path w="818514" h="5079">
                  <a:moveTo>
                    <a:pt x="120396" y="0"/>
                  </a:moveTo>
                  <a:lnTo>
                    <a:pt x="115824" y="0"/>
                  </a:lnTo>
                  <a:lnTo>
                    <a:pt x="115824" y="4572"/>
                  </a:lnTo>
                  <a:lnTo>
                    <a:pt x="120396" y="4572"/>
                  </a:lnTo>
                  <a:lnTo>
                    <a:pt x="120396" y="0"/>
                  </a:lnTo>
                  <a:close/>
                </a:path>
                <a:path w="818514" h="5079">
                  <a:moveTo>
                    <a:pt x="126492" y="0"/>
                  </a:moveTo>
                  <a:lnTo>
                    <a:pt x="123444" y="0"/>
                  </a:lnTo>
                  <a:lnTo>
                    <a:pt x="123444" y="4572"/>
                  </a:lnTo>
                  <a:lnTo>
                    <a:pt x="126492" y="4572"/>
                  </a:lnTo>
                  <a:lnTo>
                    <a:pt x="126492" y="0"/>
                  </a:lnTo>
                  <a:close/>
                </a:path>
                <a:path w="818514" h="5079">
                  <a:moveTo>
                    <a:pt x="132588" y="0"/>
                  </a:moveTo>
                  <a:lnTo>
                    <a:pt x="129540" y="0"/>
                  </a:lnTo>
                  <a:lnTo>
                    <a:pt x="129540" y="4572"/>
                  </a:lnTo>
                  <a:lnTo>
                    <a:pt x="132588" y="4572"/>
                  </a:lnTo>
                  <a:lnTo>
                    <a:pt x="132588" y="0"/>
                  </a:lnTo>
                  <a:close/>
                </a:path>
                <a:path w="818514" h="5079">
                  <a:moveTo>
                    <a:pt x="140208" y="0"/>
                  </a:moveTo>
                  <a:lnTo>
                    <a:pt x="137160" y="0"/>
                  </a:lnTo>
                  <a:lnTo>
                    <a:pt x="137160" y="4572"/>
                  </a:lnTo>
                  <a:lnTo>
                    <a:pt x="140208" y="4572"/>
                  </a:lnTo>
                  <a:lnTo>
                    <a:pt x="140208" y="0"/>
                  </a:lnTo>
                  <a:close/>
                </a:path>
                <a:path w="818514" h="5079">
                  <a:moveTo>
                    <a:pt x="146304" y="0"/>
                  </a:moveTo>
                  <a:lnTo>
                    <a:pt x="143256" y="0"/>
                  </a:lnTo>
                  <a:lnTo>
                    <a:pt x="143256" y="4572"/>
                  </a:lnTo>
                  <a:lnTo>
                    <a:pt x="146304" y="4572"/>
                  </a:lnTo>
                  <a:lnTo>
                    <a:pt x="146304" y="0"/>
                  </a:lnTo>
                  <a:close/>
                </a:path>
                <a:path w="818514" h="5079">
                  <a:moveTo>
                    <a:pt x="153924" y="0"/>
                  </a:moveTo>
                  <a:lnTo>
                    <a:pt x="150876" y="0"/>
                  </a:lnTo>
                  <a:lnTo>
                    <a:pt x="150876" y="4572"/>
                  </a:lnTo>
                  <a:lnTo>
                    <a:pt x="153924" y="4572"/>
                  </a:lnTo>
                  <a:lnTo>
                    <a:pt x="153924" y="0"/>
                  </a:lnTo>
                  <a:close/>
                </a:path>
                <a:path w="818514" h="5079">
                  <a:moveTo>
                    <a:pt x="160020" y="0"/>
                  </a:moveTo>
                  <a:lnTo>
                    <a:pt x="156972" y="0"/>
                  </a:lnTo>
                  <a:lnTo>
                    <a:pt x="156972" y="4572"/>
                  </a:lnTo>
                  <a:lnTo>
                    <a:pt x="160020" y="4572"/>
                  </a:lnTo>
                  <a:lnTo>
                    <a:pt x="160020" y="0"/>
                  </a:lnTo>
                  <a:close/>
                </a:path>
                <a:path w="818514" h="5079">
                  <a:moveTo>
                    <a:pt x="167640" y="0"/>
                  </a:moveTo>
                  <a:lnTo>
                    <a:pt x="164592" y="0"/>
                  </a:lnTo>
                  <a:lnTo>
                    <a:pt x="164592" y="4572"/>
                  </a:lnTo>
                  <a:lnTo>
                    <a:pt x="167640" y="4572"/>
                  </a:lnTo>
                  <a:lnTo>
                    <a:pt x="167640" y="0"/>
                  </a:lnTo>
                  <a:close/>
                </a:path>
                <a:path w="818514" h="5079">
                  <a:moveTo>
                    <a:pt x="173736" y="0"/>
                  </a:moveTo>
                  <a:lnTo>
                    <a:pt x="170688" y="0"/>
                  </a:lnTo>
                  <a:lnTo>
                    <a:pt x="170688" y="4572"/>
                  </a:lnTo>
                  <a:lnTo>
                    <a:pt x="173736" y="4572"/>
                  </a:lnTo>
                  <a:lnTo>
                    <a:pt x="173736" y="0"/>
                  </a:lnTo>
                  <a:close/>
                </a:path>
                <a:path w="818514" h="5079">
                  <a:moveTo>
                    <a:pt x="181356" y="0"/>
                  </a:moveTo>
                  <a:lnTo>
                    <a:pt x="178308" y="0"/>
                  </a:lnTo>
                  <a:lnTo>
                    <a:pt x="178308" y="4572"/>
                  </a:lnTo>
                  <a:lnTo>
                    <a:pt x="181356" y="4572"/>
                  </a:lnTo>
                  <a:lnTo>
                    <a:pt x="181356" y="0"/>
                  </a:lnTo>
                  <a:close/>
                </a:path>
                <a:path w="818514" h="5079">
                  <a:moveTo>
                    <a:pt x="359664" y="0"/>
                  </a:moveTo>
                  <a:lnTo>
                    <a:pt x="356616" y="0"/>
                  </a:lnTo>
                  <a:lnTo>
                    <a:pt x="356616" y="4572"/>
                  </a:lnTo>
                  <a:lnTo>
                    <a:pt x="359664" y="4572"/>
                  </a:lnTo>
                  <a:lnTo>
                    <a:pt x="359664" y="0"/>
                  </a:lnTo>
                  <a:close/>
                </a:path>
                <a:path w="818514" h="5079">
                  <a:moveTo>
                    <a:pt x="365760" y="0"/>
                  </a:moveTo>
                  <a:lnTo>
                    <a:pt x="362712" y="0"/>
                  </a:lnTo>
                  <a:lnTo>
                    <a:pt x="362712" y="4572"/>
                  </a:lnTo>
                  <a:lnTo>
                    <a:pt x="365760" y="4572"/>
                  </a:lnTo>
                  <a:lnTo>
                    <a:pt x="365760" y="0"/>
                  </a:lnTo>
                  <a:close/>
                </a:path>
                <a:path w="818514" h="5079">
                  <a:moveTo>
                    <a:pt x="373380" y="0"/>
                  </a:moveTo>
                  <a:lnTo>
                    <a:pt x="370332" y="0"/>
                  </a:lnTo>
                  <a:lnTo>
                    <a:pt x="370332" y="4572"/>
                  </a:lnTo>
                  <a:lnTo>
                    <a:pt x="373380" y="4572"/>
                  </a:lnTo>
                  <a:lnTo>
                    <a:pt x="373380" y="0"/>
                  </a:lnTo>
                  <a:close/>
                </a:path>
                <a:path w="818514" h="5079">
                  <a:moveTo>
                    <a:pt x="379476" y="0"/>
                  </a:moveTo>
                  <a:lnTo>
                    <a:pt x="376428" y="0"/>
                  </a:lnTo>
                  <a:lnTo>
                    <a:pt x="376428" y="4572"/>
                  </a:lnTo>
                  <a:lnTo>
                    <a:pt x="379476" y="4572"/>
                  </a:lnTo>
                  <a:lnTo>
                    <a:pt x="379476" y="0"/>
                  </a:lnTo>
                  <a:close/>
                </a:path>
                <a:path w="818514" h="5079">
                  <a:moveTo>
                    <a:pt x="387096" y="0"/>
                  </a:moveTo>
                  <a:lnTo>
                    <a:pt x="384048" y="0"/>
                  </a:lnTo>
                  <a:lnTo>
                    <a:pt x="384048" y="4572"/>
                  </a:lnTo>
                  <a:lnTo>
                    <a:pt x="387096" y="4572"/>
                  </a:lnTo>
                  <a:lnTo>
                    <a:pt x="387096" y="0"/>
                  </a:lnTo>
                  <a:close/>
                </a:path>
                <a:path w="818514" h="5079">
                  <a:moveTo>
                    <a:pt x="393192" y="0"/>
                  </a:moveTo>
                  <a:lnTo>
                    <a:pt x="390144" y="0"/>
                  </a:lnTo>
                  <a:lnTo>
                    <a:pt x="390144" y="4572"/>
                  </a:lnTo>
                  <a:lnTo>
                    <a:pt x="393192" y="4572"/>
                  </a:lnTo>
                  <a:lnTo>
                    <a:pt x="393192" y="0"/>
                  </a:lnTo>
                  <a:close/>
                </a:path>
                <a:path w="818514" h="5079">
                  <a:moveTo>
                    <a:pt x="400812" y="0"/>
                  </a:moveTo>
                  <a:lnTo>
                    <a:pt x="397764" y="0"/>
                  </a:lnTo>
                  <a:lnTo>
                    <a:pt x="397764" y="4572"/>
                  </a:lnTo>
                  <a:lnTo>
                    <a:pt x="400812" y="4572"/>
                  </a:lnTo>
                  <a:lnTo>
                    <a:pt x="400812" y="0"/>
                  </a:lnTo>
                  <a:close/>
                </a:path>
                <a:path w="818514" h="5079">
                  <a:moveTo>
                    <a:pt x="406908" y="0"/>
                  </a:moveTo>
                  <a:lnTo>
                    <a:pt x="403860" y="0"/>
                  </a:lnTo>
                  <a:lnTo>
                    <a:pt x="403860" y="4572"/>
                  </a:lnTo>
                  <a:lnTo>
                    <a:pt x="406908" y="4572"/>
                  </a:lnTo>
                  <a:lnTo>
                    <a:pt x="406908" y="0"/>
                  </a:lnTo>
                  <a:close/>
                </a:path>
                <a:path w="818514" h="5079">
                  <a:moveTo>
                    <a:pt x="414528" y="0"/>
                  </a:moveTo>
                  <a:lnTo>
                    <a:pt x="411480" y="0"/>
                  </a:lnTo>
                  <a:lnTo>
                    <a:pt x="411480" y="4572"/>
                  </a:lnTo>
                  <a:lnTo>
                    <a:pt x="414528" y="4572"/>
                  </a:lnTo>
                  <a:lnTo>
                    <a:pt x="414528" y="0"/>
                  </a:lnTo>
                  <a:close/>
                </a:path>
                <a:path w="818514" h="5079">
                  <a:moveTo>
                    <a:pt x="420624" y="0"/>
                  </a:moveTo>
                  <a:lnTo>
                    <a:pt x="417576" y="0"/>
                  </a:lnTo>
                  <a:lnTo>
                    <a:pt x="417576" y="4572"/>
                  </a:lnTo>
                  <a:lnTo>
                    <a:pt x="420624" y="4572"/>
                  </a:lnTo>
                  <a:lnTo>
                    <a:pt x="420624" y="0"/>
                  </a:lnTo>
                  <a:close/>
                </a:path>
                <a:path w="818514" h="5079">
                  <a:moveTo>
                    <a:pt x="428244" y="0"/>
                  </a:moveTo>
                  <a:lnTo>
                    <a:pt x="425196" y="0"/>
                  </a:lnTo>
                  <a:lnTo>
                    <a:pt x="425196" y="4572"/>
                  </a:lnTo>
                  <a:lnTo>
                    <a:pt x="428244" y="4572"/>
                  </a:lnTo>
                  <a:lnTo>
                    <a:pt x="428244" y="0"/>
                  </a:lnTo>
                  <a:close/>
                </a:path>
                <a:path w="818514" h="5079">
                  <a:moveTo>
                    <a:pt x="434340" y="0"/>
                  </a:moveTo>
                  <a:lnTo>
                    <a:pt x="431292" y="0"/>
                  </a:lnTo>
                  <a:lnTo>
                    <a:pt x="431292" y="4572"/>
                  </a:lnTo>
                  <a:lnTo>
                    <a:pt x="434340" y="4572"/>
                  </a:lnTo>
                  <a:lnTo>
                    <a:pt x="434340" y="0"/>
                  </a:lnTo>
                  <a:close/>
                </a:path>
                <a:path w="818514" h="5079">
                  <a:moveTo>
                    <a:pt x="441960" y="0"/>
                  </a:moveTo>
                  <a:lnTo>
                    <a:pt x="438912" y="0"/>
                  </a:lnTo>
                  <a:lnTo>
                    <a:pt x="438912" y="4572"/>
                  </a:lnTo>
                  <a:lnTo>
                    <a:pt x="441960" y="4572"/>
                  </a:lnTo>
                  <a:lnTo>
                    <a:pt x="441960" y="0"/>
                  </a:lnTo>
                  <a:close/>
                </a:path>
                <a:path w="818514" h="5079">
                  <a:moveTo>
                    <a:pt x="448056" y="0"/>
                  </a:moveTo>
                  <a:lnTo>
                    <a:pt x="445008" y="0"/>
                  </a:lnTo>
                  <a:lnTo>
                    <a:pt x="445008" y="4572"/>
                  </a:lnTo>
                  <a:lnTo>
                    <a:pt x="448056" y="4572"/>
                  </a:lnTo>
                  <a:lnTo>
                    <a:pt x="448056" y="0"/>
                  </a:lnTo>
                  <a:close/>
                </a:path>
                <a:path w="818514" h="5079">
                  <a:moveTo>
                    <a:pt x="455676" y="0"/>
                  </a:moveTo>
                  <a:lnTo>
                    <a:pt x="452628" y="0"/>
                  </a:lnTo>
                  <a:lnTo>
                    <a:pt x="452628" y="4572"/>
                  </a:lnTo>
                  <a:lnTo>
                    <a:pt x="455676" y="4572"/>
                  </a:lnTo>
                  <a:lnTo>
                    <a:pt x="455676" y="0"/>
                  </a:lnTo>
                  <a:close/>
                </a:path>
                <a:path w="818514" h="5079">
                  <a:moveTo>
                    <a:pt x="461772" y="0"/>
                  </a:moveTo>
                  <a:lnTo>
                    <a:pt x="458724" y="0"/>
                  </a:lnTo>
                  <a:lnTo>
                    <a:pt x="458724" y="4572"/>
                  </a:lnTo>
                  <a:lnTo>
                    <a:pt x="461772" y="4572"/>
                  </a:lnTo>
                  <a:lnTo>
                    <a:pt x="461772" y="0"/>
                  </a:lnTo>
                  <a:close/>
                </a:path>
                <a:path w="818514" h="5079">
                  <a:moveTo>
                    <a:pt x="469392" y="0"/>
                  </a:moveTo>
                  <a:lnTo>
                    <a:pt x="466344" y="0"/>
                  </a:lnTo>
                  <a:lnTo>
                    <a:pt x="466344" y="4572"/>
                  </a:lnTo>
                  <a:lnTo>
                    <a:pt x="469392" y="4572"/>
                  </a:lnTo>
                  <a:lnTo>
                    <a:pt x="469392" y="0"/>
                  </a:lnTo>
                  <a:close/>
                </a:path>
                <a:path w="818514" h="5079">
                  <a:moveTo>
                    <a:pt x="475488" y="0"/>
                  </a:moveTo>
                  <a:lnTo>
                    <a:pt x="472440" y="0"/>
                  </a:lnTo>
                  <a:lnTo>
                    <a:pt x="472440" y="4572"/>
                  </a:lnTo>
                  <a:lnTo>
                    <a:pt x="475488" y="4572"/>
                  </a:lnTo>
                  <a:lnTo>
                    <a:pt x="475488" y="0"/>
                  </a:lnTo>
                  <a:close/>
                </a:path>
                <a:path w="818514" h="5079">
                  <a:moveTo>
                    <a:pt x="483108" y="0"/>
                  </a:moveTo>
                  <a:lnTo>
                    <a:pt x="480060" y="0"/>
                  </a:lnTo>
                  <a:lnTo>
                    <a:pt x="480060" y="4572"/>
                  </a:lnTo>
                  <a:lnTo>
                    <a:pt x="483108" y="4572"/>
                  </a:lnTo>
                  <a:lnTo>
                    <a:pt x="483108" y="0"/>
                  </a:lnTo>
                  <a:close/>
                </a:path>
                <a:path w="818514" h="5079">
                  <a:moveTo>
                    <a:pt x="489204" y="0"/>
                  </a:moveTo>
                  <a:lnTo>
                    <a:pt x="486156" y="0"/>
                  </a:lnTo>
                  <a:lnTo>
                    <a:pt x="486156" y="4572"/>
                  </a:lnTo>
                  <a:lnTo>
                    <a:pt x="489204" y="4572"/>
                  </a:lnTo>
                  <a:lnTo>
                    <a:pt x="489204" y="0"/>
                  </a:lnTo>
                  <a:close/>
                </a:path>
                <a:path w="818514" h="5079">
                  <a:moveTo>
                    <a:pt x="496824" y="0"/>
                  </a:moveTo>
                  <a:lnTo>
                    <a:pt x="493776" y="0"/>
                  </a:lnTo>
                  <a:lnTo>
                    <a:pt x="493776" y="4572"/>
                  </a:lnTo>
                  <a:lnTo>
                    <a:pt x="496824" y="4572"/>
                  </a:lnTo>
                  <a:lnTo>
                    <a:pt x="496824" y="0"/>
                  </a:lnTo>
                  <a:close/>
                </a:path>
                <a:path w="818514" h="5079">
                  <a:moveTo>
                    <a:pt x="502920" y="0"/>
                  </a:moveTo>
                  <a:lnTo>
                    <a:pt x="499872" y="0"/>
                  </a:lnTo>
                  <a:lnTo>
                    <a:pt x="499872" y="4572"/>
                  </a:lnTo>
                  <a:lnTo>
                    <a:pt x="502920" y="4572"/>
                  </a:lnTo>
                  <a:lnTo>
                    <a:pt x="502920" y="0"/>
                  </a:lnTo>
                  <a:close/>
                </a:path>
                <a:path w="818514" h="5079">
                  <a:moveTo>
                    <a:pt x="510540" y="0"/>
                  </a:moveTo>
                  <a:lnTo>
                    <a:pt x="507492" y="0"/>
                  </a:lnTo>
                  <a:lnTo>
                    <a:pt x="507492" y="4572"/>
                  </a:lnTo>
                  <a:lnTo>
                    <a:pt x="510540" y="4572"/>
                  </a:lnTo>
                  <a:lnTo>
                    <a:pt x="510540" y="0"/>
                  </a:lnTo>
                  <a:close/>
                </a:path>
                <a:path w="818514" h="5079">
                  <a:moveTo>
                    <a:pt x="516636" y="0"/>
                  </a:moveTo>
                  <a:lnTo>
                    <a:pt x="513588" y="0"/>
                  </a:lnTo>
                  <a:lnTo>
                    <a:pt x="513588" y="4572"/>
                  </a:lnTo>
                  <a:lnTo>
                    <a:pt x="516636" y="4572"/>
                  </a:lnTo>
                  <a:lnTo>
                    <a:pt x="516636" y="0"/>
                  </a:lnTo>
                  <a:close/>
                </a:path>
                <a:path w="818514" h="5079">
                  <a:moveTo>
                    <a:pt x="524256" y="0"/>
                  </a:moveTo>
                  <a:lnTo>
                    <a:pt x="521208" y="0"/>
                  </a:lnTo>
                  <a:lnTo>
                    <a:pt x="521208" y="4572"/>
                  </a:lnTo>
                  <a:lnTo>
                    <a:pt x="524256" y="4572"/>
                  </a:lnTo>
                  <a:lnTo>
                    <a:pt x="524256" y="0"/>
                  </a:lnTo>
                  <a:close/>
                </a:path>
                <a:path w="818514" h="5079">
                  <a:moveTo>
                    <a:pt x="530352" y="0"/>
                  </a:moveTo>
                  <a:lnTo>
                    <a:pt x="527304" y="0"/>
                  </a:lnTo>
                  <a:lnTo>
                    <a:pt x="527304" y="4572"/>
                  </a:lnTo>
                  <a:lnTo>
                    <a:pt x="530352" y="4572"/>
                  </a:lnTo>
                  <a:lnTo>
                    <a:pt x="530352" y="0"/>
                  </a:lnTo>
                  <a:close/>
                </a:path>
                <a:path w="818514" h="5079">
                  <a:moveTo>
                    <a:pt x="537972" y="0"/>
                  </a:moveTo>
                  <a:lnTo>
                    <a:pt x="534924" y="0"/>
                  </a:lnTo>
                  <a:lnTo>
                    <a:pt x="534924" y="4572"/>
                  </a:lnTo>
                  <a:lnTo>
                    <a:pt x="537972" y="4572"/>
                  </a:lnTo>
                  <a:lnTo>
                    <a:pt x="537972" y="0"/>
                  </a:lnTo>
                  <a:close/>
                </a:path>
                <a:path w="818514" h="5079">
                  <a:moveTo>
                    <a:pt x="544068" y="0"/>
                  </a:moveTo>
                  <a:lnTo>
                    <a:pt x="541020" y="0"/>
                  </a:lnTo>
                  <a:lnTo>
                    <a:pt x="541020" y="4572"/>
                  </a:lnTo>
                  <a:lnTo>
                    <a:pt x="544068" y="4572"/>
                  </a:lnTo>
                  <a:lnTo>
                    <a:pt x="544068" y="0"/>
                  </a:lnTo>
                  <a:close/>
                </a:path>
                <a:path w="818514" h="5079">
                  <a:moveTo>
                    <a:pt x="551688" y="0"/>
                  </a:moveTo>
                  <a:lnTo>
                    <a:pt x="548640" y="0"/>
                  </a:lnTo>
                  <a:lnTo>
                    <a:pt x="548640" y="4572"/>
                  </a:lnTo>
                  <a:lnTo>
                    <a:pt x="551688" y="4572"/>
                  </a:lnTo>
                  <a:lnTo>
                    <a:pt x="551688" y="0"/>
                  </a:lnTo>
                  <a:close/>
                </a:path>
                <a:path w="818514" h="5079">
                  <a:moveTo>
                    <a:pt x="557784" y="0"/>
                  </a:moveTo>
                  <a:lnTo>
                    <a:pt x="554736" y="0"/>
                  </a:lnTo>
                  <a:lnTo>
                    <a:pt x="554736" y="4572"/>
                  </a:lnTo>
                  <a:lnTo>
                    <a:pt x="557784" y="4572"/>
                  </a:lnTo>
                  <a:lnTo>
                    <a:pt x="557784" y="0"/>
                  </a:lnTo>
                  <a:close/>
                </a:path>
                <a:path w="818514" h="5079">
                  <a:moveTo>
                    <a:pt x="565404" y="0"/>
                  </a:moveTo>
                  <a:lnTo>
                    <a:pt x="562356" y="0"/>
                  </a:lnTo>
                  <a:lnTo>
                    <a:pt x="562356" y="4572"/>
                  </a:lnTo>
                  <a:lnTo>
                    <a:pt x="565404" y="4572"/>
                  </a:lnTo>
                  <a:lnTo>
                    <a:pt x="565404" y="0"/>
                  </a:lnTo>
                  <a:close/>
                </a:path>
                <a:path w="818514" h="5079">
                  <a:moveTo>
                    <a:pt x="571500" y="0"/>
                  </a:moveTo>
                  <a:lnTo>
                    <a:pt x="568452" y="0"/>
                  </a:lnTo>
                  <a:lnTo>
                    <a:pt x="568452" y="4572"/>
                  </a:lnTo>
                  <a:lnTo>
                    <a:pt x="571500" y="4572"/>
                  </a:lnTo>
                  <a:lnTo>
                    <a:pt x="571500" y="0"/>
                  </a:lnTo>
                  <a:close/>
                </a:path>
                <a:path w="818514" h="5079">
                  <a:moveTo>
                    <a:pt x="579120" y="0"/>
                  </a:moveTo>
                  <a:lnTo>
                    <a:pt x="576072" y="0"/>
                  </a:lnTo>
                  <a:lnTo>
                    <a:pt x="576072" y="4572"/>
                  </a:lnTo>
                  <a:lnTo>
                    <a:pt x="579120" y="4572"/>
                  </a:lnTo>
                  <a:lnTo>
                    <a:pt x="579120" y="0"/>
                  </a:lnTo>
                  <a:close/>
                </a:path>
                <a:path w="818514" h="5079">
                  <a:moveTo>
                    <a:pt x="585216" y="0"/>
                  </a:moveTo>
                  <a:lnTo>
                    <a:pt x="582168" y="0"/>
                  </a:lnTo>
                  <a:lnTo>
                    <a:pt x="582168" y="4572"/>
                  </a:lnTo>
                  <a:lnTo>
                    <a:pt x="585216" y="4572"/>
                  </a:lnTo>
                  <a:lnTo>
                    <a:pt x="585216" y="0"/>
                  </a:lnTo>
                  <a:close/>
                </a:path>
                <a:path w="818514" h="5079">
                  <a:moveTo>
                    <a:pt x="592836" y="0"/>
                  </a:moveTo>
                  <a:lnTo>
                    <a:pt x="589788" y="0"/>
                  </a:lnTo>
                  <a:lnTo>
                    <a:pt x="589788" y="4572"/>
                  </a:lnTo>
                  <a:lnTo>
                    <a:pt x="592836" y="4572"/>
                  </a:lnTo>
                  <a:lnTo>
                    <a:pt x="592836" y="0"/>
                  </a:lnTo>
                  <a:close/>
                </a:path>
                <a:path w="818514" h="5079">
                  <a:moveTo>
                    <a:pt x="598932" y="0"/>
                  </a:moveTo>
                  <a:lnTo>
                    <a:pt x="595884" y="0"/>
                  </a:lnTo>
                  <a:lnTo>
                    <a:pt x="595884" y="4572"/>
                  </a:lnTo>
                  <a:lnTo>
                    <a:pt x="598932" y="4572"/>
                  </a:lnTo>
                  <a:lnTo>
                    <a:pt x="598932" y="0"/>
                  </a:lnTo>
                  <a:close/>
                </a:path>
                <a:path w="818514" h="5079">
                  <a:moveTo>
                    <a:pt x="606552" y="0"/>
                  </a:moveTo>
                  <a:lnTo>
                    <a:pt x="603504" y="0"/>
                  </a:lnTo>
                  <a:lnTo>
                    <a:pt x="603504" y="4572"/>
                  </a:lnTo>
                  <a:lnTo>
                    <a:pt x="606552" y="4572"/>
                  </a:lnTo>
                  <a:lnTo>
                    <a:pt x="606552" y="0"/>
                  </a:lnTo>
                  <a:close/>
                </a:path>
                <a:path w="818514" h="5079">
                  <a:moveTo>
                    <a:pt x="777240" y="0"/>
                  </a:moveTo>
                  <a:lnTo>
                    <a:pt x="775716" y="0"/>
                  </a:lnTo>
                  <a:lnTo>
                    <a:pt x="775716" y="4572"/>
                  </a:lnTo>
                  <a:lnTo>
                    <a:pt x="777240" y="4572"/>
                  </a:lnTo>
                  <a:lnTo>
                    <a:pt x="777240" y="0"/>
                  </a:lnTo>
                  <a:close/>
                </a:path>
                <a:path w="818514" h="5079">
                  <a:moveTo>
                    <a:pt x="784860" y="0"/>
                  </a:moveTo>
                  <a:lnTo>
                    <a:pt x="780288" y="0"/>
                  </a:lnTo>
                  <a:lnTo>
                    <a:pt x="780288" y="4572"/>
                  </a:lnTo>
                  <a:lnTo>
                    <a:pt x="784860" y="4572"/>
                  </a:lnTo>
                  <a:lnTo>
                    <a:pt x="784860" y="0"/>
                  </a:lnTo>
                  <a:close/>
                </a:path>
                <a:path w="818514" h="5079">
                  <a:moveTo>
                    <a:pt x="790956" y="0"/>
                  </a:moveTo>
                  <a:lnTo>
                    <a:pt x="787908" y="0"/>
                  </a:lnTo>
                  <a:lnTo>
                    <a:pt x="787908" y="4572"/>
                  </a:lnTo>
                  <a:lnTo>
                    <a:pt x="790956" y="4572"/>
                  </a:lnTo>
                  <a:lnTo>
                    <a:pt x="790956" y="0"/>
                  </a:lnTo>
                  <a:close/>
                </a:path>
                <a:path w="818514" h="5079">
                  <a:moveTo>
                    <a:pt x="798576" y="0"/>
                  </a:moveTo>
                  <a:lnTo>
                    <a:pt x="794004" y="0"/>
                  </a:lnTo>
                  <a:lnTo>
                    <a:pt x="794004" y="4572"/>
                  </a:lnTo>
                  <a:lnTo>
                    <a:pt x="798576" y="4572"/>
                  </a:lnTo>
                  <a:lnTo>
                    <a:pt x="798576" y="0"/>
                  </a:lnTo>
                  <a:close/>
                </a:path>
                <a:path w="818514" h="5079">
                  <a:moveTo>
                    <a:pt x="804672" y="0"/>
                  </a:moveTo>
                  <a:lnTo>
                    <a:pt x="801624" y="0"/>
                  </a:lnTo>
                  <a:lnTo>
                    <a:pt x="801624" y="4572"/>
                  </a:lnTo>
                  <a:lnTo>
                    <a:pt x="804672" y="4572"/>
                  </a:lnTo>
                  <a:lnTo>
                    <a:pt x="804672" y="0"/>
                  </a:lnTo>
                  <a:close/>
                </a:path>
                <a:path w="818514" h="5079">
                  <a:moveTo>
                    <a:pt x="812292" y="0"/>
                  </a:moveTo>
                  <a:lnTo>
                    <a:pt x="807720" y="0"/>
                  </a:lnTo>
                  <a:lnTo>
                    <a:pt x="807720" y="4572"/>
                  </a:lnTo>
                  <a:lnTo>
                    <a:pt x="812292" y="4572"/>
                  </a:lnTo>
                  <a:lnTo>
                    <a:pt x="812292" y="0"/>
                  </a:lnTo>
                  <a:close/>
                </a:path>
                <a:path w="818514"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62" name="object 62"/>
            <p:cNvSpPr/>
            <p:nvPr/>
          </p:nvSpPr>
          <p:spPr>
            <a:xfrm>
              <a:off x="4820412" y="4520183"/>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6096" y="0"/>
                  </a:lnTo>
                  <a:lnTo>
                    <a:pt x="6096"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19812" y="0"/>
                  </a:lnTo>
                  <a:lnTo>
                    <a:pt x="19812"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3528" y="0"/>
                  </a:lnTo>
                  <a:lnTo>
                    <a:pt x="33528"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7244" y="0"/>
                  </a:lnTo>
                  <a:lnTo>
                    <a:pt x="47244"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0960" y="0"/>
                  </a:lnTo>
                  <a:lnTo>
                    <a:pt x="60960"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4676" y="0"/>
                  </a:lnTo>
                  <a:lnTo>
                    <a:pt x="74676"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8392" y="0"/>
                  </a:lnTo>
                  <a:lnTo>
                    <a:pt x="88392"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2108" y="0"/>
                  </a:lnTo>
                  <a:lnTo>
                    <a:pt x="102108"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5824" y="0"/>
                  </a:lnTo>
                  <a:lnTo>
                    <a:pt x="115824"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29540" y="0"/>
                  </a:lnTo>
                  <a:lnTo>
                    <a:pt x="129540"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3256" y="0"/>
                  </a:lnTo>
                  <a:lnTo>
                    <a:pt x="143256"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6972" y="0"/>
                  </a:lnTo>
                  <a:lnTo>
                    <a:pt x="156972" y="4572"/>
                  </a:lnTo>
                  <a:lnTo>
                    <a:pt x="161544" y="4572"/>
                  </a:lnTo>
                  <a:lnTo>
                    <a:pt x="161544" y="0"/>
                  </a:lnTo>
                  <a:close/>
                </a:path>
                <a:path w="812800" h="5079">
                  <a:moveTo>
                    <a:pt x="167640" y="0"/>
                  </a:moveTo>
                  <a:lnTo>
                    <a:pt x="164592" y="0"/>
                  </a:lnTo>
                  <a:lnTo>
                    <a:pt x="164592" y="4572"/>
                  </a:lnTo>
                  <a:lnTo>
                    <a:pt x="167640" y="4572"/>
                  </a:lnTo>
                  <a:lnTo>
                    <a:pt x="167640" y="0"/>
                  </a:lnTo>
                  <a:close/>
                </a:path>
                <a:path w="812800" h="5079">
                  <a:moveTo>
                    <a:pt x="175260" y="0"/>
                  </a:moveTo>
                  <a:lnTo>
                    <a:pt x="170688" y="0"/>
                  </a:lnTo>
                  <a:lnTo>
                    <a:pt x="170688" y="4572"/>
                  </a:lnTo>
                  <a:lnTo>
                    <a:pt x="175260" y="4572"/>
                  </a:lnTo>
                  <a:lnTo>
                    <a:pt x="175260" y="0"/>
                  </a:lnTo>
                  <a:close/>
                </a:path>
                <a:path w="812800" h="5079">
                  <a:moveTo>
                    <a:pt x="181356" y="0"/>
                  </a:moveTo>
                  <a:lnTo>
                    <a:pt x="178308" y="0"/>
                  </a:lnTo>
                  <a:lnTo>
                    <a:pt x="178308" y="4572"/>
                  </a:lnTo>
                  <a:lnTo>
                    <a:pt x="181356" y="4572"/>
                  </a:lnTo>
                  <a:lnTo>
                    <a:pt x="181356" y="0"/>
                  </a:lnTo>
                  <a:close/>
                </a:path>
                <a:path w="812800" h="5079">
                  <a:moveTo>
                    <a:pt x="188976" y="0"/>
                  </a:moveTo>
                  <a:lnTo>
                    <a:pt x="184404" y="0"/>
                  </a:lnTo>
                  <a:lnTo>
                    <a:pt x="184404" y="4572"/>
                  </a:lnTo>
                  <a:lnTo>
                    <a:pt x="188976" y="4572"/>
                  </a:lnTo>
                  <a:lnTo>
                    <a:pt x="188976" y="0"/>
                  </a:lnTo>
                  <a:close/>
                </a:path>
                <a:path w="812800" h="5079">
                  <a:moveTo>
                    <a:pt x="195072" y="0"/>
                  </a:moveTo>
                  <a:lnTo>
                    <a:pt x="192024" y="0"/>
                  </a:lnTo>
                  <a:lnTo>
                    <a:pt x="192024" y="4572"/>
                  </a:lnTo>
                  <a:lnTo>
                    <a:pt x="195072" y="4572"/>
                  </a:lnTo>
                  <a:lnTo>
                    <a:pt x="195072" y="0"/>
                  </a:lnTo>
                  <a:close/>
                </a:path>
                <a:path w="812800" h="5079">
                  <a:moveTo>
                    <a:pt x="202692" y="0"/>
                  </a:moveTo>
                  <a:lnTo>
                    <a:pt x="198120" y="0"/>
                  </a:lnTo>
                  <a:lnTo>
                    <a:pt x="198120" y="4572"/>
                  </a:lnTo>
                  <a:lnTo>
                    <a:pt x="202692" y="4572"/>
                  </a:lnTo>
                  <a:lnTo>
                    <a:pt x="202692" y="0"/>
                  </a:lnTo>
                  <a:close/>
                </a:path>
                <a:path w="812800" h="5079">
                  <a:moveTo>
                    <a:pt x="208788" y="0"/>
                  </a:moveTo>
                  <a:lnTo>
                    <a:pt x="205740" y="0"/>
                  </a:lnTo>
                  <a:lnTo>
                    <a:pt x="205740" y="4572"/>
                  </a:lnTo>
                  <a:lnTo>
                    <a:pt x="208788" y="4572"/>
                  </a:lnTo>
                  <a:lnTo>
                    <a:pt x="208788" y="0"/>
                  </a:lnTo>
                  <a:close/>
                </a:path>
                <a:path w="812800" h="5079">
                  <a:moveTo>
                    <a:pt x="216408" y="0"/>
                  </a:moveTo>
                  <a:lnTo>
                    <a:pt x="211836" y="0"/>
                  </a:lnTo>
                  <a:lnTo>
                    <a:pt x="211836" y="4572"/>
                  </a:lnTo>
                  <a:lnTo>
                    <a:pt x="216408" y="4572"/>
                  </a:lnTo>
                  <a:lnTo>
                    <a:pt x="216408" y="0"/>
                  </a:lnTo>
                  <a:close/>
                </a:path>
                <a:path w="812800" h="5079">
                  <a:moveTo>
                    <a:pt x="387096" y="0"/>
                  </a:moveTo>
                  <a:lnTo>
                    <a:pt x="385572" y="0"/>
                  </a:lnTo>
                  <a:lnTo>
                    <a:pt x="385572" y="4572"/>
                  </a:lnTo>
                  <a:lnTo>
                    <a:pt x="387096" y="4572"/>
                  </a:lnTo>
                  <a:lnTo>
                    <a:pt x="387096" y="0"/>
                  </a:lnTo>
                  <a:close/>
                </a:path>
                <a:path w="812800" h="5079">
                  <a:moveTo>
                    <a:pt x="394716" y="0"/>
                  </a:moveTo>
                  <a:lnTo>
                    <a:pt x="390144" y="0"/>
                  </a:lnTo>
                  <a:lnTo>
                    <a:pt x="390144"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3860" y="0"/>
                  </a:lnTo>
                  <a:lnTo>
                    <a:pt x="403860"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531876" y="0"/>
                  </a:moveTo>
                  <a:lnTo>
                    <a:pt x="527304" y="0"/>
                  </a:lnTo>
                  <a:lnTo>
                    <a:pt x="527304" y="4572"/>
                  </a:lnTo>
                  <a:lnTo>
                    <a:pt x="531876" y="4572"/>
                  </a:lnTo>
                  <a:lnTo>
                    <a:pt x="531876" y="0"/>
                  </a:lnTo>
                  <a:close/>
                </a:path>
                <a:path w="812800" h="5079">
                  <a:moveTo>
                    <a:pt x="537972" y="0"/>
                  </a:moveTo>
                  <a:lnTo>
                    <a:pt x="534924" y="0"/>
                  </a:lnTo>
                  <a:lnTo>
                    <a:pt x="534924" y="4572"/>
                  </a:lnTo>
                  <a:lnTo>
                    <a:pt x="537972" y="4572"/>
                  </a:lnTo>
                  <a:lnTo>
                    <a:pt x="537972" y="0"/>
                  </a:lnTo>
                  <a:close/>
                </a:path>
                <a:path w="812800" h="5079">
                  <a:moveTo>
                    <a:pt x="544068" y="0"/>
                  </a:moveTo>
                  <a:lnTo>
                    <a:pt x="541020" y="0"/>
                  </a:lnTo>
                  <a:lnTo>
                    <a:pt x="541020" y="4572"/>
                  </a:lnTo>
                  <a:lnTo>
                    <a:pt x="544068" y="4572"/>
                  </a:lnTo>
                  <a:lnTo>
                    <a:pt x="544068" y="0"/>
                  </a:lnTo>
                  <a:close/>
                </a:path>
                <a:path w="812800" h="5079">
                  <a:moveTo>
                    <a:pt x="551688" y="0"/>
                  </a:moveTo>
                  <a:lnTo>
                    <a:pt x="548640" y="0"/>
                  </a:lnTo>
                  <a:lnTo>
                    <a:pt x="548640" y="4572"/>
                  </a:lnTo>
                  <a:lnTo>
                    <a:pt x="551688" y="4572"/>
                  </a:lnTo>
                  <a:lnTo>
                    <a:pt x="551688" y="0"/>
                  </a:lnTo>
                  <a:close/>
                </a:path>
                <a:path w="812800" h="5079">
                  <a:moveTo>
                    <a:pt x="557784" y="0"/>
                  </a:moveTo>
                  <a:lnTo>
                    <a:pt x="554736" y="0"/>
                  </a:lnTo>
                  <a:lnTo>
                    <a:pt x="554736" y="4572"/>
                  </a:lnTo>
                  <a:lnTo>
                    <a:pt x="557784" y="4572"/>
                  </a:lnTo>
                  <a:lnTo>
                    <a:pt x="557784" y="0"/>
                  </a:lnTo>
                  <a:close/>
                </a:path>
                <a:path w="812800" h="5079">
                  <a:moveTo>
                    <a:pt x="565404" y="0"/>
                  </a:moveTo>
                  <a:lnTo>
                    <a:pt x="562356" y="0"/>
                  </a:lnTo>
                  <a:lnTo>
                    <a:pt x="562356" y="4572"/>
                  </a:lnTo>
                  <a:lnTo>
                    <a:pt x="565404" y="4572"/>
                  </a:lnTo>
                  <a:lnTo>
                    <a:pt x="565404" y="0"/>
                  </a:lnTo>
                  <a:close/>
                </a:path>
                <a:path w="812800" h="5079">
                  <a:moveTo>
                    <a:pt x="571500" y="0"/>
                  </a:moveTo>
                  <a:lnTo>
                    <a:pt x="568452" y="0"/>
                  </a:lnTo>
                  <a:lnTo>
                    <a:pt x="568452" y="4572"/>
                  </a:lnTo>
                  <a:lnTo>
                    <a:pt x="571500" y="4572"/>
                  </a:lnTo>
                  <a:lnTo>
                    <a:pt x="571500" y="0"/>
                  </a:lnTo>
                  <a:close/>
                </a:path>
                <a:path w="812800" h="5079">
                  <a:moveTo>
                    <a:pt x="579120" y="0"/>
                  </a:moveTo>
                  <a:lnTo>
                    <a:pt x="576072" y="0"/>
                  </a:lnTo>
                  <a:lnTo>
                    <a:pt x="576072" y="4572"/>
                  </a:lnTo>
                  <a:lnTo>
                    <a:pt x="579120" y="4572"/>
                  </a:lnTo>
                  <a:lnTo>
                    <a:pt x="579120" y="0"/>
                  </a:lnTo>
                  <a:close/>
                </a:path>
                <a:path w="812800" h="5079">
                  <a:moveTo>
                    <a:pt x="585216" y="0"/>
                  </a:moveTo>
                  <a:lnTo>
                    <a:pt x="582168" y="0"/>
                  </a:lnTo>
                  <a:lnTo>
                    <a:pt x="582168" y="4572"/>
                  </a:lnTo>
                  <a:lnTo>
                    <a:pt x="585216" y="4572"/>
                  </a:lnTo>
                  <a:lnTo>
                    <a:pt x="585216" y="0"/>
                  </a:lnTo>
                  <a:close/>
                </a:path>
                <a:path w="812800" h="5079">
                  <a:moveTo>
                    <a:pt x="592836" y="0"/>
                  </a:moveTo>
                  <a:lnTo>
                    <a:pt x="589788" y="0"/>
                  </a:lnTo>
                  <a:lnTo>
                    <a:pt x="589788" y="4572"/>
                  </a:lnTo>
                  <a:lnTo>
                    <a:pt x="592836" y="4572"/>
                  </a:lnTo>
                  <a:lnTo>
                    <a:pt x="592836" y="0"/>
                  </a:lnTo>
                  <a:close/>
                </a:path>
                <a:path w="812800" h="5079">
                  <a:moveTo>
                    <a:pt x="598932" y="0"/>
                  </a:moveTo>
                  <a:lnTo>
                    <a:pt x="595884" y="0"/>
                  </a:lnTo>
                  <a:lnTo>
                    <a:pt x="595884" y="4572"/>
                  </a:lnTo>
                  <a:lnTo>
                    <a:pt x="598932" y="4572"/>
                  </a:lnTo>
                  <a:lnTo>
                    <a:pt x="598932" y="0"/>
                  </a:lnTo>
                  <a:close/>
                </a:path>
                <a:path w="812800" h="5079">
                  <a:moveTo>
                    <a:pt x="606552" y="0"/>
                  </a:moveTo>
                  <a:lnTo>
                    <a:pt x="603504" y="0"/>
                  </a:lnTo>
                  <a:lnTo>
                    <a:pt x="603504" y="4572"/>
                  </a:lnTo>
                  <a:lnTo>
                    <a:pt x="606552" y="4572"/>
                  </a:lnTo>
                  <a:lnTo>
                    <a:pt x="606552" y="0"/>
                  </a:lnTo>
                  <a:close/>
                </a:path>
                <a:path w="812800" h="5079">
                  <a:moveTo>
                    <a:pt x="612648" y="0"/>
                  </a:moveTo>
                  <a:lnTo>
                    <a:pt x="609600" y="0"/>
                  </a:lnTo>
                  <a:lnTo>
                    <a:pt x="609600" y="4572"/>
                  </a:lnTo>
                  <a:lnTo>
                    <a:pt x="612648" y="4572"/>
                  </a:lnTo>
                  <a:lnTo>
                    <a:pt x="612648" y="0"/>
                  </a:lnTo>
                  <a:close/>
                </a:path>
                <a:path w="812800" h="5079">
                  <a:moveTo>
                    <a:pt x="620268" y="0"/>
                  </a:moveTo>
                  <a:lnTo>
                    <a:pt x="617220" y="0"/>
                  </a:lnTo>
                  <a:lnTo>
                    <a:pt x="617220" y="4572"/>
                  </a:lnTo>
                  <a:lnTo>
                    <a:pt x="620268" y="4572"/>
                  </a:lnTo>
                  <a:lnTo>
                    <a:pt x="620268" y="0"/>
                  </a:lnTo>
                  <a:close/>
                </a:path>
                <a:path w="812800" h="5079">
                  <a:moveTo>
                    <a:pt x="626364" y="0"/>
                  </a:moveTo>
                  <a:lnTo>
                    <a:pt x="623316" y="0"/>
                  </a:lnTo>
                  <a:lnTo>
                    <a:pt x="623316" y="4572"/>
                  </a:lnTo>
                  <a:lnTo>
                    <a:pt x="626364" y="4572"/>
                  </a:lnTo>
                  <a:lnTo>
                    <a:pt x="626364" y="0"/>
                  </a:lnTo>
                  <a:close/>
                </a:path>
                <a:path w="812800" h="5079">
                  <a:moveTo>
                    <a:pt x="633984" y="0"/>
                  </a:moveTo>
                  <a:lnTo>
                    <a:pt x="630936" y="0"/>
                  </a:lnTo>
                  <a:lnTo>
                    <a:pt x="630936" y="4572"/>
                  </a:lnTo>
                  <a:lnTo>
                    <a:pt x="633984" y="4572"/>
                  </a:lnTo>
                  <a:lnTo>
                    <a:pt x="633984" y="0"/>
                  </a:lnTo>
                  <a:close/>
                </a:path>
                <a:path w="812800" h="5079">
                  <a:moveTo>
                    <a:pt x="640080" y="0"/>
                  </a:moveTo>
                  <a:lnTo>
                    <a:pt x="637032" y="0"/>
                  </a:lnTo>
                  <a:lnTo>
                    <a:pt x="637032" y="4572"/>
                  </a:lnTo>
                  <a:lnTo>
                    <a:pt x="640080" y="4572"/>
                  </a:lnTo>
                  <a:lnTo>
                    <a:pt x="640080" y="0"/>
                  </a:lnTo>
                  <a:close/>
                </a:path>
                <a:path w="812800" h="5079">
                  <a:moveTo>
                    <a:pt x="812292" y="0"/>
                  </a:moveTo>
                  <a:lnTo>
                    <a:pt x="810768" y="0"/>
                  </a:lnTo>
                  <a:lnTo>
                    <a:pt x="810768" y="4572"/>
                  </a:lnTo>
                  <a:lnTo>
                    <a:pt x="812292" y="4572"/>
                  </a:lnTo>
                  <a:lnTo>
                    <a:pt x="812292" y="0"/>
                  </a:lnTo>
                  <a:close/>
                </a:path>
              </a:pathLst>
            </a:custGeom>
            <a:solidFill>
              <a:srgbClr val="D8D8D8"/>
            </a:solidFill>
          </p:spPr>
          <p:txBody>
            <a:bodyPr wrap="square" lIns="0" tIns="0" rIns="0" bIns="0" rtlCol="0"/>
            <a:lstStyle/>
            <a:p>
              <a:endParaRPr sz="1539"/>
            </a:p>
          </p:txBody>
        </p:sp>
        <p:sp>
          <p:nvSpPr>
            <p:cNvPr id="63" name="object 63"/>
            <p:cNvSpPr/>
            <p:nvPr/>
          </p:nvSpPr>
          <p:spPr>
            <a:xfrm>
              <a:off x="5631180" y="4520183"/>
              <a:ext cx="646430" cy="5080"/>
            </a:xfrm>
            <a:custGeom>
              <a:avLst/>
              <a:gdLst/>
              <a:ahLst/>
              <a:cxnLst/>
              <a:rect l="l" t="t" r="r" b="b"/>
              <a:pathLst>
                <a:path w="646429" h="5079">
                  <a:moveTo>
                    <a:pt x="1524" y="0"/>
                  </a:moveTo>
                  <a:lnTo>
                    <a:pt x="0" y="0"/>
                  </a:lnTo>
                  <a:lnTo>
                    <a:pt x="0" y="4572"/>
                  </a:lnTo>
                  <a:lnTo>
                    <a:pt x="1524" y="4572"/>
                  </a:lnTo>
                  <a:lnTo>
                    <a:pt x="1524" y="0"/>
                  </a:lnTo>
                  <a:close/>
                </a:path>
                <a:path w="646429" h="5079">
                  <a:moveTo>
                    <a:pt x="7620" y="0"/>
                  </a:moveTo>
                  <a:lnTo>
                    <a:pt x="4572" y="0"/>
                  </a:lnTo>
                  <a:lnTo>
                    <a:pt x="4572" y="4572"/>
                  </a:lnTo>
                  <a:lnTo>
                    <a:pt x="7620" y="4572"/>
                  </a:lnTo>
                  <a:lnTo>
                    <a:pt x="7620" y="0"/>
                  </a:lnTo>
                  <a:close/>
                </a:path>
                <a:path w="646429" h="5079">
                  <a:moveTo>
                    <a:pt x="15240" y="0"/>
                  </a:moveTo>
                  <a:lnTo>
                    <a:pt x="12192" y="0"/>
                  </a:lnTo>
                  <a:lnTo>
                    <a:pt x="12192" y="4572"/>
                  </a:lnTo>
                  <a:lnTo>
                    <a:pt x="15240" y="4572"/>
                  </a:lnTo>
                  <a:lnTo>
                    <a:pt x="15240" y="0"/>
                  </a:lnTo>
                  <a:close/>
                </a:path>
                <a:path w="646429" h="5079">
                  <a:moveTo>
                    <a:pt x="21336" y="0"/>
                  </a:moveTo>
                  <a:lnTo>
                    <a:pt x="18288" y="0"/>
                  </a:lnTo>
                  <a:lnTo>
                    <a:pt x="18288" y="4572"/>
                  </a:lnTo>
                  <a:lnTo>
                    <a:pt x="21336" y="4572"/>
                  </a:lnTo>
                  <a:lnTo>
                    <a:pt x="21336" y="0"/>
                  </a:lnTo>
                  <a:close/>
                </a:path>
                <a:path w="646429" h="5079">
                  <a:moveTo>
                    <a:pt x="28956" y="0"/>
                  </a:moveTo>
                  <a:lnTo>
                    <a:pt x="25908" y="0"/>
                  </a:lnTo>
                  <a:lnTo>
                    <a:pt x="25908" y="4572"/>
                  </a:lnTo>
                  <a:lnTo>
                    <a:pt x="28956" y="4572"/>
                  </a:lnTo>
                  <a:lnTo>
                    <a:pt x="28956" y="0"/>
                  </a:lnTo>
                  <a:close/>
                </a:path>
                <a:path w="646429" h="5079">
                  <a:moveTo>
                    <a:pt x="35052" y="0"/>
                  </a:moveTo>
                  <a:lnTo>
                    <a:pt x="32004" y="0"/>
                  </a:lnTo>
                  <a:lnTo>
                    <a:pt x="32004" y="4572"/>
                  </a:lnTo>
                  <a:lnTo>
                    <a:pt x="35052" y="4572"/>
                  </a:lnTo>
                  <a:lnTo>
                    <a:pt x="35052" y="0"/>
                  </a:lnTo>
                  <a:close/>
                </a:path>
                <a:path w="646429" h="5079">
                  <a:moveTo>
                    <a:pt x="42672" y="0"/>
                  </a:moveTo>
                  <a:lnTo>
                    <a:pt x="39624" y="0"/>
                  </a:lnTo>
                  <a:lnTo>
                    <a:pt x="39624" y="4572"/>
                  </a:lnTo>
                  <a:lnTo>
                    <a:pt x="42672" y="4572"/>
                  </a:lnTo>
                  <a:lnTo>
                    <a:pt x="42672" y="0"/>
                  </a:lnTo>
                  <a:close/>
                </a:path>
                <a:path w="646429" h="5079">
                  <a:moveTo>
                    <a:pt x="48768" y="0"/>
                  </a:moveTo>
                  <a:lnTo>
                    <a:pt x="45720" y="0"/>
                  </a:lnTo>
                  <a:lnTo>
                    <a:pt x="45720" y="4572"/>
                  </a:lnTo>
                  <a:lnTo>
                    <a:pt x="48768" y="4572"/>
                  </a:lnTo>
                  <a:lnTo>
                    <a:pt x="48768" y="0"/>
                  </a:lnTo>
                  <a:close/>
                </a:path>
                <a:path w="646429" h="5079">
                  <a:moveTo>
                    <a:pt x="56388" y="0"/>
                  </a:moveTo>
                  <a:lnTo>
                    <a:pt x="53340" y="0"/>
                  </a:lnTo>
                  <a:lnTo>
                    <a:pt x="53340" y="4572"/>
                  </a:lnTo>
                  <a:lnTo>
                    <a:pt x="56388" y="4572"/>
                  </a:lnTo>
                  <a:lnTo>
                    <a:pt x="56388" y="0"/>
                  </a:lnTo>
                  <a:close/>
                </a:path>
                <a:path w="646429" h="5079">
                  <a:moveTo>
                    <a:pt x="62484" y="0"/>
                  </a:moveTo>
                  <a:lnTo>
                    <a:pt x="59436" y="0"/>
                  </a:lnTo>
                  <a:lnTo>
                    <a:pt x="59436" y="4572"/>
                  </a:lnTo>
                  <a:lnTo>
                    <a:pt x="62484" y="4572"/>
                  </a:lnTo>
                  <a:lnTo>
                    <a:pt x="62484" y="0"/>
                  </a:lnTo>
                  <a:close/>
                </a:path>
                <a:path w="646429" h="5079">
                  <a:moveTo>
                    <a:pt x="70104" y="0"/>
                  </a:moveTo>
                  <a:lnTo>
                    <a:pt x="67056" y="0"/>
                  </a:lnTo>
                  <a:lnTo>
                    <a:pt x="67056" y="4572"/>
                  </a:lnTo>
                  <a:lnTo>
                    <a:pt x="70104" y="4572"/>
                  </a:lnTo>
                  <a:lnTo>
                    <a:pt x="70104" y="0"/>
                  </a:lnTo>
                  <a:close/>
                </a:path>
                <a:path w="646429" h="5079">
                  <a:moveTo>
                    <a:pt x="76200" y="0"/>
                  </a:moveTo>
                  <a:lnTo>
                    <a:pt x="73152" y="0"/>
                  </a:lnTo>
                  <a:lnTo>
                    <a:pt x="73152" y="4572"/>
                  </a:lnTo>
                  <a:lnTo>
                    <a:pt x="76200" y="4572"/>
                  </a:lnTo>
                  <a:lnTo>
                    <a:pt x="76200" y="0"/>
                  </a:lnTo>
                  <a:close/>
                </a:path>
                <a:path w="646429" h="5079">
                  <a:moveTo>
                    <a:pt x="83820" y="0"/>
                  </a:moveTo>
                  <a:lnTo>
                    <a:pt x="80772" y="0"/>
                  </a:lnTo>
                  <a:lnTo>
                    <a:pt x="80772" y="4572"/>
                  </a:lnTo>
                  <a:lnTo>
                    <a:pt x="83820" y="4572"/>
                  </a:lnTo>
                  <a:lnTo>
                    <a:pt x="83820" y="0"/>
                  </a:lnTo>
                  <a:close/>
                </a:path>
                <a:path w="646429" h="5079">
                  <a:moveTo>
                    <a:pt x="89916" y="0"/>
                  </a:moveTo>
                  <a:lnTo>
                    <a:pt x="86868" y="0"/>
                  </a:lnTo>
                  <a:lnTo>
                    <a:pt x="86868" y="4572"/>
                  </a:lnTo>
                  <a:lnTo>
                    <a:pt x="89916" y="4572"/>
                  </a:lnTo>
                  <a:lnTo>
                    <a:pt x="89916" y="0"/>
                  </a:lnTo>
                  <a:close/>
                </a:path>
                <a:path w="646429" h="5079">
                  <a:moveTo>
                    <a:pt x="97536" y="0"/>
                  </a:moveTo>
                  <a:lnTo>
                    <a:pt x="94488" y="0"/>
                  </a:lnTo>
                  <a:lnTo>
                    <a:pt x="94488" y="4572"/>
                  </a:lnTo>
                  <a:lnTo>
                    <a:pt x="97536" y="4572"/>
                  </a:lnTo>
                  <a:lnTo>
                    <a:pt x="97536" y="0"/>
                  </a:lnTo>
                  <a:close/>
                </a:path>
                <a:path w="646429" h="5079">
                  <a:moveTo>
                    <a:pt x="103632" y="0"/>
                  </a:moveTo>
                  <a:lnTo>
                    <a:pt x="100584" y="0"/>
                  </a:lnTo>
                  <a:lnTo>
                    <a:pt x="100584" y="4572"/>
                  </a:lnTo>
                  <a:lnTo>
                    <a:pt x="103632" y="4572"/>
                  </a:lnTo>
                  <a:lnTo>
                    <a:pt x="103632" y="0"/>
                  </a:lnTo>
                  <a:close/>
                </a:path>
                <a:path w="646429" h="5079">
                  <a:moveTo>
                    <a:pt x="111252" y="0"/>
                  </a:moveTo>
                  <a:lnTo>
                    <a:pt x="108204" y="0"/>
                  </a:lnTo>
                  <a:lnTo>
                    <a:pt x="108204" y="4572"/>
                  </a:lnTo>
                  <a:lnTo>
                    <a:pt x="111252" y="4572"/>
                  </a:lnTo>
                  <a:lnTo>
                    <a:pt x="111252" y="0"/>
                  </a:lnTo>
                  <a:close/>
                </a:path>
                <a:path w="646429" h="5079">
                  <a:moveTo>
                    <a:pt x="117348" y="0"/>
                  </a:moveTo>
                  <a:lnTo>
                    <a:pt x="114300" y="0"/>
                  </a:lnTo>
                  <a:lnTo>
                    <a:pt x="114300" y="4572"/>
                  </a:lnTo>
                  <a:lnTo>
                    <a:pt x="117348" y="4572"/>
                  </a:lnTo>
                  <a:lnTo>
                    <a:pt x="117348" y="0"/>
                  </a:lnTo>
                  <a:close/>
                </a:path>
                <a:path w="646429" h="5079">
                  <a:moveTo>
                    <a:pt x="124968" y="0"/>
                  </a:moveTo>
                  <a:lnTo>
                    <a:pt x="121920" y="0"/>
                  </a:lnTo>
                  <a:lnTo>
                    <a:pt x="121920" y="4572"/>
                  </a:lnTo>
                  <a:lnTo>
                    <a:pt x="124968" y="4572"/>
                  </a:lnTo>
                  <a:lnTo>
                    <a:pt x="124968" y="0"/>
                  </a:lnTo>
                  <a:close/>
                </a:path>
                <a:path w="646429" h="5079">
                  <a:moveTo>
                    <a:pt x="131064" y="0"/>
                  </a:moveTo>
                  <a:lnTo>
                    <a:pt x="128016" y="0"/>
                  </a:lnTo>
                  <a:lnTo>
                    <a:pt x="128016" y="4572"/>
                  </a:lnTo>
                  <a:lnTo>
                    <a:pt x="131064" y="4572"/>
                  </a:lnTo>
                  <a:lnTo>
                    <a:pt x="131064" y="0"/>
                  </a:lnTo>
                  <a:close/>
                </a:path>
                <a:path w="646429" h="5079">
                  <a:moveTo>
                    <a:pt x="138684" y="0"/>
                  </a:moveTo>
                  <a:lnTo>
                    <a:pt x="135636" y="0"/>
                  </a:lnTo>
                  <a:lnTo>
                    <a:pt x="135636" y="4572"/>
                  </a:lnTo>
                  <a:lnTo>
                    <a:pt x="138684" y="4572"/>
                  </a:lnTo>
                  <a:lnTo>
                    <a:pt x="138684" y="0"/>
                  </a:lnTo>
                  <a:close/>
                </a:path>
                <a:path w="646429" h="5079">
                  <a:moveTo>
                    <a:pt x="144780" y="0"/>
                  </a:moveTo>
                  <a:lnTo>
                    <a:pt x="141732" y="0"/>
                  </a:lnTo>
                  <a:lnTo>
                    <a:pt x="141732" y="4572"/>
                  </a:lnTo>
                  <a:lnTo>
                    <a:pt x="144780" y="4572"/>
                  </a:lnTo>
                  <a:lnTo>
                    <a:pt x="144780" y="0"/>
                  </a:lnTo>
                  <a:close/>
                </a:path>
                <a:path w="646429" h="5079">
                  <a:moveTo>
                    <a:pt x="152400" y="0"/>
                  </a:moveTo>
                  <a:lnTo>
                    <a:pt x="149352" y="0"/>
                  </a:lnTo>
                  <a:lnTo>
                    <a:pt x="149352" y="4572"/>
                  </a:lnTo>
                  <a:lnTo>
                    <a:pt x="152400" y="4572"/>
                  </a:lnTo>
                  <a:lnTo>
                    <a:pt x="152400" y="0"/>
                  </a:lnTo>
                  <a:close/>
                </a:path>
                <a:path w="646429" h="5079">
                  <a:moveTo>
                    <a:pt x="158496" y="0"/>
                  </a:moveTo>
                  <a:lnTo>
                    <a:pt x="155448" y="0"/>
                  </a:lnTo>
                  <a:lnTo>
                    <a:pt x="155448" y="4572"/>
                  </a:lnTo>
                  <a:lnTo>
                    <a:pt x="158496" y="4572"/>
                  </a:lnTo>
                  <a:lnTo>
                    <a:pt x="158496" y="0"/>
                  </a:lnTo>
                  <a:close/>
                </a:path>
                <a:path w="646429" h="5079">
                  <a:moveTo>
                    <a:pt x="166116" y="0"/>
                  </a:moveTo>
                  <a:lnTo>
                    <a:pt x="163068" y="0"/>
                  </a:lnTo>
                  <a:lnTo>
                    <a:pt x="163068" y="4572"/>
                  </a:lnTo>
                  <a:lnTo>
                    <a:pt x="166116" y="4572"/>
                  </a:lnTo>
                  <a:lnTo>
                    <a:pt x="166116" y="0"/>
                  </a:lnTo>
                  <a:close/>
                </a:path>
                <a:path w="646429" h="5079">
                  <a:moveTo>
                    <a:pt x="172212" y="0"/>
                  </a:moveTo>
                  <a:lnTo>
                    <a:pt x="169164" y="0"/>
                  </a:lnTo>
                  <a:lnTo>
                    <a:pt x="169164" y="4572"/>
                  </a:lnTo>
                  <a:lnTo>
                    <a:pt x="172212" y="4572"/>
                  </a:lnTo>
                  <a:lnTo>
                    <a:pt x="172212" y="0"/>
                  </a:lnTo>
                  <a:close/>
                </a:path>
                <a:path w="646429" h="5079">
                  <a:moveTo>
                    <a:pt x="179832" y="0"/>
                  </a:moveTo>
                  <a:lnTo>
                    <a:pt x="176784" y="0"/>
                  </a:lnTo>
                  <a:lnTo>
                    <a:pt x="176784" y="4572"/>
                  </a:lnTo>
                  <a:lnTo>
                    <a:pt x="179832" y="4572"/>
                  </a:lnTo>
                  <a:lnTo>
                    <a:pt x="179832" y="0"/>
                  </a:lnTo>
                  <a:close/>
                </a:path>
                <a:path w="646429" h="5079">
                  <a:moveTo>
                    <a:pt x="185928" y="0"/>
                  </a:moveTo>
                  <a:lnTo>
                    <a:pt x="182880" y="0"/>
                  </a:lnTo>
                  <a:lnTo>
                    <a:pt x="182880" y="4572"/>
                  </a:lnTo>
                  <a:lnTo>
                    <a:pt x="185928" y="4572"/>
                  </a:lnTo>
                  <a:lnTo>
                    <a:pt x="185928" y="0"/>
                  </a:lnTo>
                  <a:close/>
                </a:path>
                <a:path w="646429" h="5079">
                  <a:moveTo>
                    <a:pt x="193548" y="0"/>
                  </a:moveTo>
                  <a:lnTo>
                    <a:pt x="190500" y="0"/>
                  </a:lnTo>
                  <a:lnTo>
                    <a:pt x="190500" y="4572"/>
                  </a:lnTo>
                  <a:lnTo>
                    <a:pt x="193548" y="4572"/>
                  </a:lnTo>
                  <a:lnTo>
                    <a:pt x="193548" y="0"/>
                  </a:lnTo>
                  <a:close/>
                </a:path>
                <a:path w="646429" h="5079">
                  <a:moveTo>
                    <a:pt x="199644" y="0"/>
                  </a:moveTo>
                  <a:lnTo>
                    <a:pt x="196596" y="0"/>
                  </a:lnTo>
                  <a:lnTo>
                    <a:pt x="196596" y="4572"/>
                  </a:lnTo>
                  <a:lnTo>
                    <a:pt x="199644" y="4572"/>
                  </a:lnTo>
                  <a:lnTo>
                    <a:pt x="199644" y="0"/>
                  </a:lnTo>
                  <a:close/>
                </a:path>
                <a:path w="646429" h="5079">
                  <a:moveTo>
                    <a:pt x="207264" y="0"/>
                  </a:moveTo>
                  <a:lnTo>
                    <a:pt x="204216" y="0"/>
                  </a:lnTo>
                  <a:lnTo>
                    <a:pt x="204216" y="4572"/>
                  </a:lnTo>
                  <a:lnTo>
                    <a:pt x="207264" y="4572"/>
                  </a:lnTo>
                  <a:lnTo>
                    <a:pt x="207264" y="0"/>
                  </a:lnTo>
                  <a:close/>
                </a:path>
                <a:path w="646429" h="5079">
                  <a:moveTo>
                    <a:pt x="213360" y="0"/>
                  </a:moveTo>
                  <a:lnTo>
                    <a:pt x="210312" y="0"/>
                  </a:lnTo>
                  <a:lnTo>
                    <a:pt x="210312" y="4572"/>
                  </a:lnTo>
                  <a:lnTo>
                    <a:pt x="213360" y="4572"/>
                  </a:lnTo>
                  <a:lnTo>
                    <a:pt x="213360" y="0"/>
                  </a:lnTo>
                  <a:close/>
                </a:path>
                <a:path w="646429" h="5079">
                  <a:moveTo>
                    <a:pt x="220980" y="0"/>
                  </a:moveTo>
                  <a:lnTo>
                    <a:pt x="217932" y="0"/>
                  </a:lnTo>
                  <a:lnTo>
                    <a:pt x="217932" y="4572"/>
                  </a:lnTo>
                  <a:lnTo>
                    <a:pt x="220980" y="4572"/>
                  </a:lnTo>
                  <a:lnTo>
                    <a:pt x="220980" y="0"/>
                  </a:lnTo>
                  <a:close/>
                </a:path>
                <a:path w="646429" h="5079">
                  <a:moveTo>
                    <a:pt x="227076" y="0"/>
                  </a:moveTo>
                  <a:lnTo>
                    <a:pt x="224028" y="0"/>
                  </a:lnTo>
                  <a:lnTo>
                    <a:pt x="224028" y="4572"/>
                  </a:lnTo>
                  <a:lnTo>
                    <a:pt x="227076" y="4572"/>
                  </a:lnTo>
                  <a:lnTo>
                    <a:pt x="227076" y="0"/>
                  </a:lnTo>
                  <a:close/>
                </a:path>
                <a:path w="646429" h="5079">
                  <a:moveTo>
                    <a:pt x="234696" y="0"/>
                  </a:moveTo>
                  <a:lnTo>
                    <a:pt x="231648" y="0"/>
                  </a:lnTo>
                  <a:lnTo>
                    <a:pt x="231648" y="4572"/>
                  </a:lnTo>
                  <a:lnTo>
                    <a:pt x="234696" y="4572"/>
                  </a:lnTo>
                  <a:lnTo>
                    <a:pt x="234696" y="0"/>
                  </a:lnTo>
                  <a:close/>
                </a:path>
                <a:path w="646429" h="5079">
                  <a:moveTo>
                    <a:pt x="240792" y="0"/>
                  </a:moveTo>
                  <a:lnTo>
                    <a:pt x="237744" y="0"/>
                  </a:lnTo>
                  <a:lnTo>
                    <a:pt x="237744" y="4572"/>
                  </a:lnTo>
                  <a:lnTo>
                    <a:pt x="240792" y="4572"/>
                  </a:lnTo>
                  <a:lnTo>
                    <a:pt x="240792" y="0"/>
                  </a:lnTo>
                  <a:close/>
                </a:path>
                <a:path w="646429" h="5079">
                  <a:moveTo>
                    <a:pt x="248412" y="0"/>
                  </a:moveTo>
                  <a:lnTo>
                    <a:pt x="245364" y="0"/>
                  </a:lnTo>
                  <a:lnTo>
                    <a:pt x="245364" y="4572"/>
                  </a:lnTo>
                  <a:lnTo>
                    <a:pt x="248412" y="4572"/>
                  </a:lnTo>
                  <a:lnTo>
                    <a:pt x="248412" y="0"/>
                  </a:lnTo>
                  <a:close/>
                </a:path>
                <a:path w="646429" h="5079">
                  <a:moveTo>
                    <a:pt x="254508" y="0"/>
                  </a:moveTo>
                  <a:lnTo>
                    <a:pt x="251460" y="0"/>
                  </a:lnTo>
                  <a:lnTo>
                    <a:pt x="251460" y="4572"/>
                  </a:lnTo>
                  <a:lnTo>
                    <a:pt x="254508" y="4572"/>
                  </a:lnTo>
                  <a:lnTo>
                    <a:pt x="254508" y="0"/>
                  </a:lnTo>
                  <a:close/>
                </a:path>
                <a:path w="646429" h="5079">
                  <a:moveTo>
                    <a:pt x="426720" y="0"/>
                  </a:moveTo>
                  <a:lnTo>
                    <a:pt x="425196" y="0"/>
                  </a:lnTo>
                  <a:lnTo>
                    <a:pt x="425196" y="4572"/>
                  </a:lnTo>
                  <a:lnTo>
                    <a:pt x="426720" y="4572"/>
                  </a:lnTo>
                  <a:lnTo>
                    <a:pt x="426720" y="0"/>
                  </a:lnTo>
                  <a:close/>
                </a:path>
                <a:path w="646429" h="5079">
                  <a:moveTo>
                    <a:pt x="432816" y="0"/>
                  </a:moveTo>
                  <a:lnTo>
                    <a:pt x="429768" y="0"/>
                  </a:lnTo>
                  <a:lnTo>
                    <a:pt x="429768" y="4572"/>
                  </a:lnTo>
                  <a:lnTo>
                    <a:pt x="432816" y="4572"/>
                  </a:lnTo>
                  <a:lnTo>
                    <a:pt x="432816" y="0"/>
                  </a:lnTo>
                  <a:close/>
                </a:path>
                <a:path w="646429" h="5079">
                  <a:moveTo>
                    <a:pt x="440436" y="0"/>
                  </a:moveTo>
                  <a:lnTo>
                    <a:pt x="435864" y="0"/>
                  </a:lnTo>
                  <a:lnTo>
                    <a:pt x="435864" y="4572"/>
                  </a:lnTo>
                  <a:lnTo>
                    <a:pt x="440436" y="4572"/>
                  </a:lnTo>
                  <a:lnTo>
                    <a:pt x="440436" y="0"/>
                  </a:lnTo>
                  <a:close/>
                </a:path>
                <a:path w="646429" h="5079">
                  <a:moveTo>
                    <a:pt x="446532" y="0"/>
                  </a:moveTo>
                  <a:lnTo>
                    <a:pt x="443484" y="0"/>
                  </a:lnTo>
                  <a:lnTo>
                    <a:pt x="443484" y="4572"/>
                  </a:lnTo>
                  <a:lnTo>
                    <a:pt x="446532" y="4572"/>
                  </a:lnTo>
                  <a:lnTo>
                    <a:pt x="446532" y="0"/>
                  </a:lnTo>
                  <a:close/>
                </a:path>
                <a:path w="646429" h="5079">
                  <a:moveTo>
                    <a:pt x="454152" y="0"/>
                  </a:moveTo>
                  <a:lnTo>
                    <a:pt x="449580" y="0"/>
                  </a:lnTo>
                  <a:lnTo>
                    <a:pt x="449580" y="4572"/>
                  </a:lnTo>
                  <a:lnTo>
                    <a:pt x="454152" y="4572"/>
                  </a:lnTo>
                  <a:lnTo>
                    <a:pt x="454152" y="0"/>
                  </a:lnTo>
                  <a:close/>
                </a:path>
                <a:path w="646429" h="5079">
                  <a:moveTo>
                    <a:pt x="460248" y="0"/>
                  </a:moveTo>
                  <a:lnTo>
                    <a:pt x="457200" y="0"/>
                  </a:lnTo>
                  <a:lnTo>
                    <a:pt x="457200" y="4572"/>
                  </a:lnTo>
                  <a:lnTo>
                    <a:pt x="460248" y="4572"/>
                  </a:lnTo>
                  <a:lnTo>
                    <a:pt x="460248" y="0"/>
                  </a:lnTo>
                  <a:close/>
                </a:path>
                <a:path w="646429" h="5079">
                  <a:moveTo>
                    <a:pt x="467868" y="0"/>
                  </a:moveTo>
                  <a:lnTo>
                    <a:pt x="463296" y="0"/>
                  </a:lnTo>
                  <a:lnTo>
                    <a:pt x="463296" y="4572"/>
                  </a:lnTo>
                  <a:lnTo>
                    <a:pt x="467868" y="4572"/>
                  </a:lnTo>
                  <a:lnTo>
                    <a:pt x="467868" y="0"/>
                  </a:lnTo>
                  <a:close/>
                </a:path>
                <a:path w="646429" h="5079">
                  <a:moveTo>
                    <a:pt x="473964" y="0"/>
                  </a:moveTo>
                  <a:lnTo>
                    <a:pt x="470916" y="0"/>
                  </a:lnTo>
                  <a:lnTo>
                    <a:pt x="470916" y="4572"/>
                  </a:lnTo>
                  <a:lnTo>
                    <a:pt x="473964" y="4572"/>
                  </a:lnTo>
                  <a:lnTo>
                    <a:pt x="473964" y="0"/>
                  </a:lnTo>
                  <a:close/>
                </a:path>
                <a:path w="646429" h="5079">
                  <a:moveTo>
                    <a:pt x="481584" y="0"/>
                  </a:moveTo>
                  <a:lnTo>
                    <a:pt x="477012" y="0"/>
                  </a:lnTo>
                  <a:lnTo>
                    <a:pt x="477012" y="4572"/>
                  </a:lnTo>
                  <a:lnTo>
                    <a:pt x="481584" y="4572"/>
                  </a:lnTo>
                  <a:lnTo>
                    <a:pt x="481584" y="0"/>
                  </a:lnTo>
                  <a:close/>
                </a:path>
                <a:path w="646429" h="5079">
                  <a:moveTo>
                    <a:pt x="487680" y="0"/>
                  </a:moveTo>
                  <a:lnTo>
                    <a:pt x="484632" y="0"/>
                  </a:lnTo>
                  <a:lnTo>
                    <a:pt x="484632" y="4572"/>
                  </a:lnTo>
                  <a:lnTo>
                    <a:pt x="487680" y="4572"/>
                  </a:lnTo>
                  <a:lnTo>
                    <a:pt x="487680" y="0"/>
                  </a:lnTo>
                  <a:close/>
                </a:path>
                <a:path w="646429" h="5079">
                  <a:moveTo>
                    <a:pt x="495300" y="0"/>
                  </a:moveTo>
                  <a:lnTo>
                    <a:pt x="490728" y="0"/>
                  </a:lnTo>
                  <a:lnTo>
                    <a:pt x="490728" y="4572"/>
                  </a:lnTo>
                  <a:lnTo>
                    <a:pt x="495300" y="4572"/>
                  </a:lnTo>
                  <a:lnTo>
                    <a:pt x="495300" y="0"/>
                  </a:lnTo>
                  <a:close/>
                </a:path>
                <a:path w="646429" h="5079">
                  <a:moveTo>
                    <a:pt x="501396" y="0"/>
                  </a:moveTo>
                  <a:lnTo>
                    <a:pt x="498348" y="0"/>
                  </a:lnTo>
                  <a:lnTo>
                    <a:pt x="498348" y="4572"/>
                  </a:lnTo>
                  <a:lnTo>
                    <a:pt x="501396" y="4572"/>
                  </a:lnTo>
                  <a:lnTo>
                    <a:pt x="501396" y="0"/>
                  </a:lnTo>
                  <a:close/>
                </a:path>
                <a:path w="646429" h="5079">
                  <a:moveTo>
                    <a:pt x="509016" y="0"/>
                  </a:moveTo>
                  <a:lnTo>
                    <a:pt x="504444" y="0"/>
                  </a:lnTo>
                  <a:lnTo>
                    <a:pt x="504444" y="4572"/>
                  </a:lnTo>
                  <a:lnTo>
                    <a:pt x="509016" y="4572"/>
                  </a:lnTo>
                  <a:lnTo>
                    <a:pt x="509016" y="0"/>
                  </a:lnTo>
                  <a:close/>
                </a:path>
                <a:path w="646429" h="5079">
                  <a:moveTo>
                    <a:pt x="515112" y="0"/>
                  </a:moveTo>
                  <a:lnTo>
                    <a:pt x="512064" y="0"/>
                  </a:lnTo>
                  <a:lnTo>
                    <a:pt x="512064" y="4572"/>
                  </a:lnTo>
                  <a:lnTo>
                    <a:pt x="515112" y="4572"/>
                  </a:lnTo>
                  <a:lnTo>
                    <a:pt x="515112" y="0"/>
                  </a:lnTo>
                  <a:close/>
                </a:path>
                <a:path w="646429" h="5079">
                  <a:moveTo>
                    <a:pt x="522732" y="0"/>
                  </a:moveTo>
                  <a:lnTo>
                    <a:pt x="518160" y="0"/>
                  </a:lnTo>
                  <a:lnTo>
                    <a:pt x="518160" y="4572"/>
                  </a:lnTo>
                  <a:lnTo>
                    <a:pt x="522732" y="4572"/>
                  </a:lnTo>
                  <a:lnTo>
                    <a:pt x="522732" y="0"/>
                  </a:lnTo>
                  <a:close/>
                </a:path>
                <a:path w="646429" h="5079">
                  <a:moveTo>
                    <a:pt x="528828" y="0"/>
                  </a:moveTo>
                  <a:lnTo>
                    <a:pt x="525780" y="0"/>
                  </a:lnTo>
                  <a:lnTo>
                    <a:pt x="525780" y="4572"/>
                  </a:lnTo>
                  <a:lnTo>
                    <a:pt x="528828" y="4572"/>
                  </a:lnTo>
                  <a:lnTo>
                    <a:pt x="528828" y="0"/>
                  </a:lnTo>
                  <a:close/>
                </a:path>
                <a:path w="646429" h="5079">
                  <a:moveTo>
                    <a:pt x="536448" y="0"/>
                  </a:moveTo>
                  <a:lnTo>
                    <a:pt x="531876" y="0"/>
                  </a:lnTo>
                  <a:lnTo>
                    <a:pt x="531876" y="4572"/>
                  </a:lnTo>
                  <a:lnTo>
                    <a:pt x="536448" y="4572"/>
                  </a:lnTo>
                  <a:lnTo>
                    <a:pt x="536448" y="0"/>
                  </a:lnTo>
                  <a:close/>
                </a:path>
                <a:path w="646429" h="5079">
                  <a:moveTo>
                    <a:pt x="542544" y="0"/>
                  </a:moveTo>
                  <a:lnTo>
                    <a:pt x="539496" y="0"/>
                  </a:lnTo>
                  <a:lnTo>
                    <a:pt x="539496" y="4572"/>
                  </a:lnTo>
                  <a:lnTo>
                    <a:pt x="542544" y="4572"/>
                  </a:lnTo>
                  <a:lnTo>
                    <a:pt x="542544" y="0"/>
                  </a:lnTo>
                  <a:close/>
                </a:path>
                <a:path w="646429" h="5079">
                  <a:moveTo>
                    <a:pt x="550164" y="0"/>
                  </a:moveTo>
                  <a:lnTo>
                    <a:pt x="545592" y="0"/>
                  </a:lnTo>
                  <a:lnTo>
                    <a:pt x="545592" y="4572"/>
                  </a:lnTo>
                  <a:lnTo>
                    <a:pt x="550164" y="4572"/>
                  </a:lnTo>
                  <a:lnTo>
                    <a:pt x="550164" y="0"/>
                  </a:lnTo>
                  <a:close/>
                </a:path>
                <a:path w="646429" h="5079">
                  <a:moveTo>
                    <a:pt x="556260" y="0"/>
                  </a:moveTo>
                  <a:lnTo>
                    <a:pt x="553212" y="0"/>
                  </a:lnTo>
                  <a:lnTo>
                    <a:pt x="553212" y="4572"/>
                  </a:lnTo>
                  <a:lnTo>
                    <a:pt x="556260" y="4572"/>
                  </a:lnTo>
                  <a:lnTo>
                    <a:pt x="556260" y="0"/>
                  </a:lnTo>
                  <a:close/>
                </a:path>
                <a:path w="646429" h="5079">
                  <a:moveTo>
                    <a:pt x="563880" y="0"/>
                  </a:moveTo>
                  <a:lnTo>
                    <a:pt x="559308" y="0"/>
                  </a:lnTo>
                  <a:lnTo>
                    <a:pt x="559308" y="4572"/>
                  </a:lnTo>
                  <a:lnTo>
                    <a:pt x="563880" y="4572"/>
                  </a:lnTo>
                  <a:lnTo>
                    <a:pt x="563880" y="0"/>
                  </a:lnTo>
                  <a:close/>
                </a:path>
                <a:path w="646429" h="5079">
                  <a:moveTo>
                    <a:pt x="569976" y="0"/>
                  </a:moveTo>
                  <a:lnTo>
                    <a:pt x="566928" y="0"/>
                  </a:lnTo>
                  <a:lnTo>
                    <a:pt x="566928" y="4572"/>
                  </a:lnTo>
                  <a:lnTo>
                    <a:pt x="569976" y="4572"/>
                  </a:lnTo>
                  <a:lnTo>
                    <a:pt x="569976" y="0"/>
                  </a:lnTo>
                  <a:close/>
                </a:path>
                <a:path w="646429" h="5079">
                  <a:moveTo>
                    <a:pt x="577596" y="0"/>
                  </a:moveTo>
                  <a:lnTo>
                    <a:pt x="573024" y="0"/>
                  </a:lnTo>
                  <a:lnTo>
                    <a:pt x="573024" y="4572"/>
                  </a:lnTo>
                  <a:lnTo>
                    <a:pt x="577596" y="4572"/>
                  </a:lnTo>
                  <a:lnTo>
                    <a:pt x="577596" y="0"/>
                  </a:lnTo>
                  <a:close/>
                </a:path>
                <a:path w="646429" h="5079">
                  <a:moveTo>
                    <a:pt x="583692" y="0"/>
                  </a:moveTo>
                  <a:lnTo>
                    <a:pt x="580644" y="0"/>
                  </a:lnTo>
                  <a:lnTo>
                    <a:pt x="580644" y="4572"/>
                  </a:lnTo>
                  <a:lnTo>
                    <a:pt x="583692" y="4572"/>
                  </a:lnTo>
                  <a:lnTo>
                    <a:pt x="583692" y="0"/>
                  </a:lnTo>
                  <a:close/>
                </a:path>
                <a:path w="646429" h="5079">
                  <a:moveTo>
                    <a:pt x="591312" y="0"/>
                  </a:moveTo>
                  <a:lnTo>
                    <a:pt x="586740" y="0"/>
                  </a:lnTo>
                  <a:lnTo>
                    <a:pt x="586740" y="4572"/>
                  </a:lnTo>
                  <a:lnTo>
                    <a:pt x="591312" y="4572"/>
                  </a:lnTo>
                  <a:lnTo>
                    <a:pt x="591312" y="0"/>
                  </a:lnTo>
                  <a:close/>
                </a:path>
                <a:path w="646429" h="5079">
                  <a:moveTo>
                    <a:pt x="597408" y="0"/>
                  </a:moveTo>
                  <a:lnTo>
                    <a:pt x="594360" y="0"/>
                  </a:lnTo>
                  <a:lnTo>
                    <a:pt x="594360" y="4572"/>
                  </a:lnTo>
                  <a:lnTo>
                    <a:pt x="597408" y="4572"/>
                  </a:lnTo>
                  <a:lnTo>
                    <a:pt x="597408" y="0"/>
                  </a:lnTo>
                  <a:close/>
                </a:path>
                <a:path w="646429" h="5079">
                  <a:moveTo>
                    <a:pt x="605028" y="0"/>
                  </a:moveTo>
                  <a:lnTo>
                    <a:pt x="600456" y="0"/>
                  </a:lnTo>
                  <a:lnTo>
                    <a:pt x="600456" y="4572"/>
                  </a:lnTo>
                  <a:lnTo>
                    <a:pt x="605028" y="4572"/>
                  </a:lnTo>
                  <a:lnTo>
                    <a:pt x="605028" y="0"/>
                  </a:lnTo>
                  <a:close/>
                </a:path>
                <a:path w="646429" h="5079">
                  <a:moveTo>
                    <a:pt x="611124" y="0"/>
                  </a:moveTo>
                  <a:lnTo>
                    <a:pt x="608076" y="0"/>
                  </a:lnTo>
                  <a:lnTo>
                    <a:pt x="608076" y="4572"/>
                  </a:lnTo>
                  <a:lnTo>
                    <a:pt x="611124" y="4572"/>
                  </a:lnTo>
                  <a:lnTo>
                    <a:pt x="611124" y="0"/>
                  </a:lnTo>
                  <a:close/>
                </a:path>
                <a:path w="646429" h="5079">
                  <a:moveTo>
                    <a:pt x="618744" y="0"/>
                  </a:moveTo>
                  <a:lnTo>
                    <a:pt x="614172" y="0"/>
                  </a:lnTo>
                  <a:lnTo>
                    <a:pt x="614172" y="4572"/>
                  </a:lnTo>
                  <a:lnTo>
                    <a:pt x="618744" y="4572"/>
                  </a:lnTo>
                  <a:lnTo>
                    <a:pt x="618744" y="0"/>
                  </a:lnTo>
                  <a:close/>
                </a:path>
                <a:path w="646429" h="5079">
                  <a:moveTo>
                    <a:pt x="624840" y="0"/>
                  </a:moveTo>
                  <a:lnTo>
                    <a:pt x="621792" y="0"/>
                  </a:lnTo>
                  <a:lnTo>
                    <a:pt x="621792" y="4572"/>
                  </a:lnTo>
                  <a:lnTo>
                    <a:pt x="624840" y="4572"/>
                  </a:lnTo>
                  <a:lnTo>
                    <a:pt x="624840" y="0"/>
                  </a:lnTo>
                  <a:close/>
                </a:path>
                <a:path w="646429" h="5079">
                  <a:moveTo>
                    <a:pt x="632460" y="0"/>
                  </a:moveTo>
                  <a:lnTo>
                    <a:pt x="627888" y="0"/>
                  </a:lnTo>
                  <a:lnTo>
                    <a:pt x="627888" y="4572"/>
                  </a:lnTo>
                  <a:lnTo>
                    <a:pt x="632460" y="4572"/>
                  </a:lnTo>
                  <a:lnTo>
                    <a:pt x="632460" y="0"/>
                  </a:lnTo>
                  <a:close/>
                </a:path>
                <a:path w="646429" h="5079">
                  <a:moveTo>
                    <a:pt x="638556" y="0"/>
                  </a:moveTo>
                  <a:lnTo>
                    <a:pt x="635508" y="0"/>
                  </a:lnTo>
                  <a:lnTo>
                    <a:pt x="635508" y="4572"/>
                  </a:lnTo>
                  <a:lnTo>
                    <a:pt x="638556" y="4572"/>
                  </a:lnTo>
                  <a:lnTo>
                    <a:pt x="638556" y="0"/>
                  </a:lnTo>
                  <a:close/>
                </a:path>
                <a:path w="646429" h="5079">
                  <a:moveTo>
                    <a:pt x="646176" y="0"/>
                  </a:moveTo>
                  <a:lnTo>
                    <a:pt x="641604" y="0"/>
                  </a:lnTo>
                  <a:lnTo>
                    <a:pt x="641604" y="4572"/>
                  </a:lnTo>
                  <a:lnTo>
                    <a:pt x="646176" y="4572"/>
                  </a:lnTo>
                  <a:lnTo>
                    <a:pt x="646176" y="0"/>
                  </a:lnTo>
                  <a:close/>
                </a:path>
              </a:pathLst>
            </a:custGeom>
            <a:solidFill>
              <a:srgbClr val="D8D8D8"/>
            </a:solidFill>
          </p:spPr>
          <p:txBody>
            <a:bodyPr wrap="square" lIns="0" tIns="0" rIns="0" bIns="0" rtlCol="0"/>
            <a:lstStyle/>
            <a:p>
              <a:endParaRPr sz="1539"/>
            </a:p>
          </p:txBody>
        </p:sp>
        <p:sp>
          <p:nvSpPr>
            <p:cNvPr id="64" name="object 64"/>
            <p:cNvSpPr/>
            <p:nvPr/>
          </p:nvSpPr>
          <p:spPr>
            <a:xfrm>
              <a:off x="6272784" y="4520183"/>
              <a:ext cx="820419" cy="5080"/>
            </a:xfrm>
            <a:custGeom>
              <a:avLst/>
              <a:gdLst/>
              <a:ahLst/>
              <a:cxnLst/>
              <a:rect l="l" t="t" r="r" b="b"/>
              <a:pathLst>
                <a:path w="820420" h="5079">
                  <a:moveTo>
                    <a:pt x="4572" y="0"/>
                  </a:moveTo>
                  <a:lnTo>
                    <a:pt x="0" y="0"/>
                  </a:lnTo>
                  <a:lnTo>
                    <a:pt x="0" y="4572"/>
                  </a:lnTo>
                  <a:lnTo>
                    <a:pt x="4572" y="4572"/>
                  </a:lnTo>
                  <a:lnTo>
                    <a:pt x="4572" y="0"/>
                  </a:lnTo>
                  <a:close/>
                </a:path>
                <a:path w="820420" h="5079">
                  <a:moveTo>
                    <a:pt x="10668" y="0"/>
                  </a:moveTo>
                  <a:lnTo>
                    <a:pt x="7620" y="0"/>
                  </a:lnTo>
                  <a:lnTo>
                    <a:pt x="7620" y="4572"/>
                  </a:lnTo>
                  <a:lnTo>
                    <a:pt x="10668" y="4572"/>
                  </a:lnTo>
                  <a:lnTo>
                    <a:pt x="10668" y="0"/>
                  </a:lnTo>
                  <a:close/>
                </a:path>
                <a:path w="820420" h="5079">
                  <a:moveTo>
                    <a:pt x="18288" y="0"/>
                  </a:moveTo>
                  <a:lnTo>
                    <a:pt x="13716" y="0"/>
                  </a:lnTo>
                  <a:lnTo>
                    <a:pt x="13716" y="4572"/>
                  </a:lnTo>
                  <a:lnTo>
                    <a:pt x="18288" y="4572"/>
                  </a:lnTo>
                  <a:lnTo>
                    <a:pt x="18288" y="0"/>
                  </a:lnTo>
                  <a:close/>
                </a:path>
                <a:path w="820420" h="5079">
                  <a:moveTo>
                    <a:pt x="24384" y="0"/>
                  </a:moveTo>
                  <a:lnTo>
                    <a:pt x="21336" y="0"/>
                  </a:lnTo>
                  <a:lnTo>
                    <a:pt x="21336" y="4572"/>
                  </a:lnTo>
                  <a:lnTo>
                    <a:pt x="24384" y="4572"/>
                  </a:lnTo>
                  <a:lnTo>
                    <a:pt x="24384" y="0"/>
                  </a:lnTo>
                  <a:close/>
                </a:path>
                <a:path w="820420" h="5079">
                  <a:moveTo>
                    <a:pt x="32004" y="0"/>
                  </a:moveTo>
                  <a:lnTo>
                    <a:pt x="27432" y="0"/>
                  </a:lnTo>
                  <a:lnTo>
                    <a:pt x="27432" y="4572"/>
                  </a:lnTo>
                  <a:lnTo>
                    <a:pt x="32004" y="4572"/>
                  </a:lnTo>
                  <a:lnTo>
                    <a:pt x="32004" y="0"/>
                  </a:lnTo>
                  <a:close/>
                </a:path>
                <a:path w="820420" h="5079">
                  <a:moveTo>
                    <a:pt x="38100" y="0"/>
                  </a:moveTo>
                  <a:lnTo>
                    <a:pt x="35052" y="0"/>
                  </a:lnTo>
                  <a:lnTo>
                    <a:pt x="35052" y="4572"/>
                  </a:lnTo>
                  <a:lnTo>
                    <a:pt x="38100" y="4572"/>
                  </a:lnTo>
                  <a:lnTo>
                    <a:pt x="38100" y="0"/>
                  </a:lnTo>
                  <a:close/>
                </a:path>
                <a:path w="820420" h="5079">
                  <a:moveTo>
                    <a:pt x="210312" y="0"/>
                  </a:moveTo>
                  <a:lnTo>
                    <a:pt x="208788" y="0"/>
                  </a:lnTo>
                  <a:lnTo>
                    <a:pt x="208788" y="4572"/>
                  </a:lnTo>
                  <a:lnTo>
                    <a:pt x="210312" y="4572"/>
                  </a:lnTo>
                  <a:lnTo>
                    <a:pt x="210312" y="0"/>
                  </a:lnTo>
                  <a:close/>
                </a:path>
                <a:path w="820420" h="5079">
                  <a:moveTo>
                    <a:pt x="216408" y="0"/>
                  </a:moveTo>
                  <a:lnTo>
                    <a:pt x="213360" y="0"/>
                  </a:lnTo>
                  <a:lnTo>
                    <a:pt x="213360" y="4572"/>
                  </a:lnTo>
                  <a:lnTo>
                    <a:pt x="216408" y="4572"/>
                  </a:lnTo>
                  <a:lnTo>
                    <a:pt x="216408" y="0"/>
                  </a:lnTo>
                  <a:close/>
                </a:path>
                <a:path w="820420" h="5079">
                  <a:moveTo>
                    <a:pt x="224028" y="0"/>
                  </a:moveTo>
                  <a:lnTo>
                    <a:pt x="219456" y="0"/>
                  </a:lnTo>
                  <a:lnTo>
                    <a:pt x="219456" y="4572"/>
                  </a:lnTo>
                  <a:lnTo>
                    <a:pt x="224028" y="4572"/>
                  </a:lnTo>
                  <a:lnTo>
                    <a:pt x="224028" y="0"/>
                  </a:lnTo>
                  <a:close/>
                </a:path>
                <a:path w="820420" h="5079">
                  <a:moveTo>
                    <a:pt x="230111" y="0"/>
                  </a:moveTo>
                  <a:lnTo>
                    <a:pt x="227076" y="0"/>
                  </a:lnTo>
                  <a:lnTo>
                    <a:pt x="227076" y="4572"/>
                  </a:lnTo>
                  <a:lnTo>
                    <a:pt x="230111" y="4572"/>
                  </a:lnTo>
                  <a:lnTo>
                    <a:pt x="230111" y="0"/>
                  </a:lnTo>
                  <a:close/>
                </a:path>
                <a:path w="820420" h="5079">
                  <a:moveTo>
                    <a:pt x="237744" y="0"/>
                  </a:moveTo>
                  <a:lnTo>
                    <a:pt x="233172" y="0"/>
                  </a:lnTo>
                  <a:lnTo>
                    <a:pt x="233172" y="4572"/>
                  </a:lnTo>
                  <a:lnTo>
                    <a:pt x="237744" y="4572"/>
                  </a:lnTo>
                  <a:lnTo>
                    <a:pt x="237744" y="0"/>
                  </a:lnTo>
                  <a:close/>
                </a:path>
                <a:path w="820420" h="5079">
                  <a:moveTo>
                    <a:pt x="243840" y="0"/>
                  </a:moveTo>
                  <a:lnTo>
                    <a:pt x="240792" y="0"/>
                  </a:lnTo>
                  <a:lnTo>
                    <a:pt x="240792" y="4572"/>
                  </a:lnTo>
                  <a:lnTo>
                    <a:pt x="243840" y="4572"/>
                  </a:lnTo>
                  <a:lnTo>
                    <a:pt x="243840" y="0"/>
                  </a:lnTo>
                  <a:close/>
                </a:path>
                <a:path w="820420" h="5079">
                  <a:moveTo>
                    <a:pt x="251460" y="0"/>
                  </a:moveTo>
                  <a:lnTo>
                    <a:pt x="246888" y="0"/>
                  </a:lnTo>
                  <a:lnTo>
                    <a:pt x="246888" y="4572"/>
                  </a:lnTo>
                  <a:lnTo>
                    <a:pt x="251460" y="4572"/>
                  </a:lnTo>
                  <a:lnTo>
                    <a:pt x="251460" y="0"/>
                  </a:lnTo>
                  <a:close/>
                </a:path>
                <a:path w="820420" h="5079">
                  <a:moveTo>
                    <a:pt x="257556" y="0"/>
                  </a:moveTo>
                  <a:lnTo>
                    <a:pt x="254508" y="0"/>
                  </a:lnTo>
                  <a:lnTo>
                    <a:pt x="254508" y="4572"/>
                  </a:lnTo>
                  <a:lnTo>
                    <a:pt x="257556" y="4572"/>
                  </a:lnTo>
                  <a:lnTo>
                    <a:pt x="257556" y="0"/>
                  </a:lnTo>
                  <a:close/>
                </a:path>
                <a:path w="820420" h="5079">
                  <a:moveTo>
                    <a:pt x="265163" y="0"/>
                  </a:moveTo>
                  <a:lnTo>
                    <a:pt x="260604" y="0"/>
                  </a:lnTo>
                  <a:lnTo>
                    <a:pt x="260604" y="4572"/>
                  </a:lnTo>
                  <a:lnTo>
                    <a:pt x="265163" y="4572"/>
                  </a:lnTo>
                  <a:lnTo>
                    <a:pt x="265163" y="0"/>
                  </a:lnTo>
                  <a:close/>
                </a:path>
                <a:path w="820420" h="5079">
                  <a:moveTo>
                    <a:pt x="271272" y="0"/>
                  </a:moveTo>
                  <a:lnTo>
                    <a:pt x="268211" y="0"/>
                  </a:lnTo>
                  <a:lnTo>
                    <a:pt x="268211" y="4572"/>
                  </a:lnTo>
                  <a:lnTo>
                    <a:pt x="271272" y="4572"/>
                  </a:lnTo>
                  <a:lnTo>
                    <a:pt x="271272" y="0"/>
                  </a:lnTo>
                  <a:close/>
                </a:path>
                <a:path w="820420" h="5079">
                  <a:moveTo>
                    <a:pt x="278892" y="0"/>
                  </a:moveTo>
                  <a:lnTo>
                    <a:pt x="274320" y="0"/>
                  </a:lnTo>
                  <a:lnTo>
                    <a:pt x="274320" y="4572"/>
                  </a:lnTo>
                  <a:lnTo>
                    <a:pt x="278892" y="4572"/>
                  </a:lnTo>
                  <a:lnTo>
                    <a:pt x="278892" y="0"/>
                  </a:lnTo>
                  <a:close/>
                </a:path>
                <a:path w="820420" h="5079">
                  <a:moveTo>
                    <a:pt x="284988" y="0"/>
                  </a:moveTo>
                  <a:lnTo>
                    <a:pt x="281940" y="0"/>
                  </a:lnTo>
                  <a:lnTo>
                    <a:pt x="281940" y="4572"/>
                  </a:lnTo>
                  <a:lnTo>
                    <a:pt x="284988" y="4572"/>
                  </a:lnTo>
                  <a:lnTo>
                    <a:pt x="284988" y="0"/>
                  </a:lnTo>
                  <a:close/>
                </a:path>
                <a:path w="820420" h="5079">
                  <a:moveTo>
                    <a:pt x="292608" y="0"/>
                  </a:moveTo>
                  <a:lnTo>
                    <a:pt x="288036" y="0"/>
                  </a:lnTo>
                  <a:lnTo>
                    <a:pt x="288036" y="4572"/>
                  </a:lnTo>
                  <a:lnTo>
                    <a:pt x="292608" y="4572"/>
                  </a:lnTo>
                  <a:lnTo>
                    <a:pt x="292608" y="0"/>
                  </a:lnTo>
                  <a:close/>
                </a:path>
                <a:path w="820420" h="5079">
                  <a:moveTo>
                    <a:pt x="298704" y="0"/>
                  </a:moveTo>
                  <a:lnTo>
                    <a:pt x="295656" y="0"/>
                  </a:lnTo>
                  <a:lnTo>
                    <a:pt x="295656" y="4572"/>
                  </a:lnTo>
                  <a:lnTo>
                    <a:pt x="298704" y="4572"/>
                  </a:lnTo>
                  <a:lnTo>
                    <a:pt x="298704" y="0"/>
                  </a:lnTo>
                  <a:close/>
                </a:path>
                <a:path w="820420" h="5079">
                  <a:moveTo>
                    <a:pt x="306311" y="0"/>
                  </a:moveTo>
                  <a:lnTo>
                    <a:pt x="301739" y="0"/>
                  </a:lnTo>
                  <a:lnTo>
                    <a:pt x="301739" y="4572"/>
                  </a:lnTo>
                  <a:lnTo>
                    <a:pt x="306311" y="4572"/>
                  </a:lnTo>
                  <a:lnTo>
                    <a:pt x="306311" y="0"/>
                  </a:lnTo>
                  <a:close/>
                </a:path>
                <a:path w="820420" h="5079">
                  <a:moveTo>
                    <a:pt x="312420" y="0"/>
                  </a:moveTo>
                  <a:lnTo>
                    <a:pt x="309372" y="0"/>
                  </a:lnTo>
                  <a:lnTo>
                    <a:pt x="309372" y="4572"/>
                  </a:lnTo>
                  <a:lnTo>
                    <a:pt x="312420" y="4572"/>
                  </a:lnTo>
                  <a:lnTo>
                    <a:pt x="312420" y="0"/>
                  </a:lnTo>
                  <a:close/>
                </a:path>
                <a:path w="820420" h="5079">
                  <a:moveTo>
                    <a:pt x="318516" y="0"/>
                  </a:moveTo>
                  <a:lnTo>
                    <a:pt x="315468" y="0"/>
                  </a:lnTo>
                  <a:lnTo>
                    <a:pt x="315468" y="4572"/>
                  </a:lnTo>
                  <a:lnTo>
                    <a:pt x="318516" y="4572"/>
                  </a:lnTo>
                  <a:lnTo>
                    <a:pt x="318516" y="0"/>
                  </a:lnTo>
                  <a:close/>
                </a:path>
                <a:path w="820420" h="5079">
                  <a:moveTo>
                    <a:pt x="326136" y="0"/>
                  </a:moveTo>
                  <a:lnTo>
                    <a:pt x="323088" y="0"/>
                  </a:lnTo>
                  <a:lnTo>
                    <a:pt x="323088" y="4572"/>
                  </a:lnTo>
                  <a:lnTo>
                    <a:pt x="326136" y="4572"/>
                  </a:lnTo>
                  <a:lnTo>
                    <a:pt x="326136" y="0"/>
                  </a:lnTo>
                  <a:close/>
                </a:path>
                <a:path w="820420" h="5079">
                  <a:moveTo>
                    <a:pt x="332232" y="0"/>
                  </a:moveTo>
                  <a:lnTo>
                    <a:pt x="329184" y="0"/>
                  </a:lnTo>
                  <a:lnTo>
                    <a:pt x="329184" y="4572"/>
                  </a:lnTo>
                  <a:lnTo>
                    <a:pt x="332232" y="4572"/>
                  </a:lnTo>
                  <a:lnTo>
                    <a:pt x="332232" y="0"/>
                  </a:lnTo>
                  <a:close/>
                </a:path>
                <a:path w="820420" h="5079">
                  <a:moveTo>
                    <a:pt x="339839" y="0"/>
                  </a:moveTo>
                  <a:lnTo>
                    <a:pt x="336804" y="0"/>
                  </a:lnTo>
                  <a:lnTo>
                    <a:pt x="336804" y="4572"/>
                  </a:lnTo>
                  <a:lnTo>
                    <a:pt x="339839" y="4572"/>
                  </a:lnTo>
                  <a:lnTo>
                    <a:pt x="339839" y="0"/>
                  </a:lnTo>
                  <a:close/>
                </a:path>
                <a:path w="820420" h="5079">
                  <a:moveTo>
                    <a:pt x="345935" y="0"/>
                  </a:moveTo>
                  <a:lnTo>
                    <a:pt x="342887" y="0"/>
                  </a:lnTo>
                  <a:lnTo>
                    <a:pt x="342887" y="4572"/>
                  </a:lnTo>
                  <a:lnTo>
                    <a:pt x="345935" y="4572"/>
                  </a:lnTo>
                  <a:lnTo>
                    <a:pt x="345935" y="0"/>
                  </a:lnTo>
                  <a:close/>
                </a:path>
                <a:path w="820420" h="5079">
                  <a:moveTo>
                    <a:pt x="353568" y="0"/>
                  </a:moveTo>
                  <a:lnTo>
                    <a:pt x="350520" y="0"/>
                  </a:lnTo>
                  <a:lnTo>
                    <a:pt x="350520" y="4572"/>
                  </a:lnTo>
                  <a:lnTo>
                    <a:pt x="353568" y="4572"/>
                  </a:lnTo>
                  <a:lnTo>
                    <a:pt x="353568" y="0"/>
                  </a:lnTo>
                  <a:close/>
                </a:path>
                <a:path w="820420" h="5079">
                  <a:moveTo>
                    <a:pt x="359664" y="0"/>
                  </a:moveTo>
                  <a:lnTo>
                    <a:pt x="356616" y="0"/>
                  </a:lnTo>
                  <a:lnTo>
                    <a:pt x="356616" y="4572"/>
                  </a:lnTo>
                  <a:lnTo>
                    <a:pt x="359664" y="4572"/>
                  </a:lnTo>
                  <a:lnTo>
                    <a:pt x="359664" y="0"/>
                  </a:lnTo>
                  <a:close/>
                </a:path>
                <a:path w="820420" h="5079">
                  <a:moveTo>
                    <a:pt x="367284" y="0"/>
                  </a:moveTo>
                  <a:lnTo>
                    <a:pt x="364236" y="0"/>
                  </a:lnTo>
                  <a:lnTo>
                    <a:pt x="364236" y="4572"/>
                  </a:lnTo>
                  <a:lnTo>
                    <a:pt x="367284" y="4572"/>
                  </a:lnTo>
                  <a:lnTo>
                    <a:pt x="367284" y="0"/>
                  </a:lnTo>
                  <a:close/>
                </a:path>
                <a:path w="820420" h="5079">
                  <a:moveTo>
                    <a:pt x="373380" y="0"/>
                  </a:moveTo>
                  <a:lnTo>
                    <a:pt x="370332" y="0"/>
                  </a:lnTo>
                  <a:lnTo>
                    <a:pt x="370332" y="4572"/>
                  </a:lnTo>
                  <a:lnTo>
                    <a:pt x="373380" y="4572"/>
                  </a:lnTo>
                  <a:lnTo>
                    <a:pt x="373380" y="0"/>
                  </a:lnTo>
                  <a:close/>
                </a:path>
                <a:path w="820420" h="5079">
                  <a:moveTo>
                    <a:pt x="380987" y="0"/>
                  </a:moveTo>
                  <a:lnTo>
                    <a:pt x="377939" y="0"/>
                  </a:lnTo>
                  <a:lnTo>
                    <a:pt x="377939" y="4572"/>
                  </a:lnTo>
                  <a:lnTo>
                    <a:pt x="380987" y="4572"/>
                  </a:lnTo>
                  <a:lnTo>
                    <a:pt x="380987" y="0"/>
                  </a:lnTo>
                  <a:close/>
                </a:path>
                <a:path w="820420" h="5079">
                  <a:moveTo>
                    <a:pt x="387096" y="0"/>
                  </a:moveTo>
                  <a:lnTo>
                    <a:pt x="384035" y="0"/>
                  </a:lnTo>
                  <a:lnTo>
                    <a:pt x="384035" y="4572"/>
                  </a:lnTo>
                  <a:lnTo>
                    <a:pt x="387096" y="4572"/>
                  </a:lnTo>
                  <a:lnTo>
                    <a:pt x="387096" y="0"/>
                  </a:lnTo>
                  <a:close/>
                </a:path>
                <a:path w="820420" h="5079">
                  <a:moveTo>
                    <a:pt x="394716" y="0"/>
                  </a:moveTo>
                  <a:lnTo>
                    <a:pt x="391668" y="0"/>
                  </a:lnTo>
                  <a:lnTo>
                    <a:pt x="391668" y="4572"/>
                  </a:lnTo>
                  <a:lnTo>
                    <a:pt x="394716" y="4572"/>
                  </a:lnTo>
                  <a:lnTo>
                    <a:pt x="394716" y="0"/>
                  </a:lnTo>
                  <a:close/>
                </a:path>
                <a:path w="820420" h="5079">
                  <a:moveTo>
                    <a:pt x="400812" y="0"/>
                  </a:moveTo>
                  <a:lnTo>
                    <a:pt x="397764" y="0"/>
                  </a:lnTo>
                  <a:lnTo>
                    <a:pt x="397764" y="4572"/>
                  </a:lnTo>
                  <a:lnTo>
                    <a:pt x="400812" y="4572"/>
                  </a:lnTo>
                  <a:lnTo>
                    <a:pt x="400812" y="0"/>
                  </a:lnTo>
                  <a:close/>
                </a:path>
                <a:path w="820420" h="5079">
                  <a:moveTo>
                    <a:pt x="408432" y="0"/>
                  </a:moveTo>
                  <a:lnTo>
                    <a:pt x="405384" y="0"/>
                  </a:lnTo>
                  <a:lnTo>
                    <a:pt x="405384" y="4572"/>
                  </a:lnTo>
                  <a:lnTo>
                    <a:pt x="408432" y="4572"/>
                  </a:lnTo>
                  <a:lnTo>
                    <a:pt x="408432" y="0"/>
                  </a:lnTo>
                  <a:close/>
                </a:path>
                <a:path w="820420" h="5079">
                  <a:moveTo>
                    <a:pt x="414528" y="0"/>
                  </a:moveTo>
                  <a:lnTo>
                    <a:pt x="411480" y="0"/>
                  </a:lnTo>
                  <a:lnTo>
                    <a:pt x="411480" y="4572"/>
                  </a:lnTo>
                  <a:lnTo>
                    <a:pt x="414528" y="4572"/>
                  </a:lnTo>
                  <a:lnTo>
                    <a:pt x="414528" y="0"/>
                  </a:lnTo>
                  <a:close/>
                </a:path>
                <a:path w="820420" h="5079">
                  <a:moveTo>
                    <a:pt x="422148" y="0"/>
                  </a:moveTo>
                  <a:lnTo>
                    <a:pt x="419100" y="0"/>
                  </a:lnTo>
                  <a:lnTo>
                    <a:pt x="419100" y="4572"/>
                  </a:lnTo>
                  <a:lnTo>
                    <a:pt x="422148" y="4572"/>
                  </a:lnTo>
                  <a:lnTo>
                    <a:pt x="422148" y="0"/>
                  </a:lnTo>
                  <a:close/>
                </a:path>
                <a:path w="820420" h="5079">
                  <a:moveTo>
                    <a:pt x="428244" y="0"/>
                  </a:moveTo>
                  <a:lnTo>
                    <a:pt x="425196" y="0"/>
                  </a:lnTo>
                  <a:lnTo>
                    <a:pt x="425196" y="4572"/>
                  </a:lnTo>
                  <a:lnTo>
                    <a:pt x="428244" y="4572"/>
                  </a:lnTo>
                  <a:lnTo>
                    <a:pt x="428244" y="0"/>
                  </a:lnTo>
                  <a:close/>
                </a:path>
                <a:path w="820420" h="5079">
                  <a:moveTo>
                    <a:pt x="435864" y="0"/>
                  </a:moveTo>
                  <a:lnTo>
                    <a:pt x="432816" y="0"/>
                  </a:lnTo>
                  <a:lnTo>
                    <a:pt x="432816" y="4572"/>
                  </a:lnTo>
                  <a:lnTo>
                    <a:pt x="435864" y="4572"/>
                  </a:lnTo>
                  <a:lnTo>
                    <a:pt x="435864" y="0"/>
                  </a:lnTo>
                  <a:close/>
                </a:path>
                <a:path w="820420" h="5079">
                  <a:moveTo>
                    <a:pt x="441960" y="0"/>
                  </a:moveTo>
                  <a:lnTo>
                    <a:pt x="438912" y="0"/>
                  </a:lnTo>
                  <a:lnTo>
                    <a:pt x="438912" y="4572"/>
                  </a:lnTo>
                  <a:lnTo>
                    <a:pt x="441960" y="4572"/>
                  </a:lnTo>
                  <a:lnTo>
                    <a:pt x="441960" y="0"/>
                  </a:lnTo>
                  <a:close/>
                </a:path>
                <a:path w="820420" h="5079">
                  <a:moveTo>
                    <a:pt x="449580" y="0"/>
                  </a:moveTo>
                  <a:lnTo>
                    <a:pt x="446532" y="0"/>
                  </a:lnTo>
                  <a:lnTo>
                    <a:pt x="446532" y="4572"/>
                  </a:lnTo>
                  <a:lnTo>
                    <a:pt x="449580" y="4572"/>
                  </a:lnTo>
                  <a:lnTo>
                    <a:pt x="449580" y="0"/>
                  </a:lnTo>
                  <a:close/>
                </a:path>
                <a:path w="820420" h="5079">
                  <a:moveTo>
                    <a:pt x="455676" y="0"/>
                  </a:moveTo>
                  <a:lnTo>
                    <a:pt x="452628" y="0"/>
                  </a:lnTo>
                  <a:lnTo>
                    <a:pt x="452628" y="4572"/>
                  </a:lnTo>
                  <a:lnTo>
                    <a:pt x="455676" y="4572"/>
                  </a:lnTo>
                  <a:lnTo>
                    <a:pt x="455676" y="0"/>
                  </a:lnTo>
                  <a:close/>
                </a:path>
                <a:path w="820420" h="5079">
                  <a:moveTo>
                    <a:pt x="463296" y="0"/>
                  </a:moveTo>
                  <a:lnTo>
                    <a:pt x="460248" y="0"/>
                  </a:lnTo>
                  <a:lnTo>
                    <a:pt x="460248" y="4572"/>
                  </a:lnTo>
                  <a:lnTo>
                    <a:pt x="463296" y="4572"/>
                  </a:lnTo>
                  <a:lnTo>
                    <a:pt x="463296" y="0"/>
                  </a:lnTo>
                  <a:close/>
                </a:path>
                <a:path w="820420" h="5079">
                  <a:moveTo>
                    <a:pt x="641604" y="0"/>
                  </a:moveTo>
                  <a:lnTo>
                    <a:pt x="638556" y="0"/>
                  </a:lnTo>
                  <a:lnTo>
                    <a:pt x="638556" y="4572"/>
                  </a:lnTo>
                  <a:lnTo>
                    <a:pt x="641604" y="4572"/>
                  </a:lnTo>
                  <a:lnTo>
                    <a:pt x="641604" y="0"/>
                  </a:lnTo>
                  <a:close/>
                </a:path>
                <a:path w="820420" h="5079">
                  <a:moveTo>
                    <a:pt x="647700" y="0"/>
                  </a:moveTo>
                  <a:lnTo>
                    <a:pt x="644652" y="0"/>
                  </a:lnTo>
                  <a:lnTo>
                    <a:pt x="644652" y="4572"/>
                  </a:lnTo>
                  <a:lnTo>
                    <a:pt x="647700" y="4572"/>
                  </a:lnTo>
                  <a:lnTo>
                    <a:pt x="647700" y="0"/>
                  </a:lnTo>
                  <a:close/>
                </a:path>
                <a:path w="820420" h="5079">
                  <a:moveTo>
                    <a:pt x="655320" y="0"/>
                  </a:moveTo>
                  <a:lnTo>
                    <a:pt x="652272" y="0"/>
                  </a:lnTo>
                  <a:lnTo>
                    <a:pt x="652272" y="4572"/>
                  </a:lnTo>
                  <a:lnTo>
                    <a:pt x="655320" y="4572"/>
                  </a:lnTo>
                  <a:lnTo>
                    <a:pt x="655320" y="0"/>
                  </a:lnTo>
                  <a:close/>
                </a:path>
                <a:path w="820420" h="5079">
                  <a:moveTo>
                    <a:pt x="661416" y="0"/>
                  </a:moveTo>
                  <a:lnTo>
                    <a:pt x="658368" y="0"/>
                  </a:lnTo>
                  <a:lnTo>
                    <a:pt x="658368" y="4572"/>
                  </a:lnTo>
                  <a:lnTo>
                    <a:pt x="661416" y="4572"/>
                  </a:lnTo>
                  <a:lnTo>
                    <a:pt x="661416" y="0"/>
                  </a:lnTo>
                  <a:close/>
                </a:path>
                <a:path w="820420" h="5079">
                  <a:moveTo>
                    <a:pt x="669036" y="0"/>
                  </a:moveTo>
                  <a:lnTo>
                    <a:pt x="665988" y="0"/>
                  </a:lnTo>
                  <a:lnTo>
                    <a:pt x="665988" y="4572"/>
                  </a:lnTo>
                  <a:lnTo>
                    <a:pt x="669036" y="4572"/>
                  </a:lnTo>
                  <a:lnTo>
                    <a:pt x="669036" y="0"/>
                  </a:lnTo>
                  <a:close/>
                </a:path>
                <a:path w="820420" h="5079">
                  <a:moveTo>
                    <a:pt x="675132" y="0"/>
                  </a:moveTo>
                  <a:lnTo>
                    <a:pt x="672084" y="0"/>
                  </a:lnTo>
                  <a:lnTo>
                    <a:pt x="672084" y="4572"/>
                  </a:lnTo>
                  <a:lnTo>
                    <a:pt x="675132" y="4572"/>
                  </a:lnTo>
                  <a:lnTo>
                    <a:pt x="675132" y="0"/>
                  </a:lnTo>
                  <a:close/>
                </a:path>
                <a:path w="820420" h="5079">
                  <a:moveTo>
                    <a:pt x="682752" y="0"/>
                  </a:moveTo>
                  <a:lnTo>
                    <a:pt x="679704" y="0"/>
                  </a:lnTo>
                  <a:lnTo>
                    <a:pt x="679704" y="4572"/>
                  </a:lnTo>
                  <a:lnTo>
                    <a:pt x="682752" y="4572"/>
                  </a:lnTo>
                  <a:lnTo>
                    <a:pt x="682752" y="0"/>
                  </a:lnTo>
                  <a:close/>
                </a:path>
                <a:path w="820420" h="5079">
                  <a:moveTo>
                    <a:pt x="688848" y="0"/>
                  </a:moveTo>
                  <a:lnTo>
                    <a:pt x="685800" y="0"/>
                  </a:lnTo>
                  <a:lnTo>
                    <a:pt x="685800" y="4572"/>
                  </a:lnTo>
                  <a:lnTo>
                    <a:pt x="688848" y="4572"/>
                  </a:lnTo>
                  <a:lnTo>
                    <a:pt x="688848" y="0"/>
                  </a:lnTo>
                  <a:close/>
                </a:path>
                <a:path w="820420" h="5079">
                  <a:moveTo>
                    <a:pt x="696468" y="0"/>
                  </a:moveTo>
                  <a:lnTo>
                    <a:pt x="693420" y="0"/>
                  </a:lnTo>
                  <a:lnTo>
                    <a:pt x="693420" y="4572"/>
                  </a:lnTo>
                  <a:lnTo>
                    <a:pt x="696468" y="4572"/>
                  </a:lnTo>
                  <a:lnTo>
                    <a:pt x="696468" y="0"/>
                  </a:lnTo>
                  <a:close/>
                </a:path>
                <a:path w="820420" h="5079">
                  <a:moveTo>
                    <a:pt x="702564" y="0"/>
                  </a:moveTo>
                  <a:lnTo>
                    <a:pt x="699516" y="0"/>
                  </a:lnTo>
                  <a:lnTo>
                    <a:pt x="699516" y="4572"/>
                  </a:lnTo>
                  <a:lnTo>
                    <a:pt x="702564" y="4572"/>
                  </a:lnTo>
                  <a:lnTo>
                    <a:pt x="702564" y="0"/>
                  </a:lnTo>
                  <a:close/>
                </a:path>
                <a:path w="820420" h="5079">
                  <a:moveTo>
                    <a:pt x="710184" y="0"/>
                  </a:moveTo>
                  <a:lnTo>
                    <a:pt x="707136" y="0"/>
                  </a:lnTo>
                  <a:lnTo>
                    <a:pt x="707136" y="4572"/>
                  </a:lnTo>
                  <a:lnTo>
                    <a:pt x="710184" y="4572"/>
                  </a:lnTo>
                  <a:lnTo>
                    <a:pt x="710184" y="0"/>
                  </a:lnTo>
                  <a:close/>
                </a:path>
                <a:path w="820420" h="5079">
                  <a:moveTo>
                    <a:pt x="716280" y="0"/>
                  </a:moveTo>
                  <a:lnTo>
                    <a:pt x="713232" y="0"/>
                  </a:lnTo>
                  <a:lnTo>
                    <a:pt x="713232" y="4572"/>
                  </a:lnTo>
                  <a:lnTo>
                    <a:pt x="716280" y="4572"/>
                  </a:lnTo>
                  <a:lnTo>
                    <a:pt x="716280" y="0"/>
                  </a:lnTo>
                  <a:close/>
                </a:path>
                <a:path w="820420" h="5079">
                  <a:moveTo>
                    <a:pt x="723900" y="0"/>
                  </a:moveTo>
                  <a:lnTo>
                    <a:pt x="720852" y="0"/>
                  </a:lnTo>
                  <a:lnTo>
                    <a:pt x="720852" y="4572"/>
                  </a:lnTo>
                  <a:lnTo>
                    <a:pt x="723900" y="4572"/>
                  </a:lnTo>
                  <a:lnTo>
                    <a:pt x="723900" y="0"/>
                  </a:lnTo>
                  <a:close/>
                </a:path>
                <a:path w="820420" h="5079">
                  <a:moveTo>
                    <a:pt x="729996" y="0"/>
                  </a:moveTo>
                  <a:lnTo>
                    <a:pt x="726948" y="0"/>
                  </a:lnTo>
                  <a:lnTo>
                    <a:pt x="726948" y="4572"/>
                  </a:lnTo>
                  <a:lnTo>
                    <a:pt x="729996" y="4572"/>
                  </a:lnTo>
                  <a:lnTo>
                    <a:pt x="729996" y="0"/>
                  </a:lnTo>
                  <a:close/>
                </a:path>
                <a:path w="820420" h="5079">
                  <a:moveTo>
                    <a:pt x="737616" y="0"/>
                  </a:moveTo>
                  <a:lnTo>
                    <a:pt x="734568" y="0"/>
                  </a:lnTo>
                  <a:lnTo>
                    <a:pt x="734568" y="4572"/>
                  </a:lnTo>
                  <a:lnTo>
                    <a:pt x="737616" y="4572"/>
                  </a:lnTo>
                  <a:lnTo>
                    <a:pt x="737616" y="0"/>
                  </a:lnTo>
                  <a:close/>
                </a:path>
                <a:path w="820420" h="5079">
                  <a:moveTo>
                    <a:pt x="743712" y="0"/>
                  </a:moveTo>
                  <a:lnTo>
                    <a:pt x="740664" y="0"/>
                  </a:lnTo>
                  <a:lnTo>
                    <a:pt x="740664" y="4572"/>
                  </a:lnTo>
                  <a:lnTo>
                    <a:pt x="743712" y="4572"/>
                  </a:lnTo>
                  <a:lnTo>
                    <a:pt x="743712" y="0"/>
                  </a:lnTo>
                  <a:close/>
                </a:path>
                <a:path w="820420" h="5079">
                  <a:moveTo>
                    <a:pt x="751332" y="0"/>
                  </a:moveTo>
                  <a:lnTo>
                    <a:pt x="748284" y="0"/>
                  </a:lnTo>
                  <a:lnTo>
                    <a:pt x="748284" y="4572"/>
                  </a:lnTo>
                  <a:lnTo>
                    <a:pt x="751332" y="4572"/>
                  </a:lnTo>
                  <a:lnTo>
                    <a:pt x="751332" y="0"/>
                  </a:lnTo>
                  <a:close/>
                </a:path>
                <a:path w="820420" h="5079">
                  <a:moveTo>
                    <a:pt x="757428" y="0"/>
                  </a:moveTo>
                  <a:lnTo>
                    <a:pt x="754380" y="0"/>
                  </a:lnTo>
                  <a:lnTo>
                    <a:pt x="754380" y="4572"/>
                  </a:lnTo>
                  <a:lnTo>
                    <a:pt x="757428" y="4572"/>
                  </a:lnTo>
                  <a:lnTo>
                    <a:pt x="757428" y="0"/>
                  </a:lnTo>
                  <a:close/>
                </a:path>
                <a:path w="820420" h="5079">
                  <a:moveTo>
                    <a:pt x="765048" y="0"/>
                  </a:moveTo>
                  <a:lnTo>
                    <a:pt x="762000" y="0"/>
                  </a:lnTo>
                  <a:lnTo>
                    <a:pt x="762000" y="4572"/>
                  </a:lnTo>
                  <a:lnTo>
                    <a:pt x="765048" y="4572"/>
                  </a:lnTo>
                  <a:lnTo>
                    <a:pt x="765048" y="0"/>
                  </a:lnTo>
                  <a:close/>
                </a:path>
                <a:path w="820420" h="5079">
                  <a:moveTo>
                    <a:pt x="771144" y="0"/>
                  </a:moveTo>
                  <a:lnTo>
                    <a:pt x="768096" y="0"/>
                  </a:lnTo>
                  <a:lnTo>
                    <a:pt x="768096" y="4572"/>
                  </a:lnTo>
                  <a:lnTo>
                    <a:pt x="771144" y="4572"/>
                  </a:lnTo>
                  <a:lnTo>
                    <a:pt x="771144" y="0"/>
                  </a:lnTo>
                  <a:close/>
                </a:path>
                <a:path w="820420" h="5079">
                  <a:moveTo>
                    <a:pt x="778764" y="0"/>
                  </a:moveTo>
                  <a:lnTo>
                    <a:pt x="775716" y="0"/>
                  </a:lnTo>
                  <a:lnTo>
                    <a:pt x="775716" y="4572"/>
                  </a:lnTo>
                  <a:lnTo>
                    <a:pt x="778764" y="4572"/>
                  </a:lnTo>
                  <a:lnTo>
                    <a:pt x="778764" y="0"/>
                  </a:lnTo>
                  <a:close/>
                </a:path>
                <a:path w="820420" h="5079">
                  <a:moveTo>
                    <a:pt x="784860" y="0"/>
                  </a:moveTo>
                  <a:lnTo>
                    <a:pt x="781812" y="0"/>
                  </a:lnTo>
                  <a:lnTo>
                    <a:pt x="781812" y="4572"/>
                  </a:lnTo>
                  <a:lnTo>
                    <a:pt x="784860" y="4572"/>
                  </a:lnTo>
                  <a:lnTo>
                    <a:pt x="784860" y="0"/>
                  </a:lnTo>
                  <a:close/>
                </a:path>
                <a:path w="820420" h="5079">
                  <a:moveTo>
                    <a:pt x="792480" y="0"/>
                  </a:moveTo>
                  <a:lnTo>
                    <a:pt x="789432" y="0"/>
                  </a:lnTo>
                  <a:lnTo>
                    <a:pt x="789432" y="4572"/>
                  </a:lnTo>
                  <a:lnTo>
                    <a:pt x="792480" y="4572"/>
                  </a:lnTo>
                  <a:lnTo>
                    <a:pt x="792480" y="0"/>
                  </a:lnTo>
                  <a:close/>
                </a:path>
                <a:path w="820420" h="5079">
                  <a:moveTo>
                    <a:pt x="798576" y="0"/>
                  </a:moveTo>
                  <a:lnTo>
                    <a:pt x="795528" y="0"/>
                  </a:lnTo>
                  <a:lnTo>
                    <a:pt x="795528" y="4572"/>
                  </a:lnTo>
                  <a:lnTo>
                    <a:pt x="798576" y="4572"/>
                  </a:lnTo>
                  <a:lnTo>
                    <a:pt x="798576" y="0"/>
                  </a:lnTo>
                  <a:close/>
                </a:path>
                <a:path w="820420" h="5079">
                  <a:moveTo>
                    <a:pt x="806196" y="0"/>
                  </a:moveTo>
                  <a:lnTo>
                    <a:pt x="803148" y="0"/>
                  </a:lnTo>
                  <a:lnTo>
                    <a:pt x="803148" y="4572"/>
                  </a:lnTo>
                  <a:lnTo>
                    <a:pt x="806196" y="4572"/>
                  </a:lnTo>
                  <a:lnTo>
                    <a:pt x="806196" y="0"/>
                  </a:lnTo>
                  <a:close/>
                </a:path>
                <a:path w="820420" h="5079">
                  <a:moveTo>
                    <a:pt x="812292" y="0"/>
                  </a:moveTo>
                  <a:lnTo>
                    <a:pt x="809244" y="0"/>
                  </a:lnTo>
                  <a:lnTo>
                    <a:pt x="809244" y="4572"/>
                  </a:lnTo>
                  <a:lnTo>
                    <a:pt x="812292" y="4572"/>
                  </a:lnTo>
                  <a:lnTo>
                    <a:pt x="812292" y="0"/>
                  </a:lnTo>
                  <a:close/>
                </a:path>
                <a:path w="820420" h="5079">
                  <a:moveTo>
                    <a:pt x="819912" y="0"/>
                  </a:moveTo>
                  <a:lnTo>
                    <a:pt x="816864" y="0"/>
                  </a:lnTo>
                  <a:lnTo>
                    <a:pt x="816864" y="4572"/>
                  </a:lnTo>
                  <a:lnTo>
                    <a:pt x="819912" y="4572"/>
                  </a:lnTo>
                  <a:lnTo>
                    <a:pt x="819912" y="0"/>
                  </a:lnTo>
                  <a:close/>
                </a:path>
              </a:pathLst>
            </a:custGeom>
            <a:solidFill>
              <a:srgbClr val="D8D8D8"/>
            </a:solidFill>
          </p:spPr>
          <p:txBody>
            <a:bodyPr wrap="square" lIns="0" tIns="0" rIns="0" bIns="0" rtlCol="0"/>
            <a:lstStyle/>
            <a:p>
              <a:endParaRPr sz="1539"/>
            </a:p>
          </p:txBody>
        </p:sp>
        <p:sp>
          <p:nvSpPr>
            <p:cNvPr id="65" name="object 65"/>
            <p:cNvSpPr/>
            <p:nvPr/>
          </p:nvSpPr>
          <p:spPr>
            <a:xfrm>
              <a:off x="7089648" y="4520183"/>
              <a:ext cx="810895" cy="5080"/>
            </a:xfrm>
            <a:custGeom>
              <a:avLst/>
              <a:gdLst/>
              <a:ahLst/>
              <a:cxnLst/>
              <a:rect l="l" t="t" r="r" b="b"/>
              <a:pathLst>
                <a:path w="810895" h="5079">
                  <a:moveTo>
                    <a:pt x="3048" y="0"/>
                  </a:moveTo>
                  <a:lnTo>
                    <a:pt x="0" y="0"/>
                  </a:lnTo>
                  <a:lnTo>
                    <a:pt x="0" y="4572"/>
                  </a:lnTo>
                  <a:lnTo>
                    <a:pt x="3048" y="4572"/>
                  </a:lnTo>
                  <a:lnTo>
                    <a:pt x="3048" y="0"/>
                  </a:lnTo>
                  <a:close/>
                </a:path>
                <a:path w="810895" h="5079">
                  <a:moveTo>
                    <a:pt x="9144" y="0"/>
                  </a:moveTo>
                  <a:lnTo>
                    <a:pt x="6096" y="0"/>
                  </a:lnTo>
                  <a:lnTo>
                    <a:pt x="6096" y="4572"/>
                  </a:lnTo>
                  <a:lnTo>
                    <a:pt x="9144" y="4572"/>
                  </a:lnTo>
                  <a:lnTo>
                    <a:pt x="9144" y="0"/>
                  </a:lnTo>
                  <a:close/>
                </a:path>
                <a:path w="810895" h="5079">
                  <a:moveTo>
                    <a:pt x="16764" y="0"/>
                  </a:moveTo>
                  <a:lnTo>
                    <a:pt x="13716" y="0"/>
                  </a:lnTo>
                  <a:lnTo>
                    <a:pt x="13716" y="4572"/>
                  </a:lnTo>
                  <a:lnTo>
                    <a:pt x="16764" y="4572"/>
                  </a:lnTo>
                  <a:lnTo>
                    <a:pt x="16764" y="0"/>
                  </a:lnTo>
                  <a:close/>
                </a:path>
                <a:path w="810895" h="5079">
                  <a:moveTo>
                    <a:pt x="22860" y="0"/>
                  </a:moveTo>
                  <a:lnTo>
                    <a:pt x="19812" y="0"/>
                  </a:lnTo>
                  <a:lnTo>
                    <a:pt x="19812" y="4572"/>
                  </a:lnTo>
                  <a:lnTo>
                    <a:pt x="22860" y="4572"/>
                  </a:lnTo>
                  <a:lnTo>
                    <a:pt x="22860" y="0"/>
                  </a:lnTo>
                  <a:close/>
                </a:path>
                <a:path w="810895" h="5079">
                  <a:moveTo>
                    <a:pt x="30480" y="0"/>
                  </a:moveTo>
                  <a:lnTo>
                    <a:pt x="27432" y="0"/>
                  </a:lnTo>
                  <a:lnTo>
                    <a:pt x="27432" y="4572"/>
                  </a:lnTo>
                  <a:lnTo>
                    <a:pt x="30480" y="4572"/>
                  </a:lnTo>
                  <a:lnTo>
                    <a:pt x="30480" y="0"/>
                  </a:lnTo>
                  <a:close/>
                </a:path>
                <a:path w="810895" h="5079">
                  <a:moveTo>
                    <a:pt x="36576" y="0"/>
                  </a:moveTo>
                  <a:lnTo>
                    <a:pt x="33528" y="0"/>
                  </a:lnTo>
                  <a:lnTo>
                    <a:pt x="33528" y="4572"/>
                  </a:lnTo>
                  <a:lnTo>
                    <a:pt x="36576" y="4572"/>
                  </a:lnTo>
                  <a:lnTo>
                    <a:pt x="36576" y="0"/>
                  </a:lnTo>
                  <a:close/>
                </a:path>
                <a:path w="810895" h="5079">
                  <a:moveTo>
                    <a:pt x="44196" y="0"/>
                  </a:moveTo>
                  <a:lnTo>
                    <a:pt x="41148" y="0"/>
                  </a:lnTo>
                  <a:lnTo>
                    <a:pt x="41148" y="4572"/>
                  </a:lnTo>
                  <a:lnTo>
                    <a:pt x="44196" y="4572"/>
                  </a:lnTo>
                  <a:lnTo>
                    <a:pt x="44196" y="0"/>
                  </a:lnTo>
                  <a:close/>
                </a:path>
                <a:path w="810895" h="5079">
                  <a:moveTo>
                    <a:pt x="50292" y="0"/>
                  </a:moveTo>
                  <a:lnTo>
                    <a:pt x="47244" y="0"/>
                  </a:lnTo>
                  <a:lnTo>
                    <a:pt x="47244" y="4572"/>
                  </a:lnTo>
                  <a:lnTo>
                    <a:pt x="50292" y="4572"/>
                  </a:lnTo>
                  <a:lnTo>
                    <a:pt x="50292" y="0"/>
                  </a:lnTo>
                  <a:close/>
                </a:path>
                <a:path w="810895" h="5079">
                  <a:moveTo>
                    <a:pt x="57912" y="0"/>
                  </a:moveTo>
                  <a:lnTo>
                    <a:pt x="54864" y="0"/>
                  </a:lnTo>
                  <a:lnTo>
                    <a:pt x="54864" y="4572"/>
                  </a:lnTo>
                  <a:lnTo>
                    <a:pt x="57912" y="4572"/>
                  </a:lnTo>
                  <a:lnTo>
                    <a:pt x="57912" y="0"/>
                  </a:lnTo>
                  <a:close/>
                </a:path>
                <a:path w="810895" h="5079">
                  <a:moveTo>
                    <a:pt x="64008" y="0"/>
                  </a:moveTo>
                  <a:lnTo>
                    <a:pt x="60960" y="0"/>
                  </a:lnTo>
                  <a:lnTo>
                    <a:pt x="60960" y="4572"/>
                  </a:lnTo>
                  <a:lnTo>
                    <a:pt x="64008" y="4572"/>
                  </a:lnTo>
                  <a:lnTo>
                    <a:pt x="64008" y="0"/>
                  </a:lnTo>
                  <a:close/>
                </a:path>
                <a:path w="810895" h="5079">
                  <a:moveTo>
                    <a:pt x="71628" y="0"/>
                  </a:moveTo>
                  <a:lnTo>
                    <a:pt x="68580" y="0"/>
                  </a:lnTo>
                  <a:lnTo>
                    <a:pt x="68580" y="4572"/>
                  </a:lnTo>
                  <a:lnTo>
                    <a:pt x="71628" y="4572"/>
                  </a:lnTo>
                  <a:lnTo>
                    <a:pt x="71628" y="0"/>
                  </a:lnTo>
                  <a:close/>
                </a:path>
                <a:path w="810895" h="5079">
                  <a:moveTo>
                    <a:pt x="242316" y="0"/>
                  </a:moveTo>
                  <a:lnTo>
                    <a:pt x="240792" y="0"/>
                  </a:lnTo>
                  <a:lnTo>
                    <a:pt x="240792" y="4572"/>
                  </a:lnTo>
                  <a:lnTo>
                    <a:pt x="242316" y="4572"/>
                  </a:lnTo>
                  <a:lnTo>
                    <a:pt x="242316" y="0"/>
                  </a:lnTo>
                  <a:close/>
                </a:path>
                <a:path w="810895" h="5079">
                  <a:moveTo>
                    <a:pt x="249936" y="0"/>
                  </a:moveTo>
                  <a:lnTo>
                    <a:pt x="245364" y="0"/>
                  </a:lnTo>
                  <a:lnTo>
                    <a:pt x="245364" y="4572"/>
                  </a:lnTo>
                  <a:lnTo>
                    <a:pt x="249936" y="4572"/>
                  </a:lnTo>
                  <a:lnTo>
                    <a:pt x="249936" y="0"/>
                  </a:lnTo>
                  <a:close/>
                </a:path>
                <a:path w="810895" h="5079">
                  <a:moveTo>
                    <a:pt x="256032" y="0"/>
                  </a:moveTo>
                  <a:lnTo>
                    <a:pt x="252984" y="0"/>
                  </a:lnTo>
                  <a:lnTo>
                    <a:pt x="252984" y="4572"/>
                  </a:lnTo>
                  <a:lnTo>
                    <a:pt x="256032" y="4572"/>
                  </a:lnTo>
                  <a:lnTo>
                    <a:pt x="256032" y="0"/>
                  </a:lnTo>
                  <a:close/>
                </a:path>
                <a:path w="810895" h="5079">
                  <a:moveTo>
                    <a:pt x="263652" y="0"/>
                  </a:moveTo>
                  <a:lnTo>
                    <a:pt x="259080" y="0"/>
                  </a:lnTo>
                  <a:lnTo>
                    <a:pt x="259080" y="4572"/>
                  </a:lnTo>
                  <a:lnTo>
                    <a:pt x="263652" y="4572"/>
                  </a:lnTo>
                  <a:lnTo>
                    <a:pt x="263652" y="0"/>
                  </a:lnTo>
                  <a:close/>
                </a:path>
                <a:path w="810895" h="5079">
                  <a:moveTo>
                    <a:pt x="269748" y="0"/>
                  </a:moveTo>
                  <a:lnTo>
                    <a:pt x="266700" y="0"/>
                  </a:lnTo>
                  <a:lnTo>
                    <a:pt x="266700" y="4572"/>
                  </a:lnTo>
                  <a:lnTo>
                    <a:pt x="269748" y="4572"/>
                  </a:lnTo>
                  <a:lnTo>
                    <a:pt x="269748" y="0"/>
                  </a:lnTo>
                  <a:close/>
                </a:path>
                <a:path w="810895" h="5079">
                  <a:moveTo>
                    <a:pt x="277368" y="0"/>
                  </a:moveTo>
                  <a:lnTo>
                    <a:pt x="272796" y="0"/>
                  </a:lnTo>
                  <a:lnTo>
                    <a:pt x="272796" y="4572"/>
                  </a:lnTo>
                  <a:lnTo>
                    <a:pt x="277368" y="4572"/>
                  </a:lnTo>
                  <a:lnTo>
                    <a:pt x="277368" y="0"/>
                  </a:lnTo>
                  <a:close/>
                </a:path>
                <a:path w="810895" h="5079">
                  <a:moveTo>
                    <a:pt x="283464" y="0"/>
                  </a:moveTo>
                  <a:lnTo>
                    <a:pt x="280416" y="0"/>
                  </a:lnTo>
                  <a:lnTo>
                    <a:pt x="280416" y="4572"/>
                  </a:lnTo>
                  <a:lnTo>
                    <a:pt x="283464" y="4572"/>
                  </a:lnTo>
                  <a:lnTo>
                    <a:pt x="283464" y="0"/>
                  </a:lnTo>
                  <a:close/>
                </a:path>
                <a:path w="810895" h="5079">
                  <a:moveTo>
                    <a:pt x="291084" y="0"/>
                  </a:moveTo>
                  <a:lnTo>
                    <a:pt x="286512" y="0"/>
                  </a:lnTo>
                  <a:lnTo>
                    <a:pt x="286512" y="4572"/>
                  </a:lnTo>
                  <a:lnTo>
                    <a:pt x="291084" y="4572"/>
                  </a:lnTo>
                  <a:lnTo>
                    <a:pt x="291084" y="0"/>
                  </a:lnTo>
                  <a:close/>
                </a:path>
                <a:path w="810895" h="5079">
                  <a:moveTo>
                    <a:pt x="297180" y="0"/>
                  </a:moveTo>
                  <a:lnTo>
                    <a:pt x="294132" y="0"/>
                  </a:lnTo>
                  <a:lnTo>
                    <a:pt x="294132" y="4572"/>
                  </a:lnTo>
                  <a:lnTo>
                    <a:pt x="297180" y="4572"/>
                  </a:lnTo>
                  <a:lnTo>
                    <a:pt x="297180" y="0"/>
                  </a:lnTo>
                  <a:close/>
                </a:path>
                <a:path w="810895" h="5079">
                  <a:moveTo>
                    <a:pt x="304800" y="0"/>
                  </a:moveTo>
                  <a:lnTo>
                    <a:pt x="300228" y="0"/>
                  </a:lnTo>
                  <a:lnTo>
                    <a:pt x="300228" y="4572"/>
                  </a:lnTo>
                  <a:lnTo>
                    <a:pt x="304800" y="4572"/>
                  </a:lnTo>
                  <a:lnTo>
                    <a:pt x="304800" y="0"/>
                  </a:lnTo>
                  <a:close/>
                </a:path>
                <a:path w="810895" h="5079">
                  <a:moveTo>
                    <a:pt x="310896" y="0"/>
                  </a:moveTo>
                  <a:lnTo>
                    <a:pt x="307848" y="0"/>
                  </a:lnTo>
                  <a:lnTo>
                    <a:pt x="307848" y="4572"/>
                  </a:lnTo>
                  <a:lnTo>
                    <a:pt x="310896" y="4572"/>
                  </a:lnTo>
                  <a:lnTo>
                    <a:pt x="310896" y="0"/>
                  </a:lnTo>
                  <a:close/>
                </a:path>
                <a:path w="810895" h="5079">
                  <a:moveTo>
                    <a:pt x="318516" y="0"/>
                  </a:moveTo>
                  <a:lnTo>
                    <a:pt x="313944" y="0"/>
                  </a:lnTo>
                  <a:lnTo>
                    <a:pt x="313944" y="4572"/>
                  </a:lnTo>
                  <a:lnTo>
                    <a:pt x="318516" y="4572"/>
                  </a:lnTo>
                  <a:lnTo>
                    <a:pt x="318516" y="0"/>
                  </a:lnTo>
                  <a:close/>
                </a:path>
                <a:path w="810895" h="5079">
                  <a:moveTo>
                    <a:pt x="324612" y="0"/>
                  </a:moveTo>
                  <a:lnTo>
                    <a:pt x="321564" y="0"/>
                  </a:lnTo>
                  <a:lnTo>
                    <a:pt x="321564" y="4572"/>
                  </a:lnTo>
                  <a:lnTo>
                    <a:pt x="324612" y="4572"/>
                  </a:lnTo>
                  <a:lnTo>
                    <a:pt x="324612" y="0"/>
                  </a:lnTo>
                  <a:close/>
                </a:path>
                <a:path w="810895" h="5079">
                  <a:moveTo>
                    <a:pt x="332232" y="0"/>
                  </a:moveTo>
                  <a:lnTo>
                    <a:pt x="327660" y="0"/>
                  </a:lnTo>
                  <a:lnTo>
                    <a:pt x="327660" y="4572"/>
                  </a:lnTo>
                  <a:lnTo>
                    <a:pt x="332232" y="4572"/>
                  </a:lnTo>
                  <a:lnTo>
                    <a:pt x="332232" y="0"/>
                  </a:lnTo>
                  <a:close/>
                </a:path>
                <a:path w="810895" h="5079">
                  <a:moveTo>
                    <a:pt x="338328" y="0"/>
                  </a:moveTo>
                  <a:lnTo>
                    <a:pt x="335280" y="0"/>
                  </a:lnTo>
                  <a:lnTo>
                    <a:pt x="335280" y="4572"/>
                  </a:lnTo>
                  <a:lnTo>
                    <a:pt x="338328" y="4572"/>
                  </a:lnTo>
                  <a:lnTo>
                    <a:pt x="338328" y="0"/>
                  </a:lnTo>
                  <a:close/>
                </a:path>
                <a:path w="810895" h="5079">
                  <a:moveTo>
                    <a:pt x="345948" y="0"/>
                  </a:moveTo>
                  <a:lnTo>
                    <a:pt x="341376" y="0"/>
                  </a:lnTo>
                  <a:lnTo>
                    <a:pt x="341376" y="4572"/>
                  </a:lnTo>
                  <a:lnTo>
                    <a:pt x="345948" y="4572"/>
                  </a:lnTo>
                  <a:lnTo>
                    <a:pt x="345948" y="0"/>
                  </a:lnTo>
                  <a:close/>
                </a:path>
                <a:path w="810895" h="5079">
                  <a:moveTo>
                    <a:pt x="352044" y="0"/>
                  </a:moveTo>
                  <a:lnTo>
                    <a:pt x="348996" y="0"/>
                  </a:lnTo>
                  <a:lnTo>
                    <a:pt x="348996" y="4572"/>
                  </a:lnTo>
                  <a:lnTo>
                    <a:pt x="352044" y="4572"/>
                  </a:lnTo>
                  <a:lnTo>
                    <a:pt x="352044" y="0"/>
                  </a:lnTo>
                  <a:close/>
                </a:path>
                <a:path w="810895" h="5079">
                  <a:moveTo>
                    <a:pt x="359664" y="0"/>
                  </a:moveTo>
                  <a:lnTo>
                    <a:pt x="355092" y="0"/>
                  </a:lnTo>
                  <a:lnTo>
                    <a:pt x="355092" y="4572"/>
                  </a:lnTo>
                  <a:lnTo>
                    <a:pt x="359664" y="4572"/>
                  </a:lnTo>
                  <a:lnTo>
                    <a:pt x="359664" y="0"/>
                  </a:lnTo>
                  <a:close/>
                </a:path>
                <a:path w="810895" h="5079">
                  <a:moveTo>
                    <a:pt x="365760" y="0"/>
                  </a:moveTo>
                  <a:lnTo>
                    <a:pt x="362712" y="0"/>
                  </a:lnTo>
                  <a:lnTo>
                    <a:pt x="362712" y="4572"/>
                  </a:lnTo>
                  <a:lnTo>
                    <a:pt x="365760" y="4572"/>
                  </a:lnTo>
                  <a:lnTo>
                    <a:pt x="365760" y="0"/>
                  </a:lnTo>
                  <a:close/>
                </a:path>
                <a:path w="810895" h="5079">
                  <a:moveTo>
                    <a:pt x="373380" y="0"/>
                  </a:moveTo>
                  <a:lnTo>
                    <a:pt x="368808" y="0"/>
                  </a:lnTo>
                  <a:lnTo>
                    <a:pt x="368808" y="4572"/>
                  </a:lnTo>
                  <a:lnTo>
                    <a:pt x="373380" y="4572"/>
                  </a:lnTo>
                  <a:lnTo>
                    <a:pt x="373380" y="0"/>
                  </a:lnTo>
                  <a:close/>
                </a:path>
                <a:path w="810895" h="5079">
                  <a:moveTo>
                    <a:pt x="379476" y="0"/>
                  </a:moveTo>
                  <a:lnTo>
                    <a:pt x="376428" y="0"/>
                  </a:lnTo>
                  <a:lnTo>
                    <a:pt x="376428" y="4572"/>
                  </a:lnTo>
                  <a:lnTo>
                    <a:pt x="379476" y="4572"/>
                  </a:lnTo>
                  <a:lnTo>
                    <a:pt x="379476" y="0"/>
                  </a:lnTo>
                  <a:close/>
                </a:path>
                <a:path w="810895" h="5079">
                  <a:moveTo>
                    <a:pt x="387096" y="0"/>
                  </a:moveTo>
                  <a:lnTo>
                    <a:pt x="382524" y="0"/>
                  </a:lnTo>
                  <a:lnTo>
                    <a:pt x="382524" y="4572"/>
                  </a:lnTo>
                  <a:lnTo>
                    <a:pt x="387096" y="4572"/>
                  </a:lnTo>
                  <a:lnTo>
                    <a:pt x="387096" y="0"/>
                  </a:lnTo>
                  <a:close/>
                </a:path>
                <a:path w="810895" h="5079">
                  <a:moveTo>
                    <a:pt x="393192" y="0"/>
                  </a:moveTo>
                  <a:lnTo>
                    <a:pt x="390144" y="0"/>
                  </a:lnTo>
                  <a:lnTo>
                    <a:pt x="390144" y="4572"/>
                  </a:lnTo>
                  <a:lnTo>
                    <a:pt x="393192" y="4572"/>
                  </a:lnTo>
                  <a:lnTo>
                    <a:pt x="393192" y="0"/>
                  </a:lnTo>
                  <a:close/>
                </a:path>
                <a:path w="810895" h="5079">
                  <a:moveTo>
                    <a:pt x="400812" y="0"/>
                  </a:moveTo>
                  <a:lnTo>
                    <a:pt x="396240" y="0"/>
                  </a:lnTo>
                  <a:lnTo>
                    <a:pt x="396240" y="4572"/>
                  </a:lnTo>
                  <a:lnTo>
                    <a:pt x="400812" y="4572"/>
                  </a:lnTo>
                  <a:lnTo>
                    <a:pt x="400812" y="0"/>
                  </a:lnTo>
                  <a:close/>
                </a:path>
                <a:path w="810895" h="5079">
                  <a:moveTo>
                    <a:pt x="406908" y="0"/>
                  </a:moveTo>
                  <a:lnTo>
                    <a:pt x="403860" y="0"/>
                  </a:lnTo>
                  <a:lnTo>
                    <a:pt x="403860" y="4572"/>
                  </a:lnTo>
                  <a:lnTo>
                    <a:pt x="406908" y="4572"/>
                  </a:lnTo>
                  <a:lnTo>
                    <a:pt x="406908" y="0"/>
                  </a:lnTo>
                  <a:close/>
                </a:path>
                <a:path w="810895" h="5079">
                  <a:moveTo>
                    <a:pt x="414528" y="0"/>
                  </a:moveTo>
                  <a:lnTo>
                    <a:pt x="409956" y="0"/>
                  </a:lnTo>
                  <a:lnTo>
                    <a:pt x="409956" y="4572"/>
                  </a:lnTo>
                  <a:lnTo>
                    <a:pt x="414528" y="4572"/>
                  </a:lnTo>
                  <a:lnTo>
                    <a:pt x="414528" y="0"/>
                  </a:lnTo>
                  <a:close/>
                </a:path>
                <a:path w="810895" h="5079">
                  <a:moveTo>
                    <a:pt x="420624" y="0"/>
                  </a:moveTo>
                  <a:lnTo>
                    <a:pt x="417576" y="0"/>
                  </a:lnTo>
                  <a:lnTo>
                    <a:pt x="417576" y="4572"/>
                  </a:lnTo>
                  <a:lnTo>
                    <a:pt x="420624" y="4572"/>
                  </a:lnTo>
                  <a:lnTo>
                    <a:pt x="420624" y="0"/>
                  </a:lnTo>
                  <a:close/>
                </a:path>
                <a:path w="810895" h="5079">
                  <a:moveTo>
                    <a:pt x="428244" y="0"/>
                  </a:moveTo>
                  <a:lnTo>
                    <a:pt x="423672" y="0"/>
                  </a:lnTo>
                  <a:lnTo>
                    <a:pt x="423672" y="4572"/>
                  </a:lnTo>
                  <a:lnTo>
                    <a:pt x="428244" y="4572"/>
                  </a:lnTo>
                  <a:lnTo>
                    <a:pt x="428244" y="0"/>
                  </a:lnTo>
                  <a:close/>
                </a:path>
                <a:path w="810895" h="5079">
                  <a:moveTo>
                    <a:pt x="434340" y="0"/>
                  </a:moveTo>
                  <a:lnTo>
                    <a:pt x="431292" y="0"/>
                  </a:lnTo>
                  <a:lnTo>
                    <a:pt x="431292" y="4572"/>
                  </a:lnTo>
                  <a:lnTo>
                    <a:pt x="434340" y="4572"/>
                  </a:lnTo>
                  <a:lnTo>
                    <a:pt x="434340" y="0"/>
                  </a:lnTo>
                  <a:close/>
                </a:path>
                <a:path w="810895" h="5079">
                  <a:moveTo>
                    <a:pt x="441960" y="0"/>
                  </a:moveTo>
                  <a:lnTo>
                    <a:pt x="437388" y="0"/>
                  </a:lnTo>
                  <a:lnTo>
                    <a:pt x="437388" y="4572"/>
                  </a:lnTo>
                  <a:lnTo>
                    <a:pt x="441960" y="4572"/>
                  </a:lnTo>
                  <a:lnTo>
                    <a:pt x="441960" y="0"/>
                  </a:lnTo>
                  <a:close/>
                </a:path>
                <a:path w="810895" h="5079">
                  <a:moveTo>
                    <a:pt x="448056" y="0"/>
                  </a:moveTo>
                  <a:lnTo>
                    <a:pt x="445008" y="0"/>
                  </a:lnTo>
                  <a:lnTo>
                    <a:pt x="445008" y="4572"/>
                  </a:lnTo>
                  <a:lnTo>
                    <a:pt x="448056" y="4572"/>
                  </a:lnTo>
                  <a:lnTo>
                    <a:pt x="448056" y="0"/>
                  </a:lnTo>
                  <a:close/>
                </a:path>
                <a:path w="810895" h="5079">
                  <a:moveTo>
                    <a:pt x="455676" y="0"/>
                  </a:moveTo>
                  <a:lnTo>
                    <a:pt x="451104" y="0"/>
                  </a:lnTo>
                  <a:lnTo>
                    <a:pt x="451104" y="4572"/>
                  </a:lnTo>
                  <a:lnTo>
                    <a:pt x="455676" y="4572"/>
                  </a:lnTo>
                  <a:lnTo>
                    <a:pt x="455676" y="0"/>
                  </a:lnTo>
                  <a:close/>
                </a:path>
                <a:path w="810895" h="5079">
                  <a:moveTo>
                    <a:pt x="461772" y="0"/>
                  </a:moveTo>
                  <a:lnTo>
                    <a:pt x="458724" y="0"/>
                  </a:lnTo>
                  <a:lnTo>
                    <a:pt x="458724" y="4572"/>
                  </a:lnTo>
                  <a:lnTo>
                    <a:pt x="461772" y="4572"/>
                  </a:lnTo>
                  <a:lnTo>
                    <a:pt x="461772" y="0"/>
                  </a:lnTo>
                  <a:close/>
                </a:path>
                <a:path w="810895" h="5079">
                  <a:moveTo>
                    <a:pt x="469392" y="0"/>
                  </a:moveTo>
                  <a:lnTo>
                    <a:pt x="464820" y="0"/>
                  </a:lnTo>
                  <a:lnTo>
                    <a:pt x="464820" y="4572"/>
                  </a:lnTo>
                  <a:lnTo>
                    <a:pt x="469392" y="4572"/>
                  </a:lnTo>
                  <a:lnTo>
                    <a:pt x="469392" y="0"/>
                  </a:lnTo>
                  <a:close/>
                </a:path>
                <a:path w="810895" h="5079">
                  <a:moveTo>
                    <a:pt x="475488" y="0"/>
                  </a:moveTo>
                  <a:lnTo>
                    <a:pt x="472440" y="0"/>
                  </a:lnTo>
                  <a:lnTo>
                    <a:pt x="472440" y="4572"/>
                  </a:lnTo>
                  <a:lnTo>
                    <a:pt x="475488" y="4572"/>
                  </a:lnTo>
                  <a:lnTo>
                    <a:pt x="475488" y="0"/>
                  </a:lnTo>
                  <a:close/>
                </a:path>
                <a:path w="810895" h="5079">
                  <a:moveTo>
                    <a:pt x="483108" y="0"/>
                  </a:moveTo>
                  <a:lnTo>
                    <a:pt x="478536" y="0"/>
                  </a:lnTo>
                  <a:lnTo>
                    <a:pt x="478536" y="4572"/>
                  </a:lnTo>
                  <a:lnTo>
                    <a:pt x="483108" y="4572"/>
                  </a:lnTo>
                  <a:lnTo>
                    <a:pt x="483108" y="0"/>
                  </a:lnTo>
                  <a:close/>
                </a:path>
                <a:path w="810895" h="5079">
                  <a:moveTo>
                    <a:pt x="489204" y="0"/>
                  </a:moveTo>
                  <a:lnTo>
                    <a:pt x="486156" y="0"/>
                  </a:lnTo>
                  <a:lnTo>
                    <a:pt x="486156" y="4572"/>
                  </a:lnTo>
                  <a:lnTo>
                    <a:pt x="489204" y="4572"/>
                  </a:lnTo>
                  <a:lnTo>
                    <a:pt x="489204" y="0"/>
                  </a:lnTo>
                  <a:close/>
                </a:path>
                <a:path w="810895" h="5079">
                  <a:moveTo>
                    <a:pt x="496824" y="0"/>
                  </a:moveTo>
                  <a:lnTo>
                    <a:pt x="492252" y="0"/>
                  </a:lnTo>
                  <a:lnTo>
                    <a:pt x="492252" y="4572"/>
                  </a:lnTo>
                  <a:lnTo>
                    <a:pt x="496824" y="4572"/>
                  </a:lnTo>
                  <a:lnTo>
                    <a:pt x="496824" y="0"/>
                  </a:lnTo>
                  <a:close/>
                </a:path>
                <a:path w="810895" h="5079">
                  <a:moveTo>
                    <a:pt x="667512" y="0"/>
                  </a:moveTo>
                  <a:lnTo>
                    <a:pt x="665988" y="0"/>
                  </a:lnTo>
                  <a:lnTo>
                    <a:pt x="665988" y="4572"/>
                  </a:lnTo>
                  <a:lnTo>
                    <a:pt x="667512" y="4572"/>
                  </a:lnTo>
                  <a:lnTo>
                    <a:pt x="667512" y="0"/>
                  </a:lnTo>
                  <a:close/>
                </a:path>
                <a:path w="810895" h="5079">
                  <a:moveTo>
                    <a:pt x="675132" y="0"/>
                  </a:moveTo>
                  <a:lnTo>
                    <a:pt x="670560" y="0"/>
                  </a:lnTo>
                  <a:lnTo>
                    <a:pt x="670560" y="4572"/>
                  </a:lnTo>
                  <a:lnTo>
                    <a:pt x="675132" y="4572"/>
                  </a:lnTo>
                  <a:lnTo>
                    <a:pt x="675132" y="0"/>
                  </a:lnTo>
                  <a:close/>
                </a:path>
                <a:path w="810895" h="5079">
                  <a:moveTo>
                    <a:pt x="681228" y="0"/>
                  </a:moveTo>
                  <a:lnTo>
                    <a:pt x="678180" y="0"/>
                  </a:lnTo>
                  <a:lnTo>
                    <a:pt x="678180" y="4572"/>
                  </a:lnTo>
                  <a:lnTo>
                    <a:pt x="681228" y="4572"/>
                  </a:lnTo>
                  <a:lnTo>
                    <a:pt x="681228" y="0"/>
                  </a:lnTo>
                  <a:close/>
                </a:path>
                <a:path w="810895" h="5079">
                  <a:moveTo>
                    <a:pt x="688848" y="0"/>
                  </a:moveTo>
                  <a:lnTo>
                    <a:pt x="684276" y="0"/>
                  </a:lnTo>
                  <a:lnTo>
                    <a:pt x="684276" y="4572"/>
                  </a:lnTo>
                  <a:lnTo>
                    <a:pt x="688848" y="4572"/>
                  </a:lnTo>
                  <a:lnTo>
                    <a:pt x="688848" y="0"/>
                  </a:lnTo>
                  <a:close/>
                </a:path>
                <a:path w="810895" h="5079">
                  <a:moveTo>
                    <a:pt x="694944" y="0"/>
                  </a:moveTo>
                  <a:lnTo>
                    <a:pt x="691896" y="0"/>
                  </a:lnTo>
                  <a:lnTo>
                    <a:pt x="691896" y="4572"/>
                  </a:lnTo>
                  <a:lnTo>
                    <a:pt x="694944" y="4572"/>
                  </a:lnTo>
                  <a:lnTo>
                    <a:pt x="694944" y="0"/>
                  </a:lnTo>
                  <a:close/>
                </a:path>
                <a:path w="810895" h="5079">
                  <a:moveTo>
                    <a:pt x="702564" y="0"/>
                  </a:moveTo>
                  <a:lnTo>
                    <a:pt x="697992" y="0"/>
                  </a:lnTo>
                  <a:lnTo>
                    <a:pt x="697992" y="4572"/>
                  </a:lnTo>
                  <a:lnTo>
                    <a:pt x="702564" y="4572"/>
                  </a:lnTo>
                  <a:lnTo>
                    <a:pt x="702564" y="0"/>
                  </a:lnTo>
                  <a:close/>
                </a:path>
                <a:path w="810895" h="5079">
                  <a:moveTo>
                    <a:pt x="708660" y="0"/>
                  </a:moveTo>
                  <a:lnTo>
                    <a:pt x="705612" y="0"/>
                  </a:lnTo>
                  <a:lnTo>
                    <a:pt x="705612" y="4572"/>
                  </a:lnTo>
                  <a:lnTo>
                    <a:pt x="708660" y="4572"/>
                  </a:lnTo>
                  <a:lnTo>
                    <a:pt x="708660" y="0"/>
                  </a:lnTo>
                  <a:close/>
                </a:path>
                <a:path w="810895" h="5079">
                  <a:moveTo>
                    <a:pt x="714756" y="0"/>
                  </a:moveTo>
                  <a:lnTo>
                    <a:pt x="711708" y="0"/>
                  </a:lnTo>
                  <a:lnTo>
                    <a:pt x="711708" y="4572"/>
                  </a:lnTo>
                  <a:lnTo>
                    <a:pt x="714756" y="4572"/>
                  </a:lnTo>
                  <a:lnTo>
                    <a:pt x="714756" y="0"/>
                  </a:lnTo>
                  <a:close/>
                </a:path>
                <a:path w="810895" h="5079">
                  <a:moveTo>
                    <a:pt x="722376" y="0"/>
                  </a:moveTo>
                  <a:lnTo>
                    <a:pt x="719328" y="0"/>
                  </a:lnTo>
                  <a:lnTo>
                    <a:pt x="719328" y="4572"/>
                  </a:lnTo>
                  <a:lnTo>
                    <a:pt x="722376" y="4572"/>
                  </a:lnTo>
                  <a:lnTo>
                    <a:pt x="722376" y="0"/>
                  </a:lnTo>
                  <a:close/>
                </a:path>
                <a:path w="810895" h="5079">
                  <a:moveTo>
                    <a:pt x="728472" y="0"/>
                  </a:moveTo>
                  <a:lnTo>
                    <a:pt x="725424" y="0"/>
                  </a:lnTo>
                  <a:lnTo>
                    <a:pt x="725424" y="4572"/>
                  </a:lnTo>
                  <a:lnTo>
                    <a:pt x="728472" y="4572"/>
                  </a:lnTo>
                  <a:lnTo>
                    <a:pt x="728472" y="0"/>
                  </a:lnTo>
                  <a:close/>
                </a:path>
                <a:path w="810895" h="5079">
                  <a:moveTo>
                    <a:pt x="736092" y="0"/>
                  </a:moveTo>
                  <a:lnTo>
                    <a:pt x="733044" y="0"/>
                  </a:lnTo>
                  <a:lnTo>
                    <a:pt x="733044" y="4572"/>
                  </a:lnTo>
                  <a:lnTo>
                    <a:pt x="736092" y="4572"/>
                  </a:lnTo>
                  <a:lnTo>
                    <a:pt x="736092" y="0"/>
                  </a:lnTo>
                  <a:close/>
                </a:path>
                <a:path w="810895" h="5079">
                  <a:moveTo>
                    <a:pt x="742188" y="0"/>
                  </a:moveTo>
                  <a:lnTo>
                    <a:pt x="739140" y="0"/>
                  </a:lnTo>
                  <a:lnTo>
                    <a:pt x="739140" y="4572"/>
                  </a:lnTo>
                  <a:lnTo>
                    <a:pt x="742188" y="4572"/>
                  </a:lnTo>
                  <a:lnTo>
                    <a:pt x="742188" y="0"/>
                  </a:lnTo>
                  <a:close/>
                </a:path>
                <a:path w="810895" h="5079">
                  <a:moveTo>
                    <a:pt x="749808" y="0"/>
                  </a:moveTo>
                  <a:lnTo>
                    <a:pt x="746760" y="0"/>
                  </a:lnTo>
                  <a:lnTo>
                    <a:pt x="746760" y="4572"/>
                  </a:lnTo>
                  <a:lnTo>
                    <a:pt x="749808" y="4572"/>
                  </a:lnTo>
                  <a:lnTo>
                    <a:pt x="749808" y="0"/>
                  </a:lnTo>
                  <a:close/>
                </a:path>
                <a:path w="810895" h="5079">
                  <a:moveTo>
                    <a:pt x="755904" y="0"/>
                  </a:moveTo>
                  <a:lnTo>
                    <a:pt x="752856" y="0"/>
                  </a:lnTo>
                  <a:lnTo>
                    <a:pt x="752856" y="4572"/>
                  </a:lnTo>
                  <a:lnTo>
                    <a:pt x="755904" y="4572"/>
                  </a:lnTo>
                  <a:lnTo>
                    <a:pt x="755904" y="0"/>
                  </a:lnTo>
                  <a:close/>
                </a:path>
                <a:path w="810895" h="5079">
                  <a:moveTo>
                    <a:pt x="763524" y="0"/>
                  </a:moveTo>
                  <a:lnTo>
                    <a:pt x="760476" y="0"/>
                  </a:lnTo>
                  <a:lnTo>
                    <a:pt x="760476" y="4572"/>
                  </a:lnTo>
                  <a:lnTo>
                    <a:pt x="763524" y="4572"/>
                  </a:lnTo>
                  <a:lnTo>
                    <a:pt x="763524" y="0"/>
                  </a:lnTo>
                  <a:close/>
                </a:path>
                <a:path w="810895" h="5079">
                  <a:moveTo>
                    <a:pt x="769620" y="0"/>
                  </a:moveTo>
                  <a:lnTo>
                    <a:pt x="766572" y="0"/>
                  </a:lnTo>
                  <a:lnTo>
                    <a:pt x="766572" y="4572"/>
                  </a:lnTo>
                  <a:lnTo>
                    <a:pt x="769620" y="4572"/>
                  </a:lnTo>
                  <a:lnTo>
                    <a:pt x="769620" y="0"/>
                  </a:lnTo>
                  <a:close/>
                </a:path>
                <a:path w="810895" h="5079">
                  <a:moveTo>
                    <a:pt x="777240" y="0"/>
                  </a:moveTo>
                  <a:lnTo>
                    <a:pt x="774192" y="0"/>
                  </a:lnTo>
                  <a:lnTo>
                    <a:pt x="774192" y="4572"/>
                  </a:lnTo>
                  <a:lnTo>
                    <a:pt x="777240" y="4572"/>
                  </a:lnTo>
                  <a:lnTo>
                    <a:pt x="777240" y="0"/>
                  </a:lnTo>
                  <a:close/>
                </a:path>
                <a:path w="810895" h="5079">
                  <a:moveTo>
                    <a:pt x="783336" y="0"/>
                  </a:moveTo>
                  <a:lnTo>
                    <a:pt x="780288" y="0"/>
                  </a:lnTo>
                  <a:lnTo>
                    <a:pt x="780288" y="4572"/>
                  </a:lnTo>
                  <a:lnTo>
                    <a:pt x="783336" y="4572"/>
                  </a:lnTo>
                  <a:lnTo>
                    <a:pt x="783336" y="0"/>
                  </a:lnTo>
                  <a:close/>
                </a:path>
                <a:path w="810895" h="5079">
                  <a:moveTo>
                    <a:pt x="790956" y="0"/>
                  </a:moveTo>
                  <a:lnTo>
                    <a:pt x="787908" y="0"/>
                  </a:lnTo>
                  <a:lnTo>
                    <a:pt x="787908" y="4572"/>
                  </a:lnTo>
                  <a:lnTo>
                    <a:pt x="790956" y="4572"/>
                  </a:lnTo>
                  <a:lnTo>
                    <a:pt x="790956" y="0"/>
                  </a:lnTo>
                  <a:close/>
                </a:path>
                <a:path w="810895" h="5079">
                  <a:moveTo>
                    <a:pt x="797052" y="0"/>
                  </a:moveTo>
                  <a:lnTo>
                    <a:pt x="794004" y="0"/>
                  </a:lnTo>
                  <a:lnTo>
                    <a:pt x="794004" y="4572"/>
                  </a:lnTo>
                  <a:lnTo>
                    <a:pt x="797052" y="4572"/>
                  </a:lnTo>
                  <a:lnTo>
                    <a:pt x="797052" y="0"/>
                  </a:lnTo>
                  <a:close/>
                </a:path>
                <a:path w="810895" h="5079">
                  <a:moveTo>
                    <a:pt x="804672" y="0"/>
                  </a:moveTo>
                  <a:lnTo>
                    <a:pt x="801624" y="0"/>
                  </a:lnTo>
                  <a:lnTo>
                    <a:pt x="801624" y="4572"/>
                  </a:lnTo>
                  <a:lnTo>
                    <a:pt x="804672" y="4572"/>
                  </a:lnTo>
                  <a:lnTo>
                    <a:pt x="804672" y="0"/>
                  </a:lnTo>
                  <a:close/>
                </a:path>
                <a:path w="810895" h="5079">
                  <a:moveTo>
                    <a:pt x="810768" y="0"/>
                  </a:moveTo>
                  <a:lnTo>
                    <a:pt x="807720" y="0"/>
                  </a:lnTo>
                  <a:lnTo>
                    <a:pt x="807720" y="4572"/>
                  </a:lnTo>
                  <a:lnTo>
                    <a:pt x="810768" y="4572"/>
                  </a:lnTo>
                  <a:lnTo>
                    <a:pt x="810768" y="0"/>
                  </a:lnTo>
                  <a:close/>
                </a:path>
              </a:pathLst>
            </a:custGeom>
            <a:solidFill>
              <a:srgbClr val="D8D8D8"/>
            </a:solidFill>
          </p:spPr>
          <p:txBody>
            <a:bodyPr wrap="square" lIns="0" tIns="0" rIns="0" bIns="0" rtlCol="0"/>
            <a:lstStyle/>
            <a:p>
              <a:endParaRPr sz="1539"/>
            </a:p>
          </p:txBody>
        </p:sp>
        <p:sp>
          <p:nvSpPr>
            <p:cNvPr id="66" name="object 66"/>
            <p:cNvSpPr/>
            <p:nvPr/>
          </p:nvSpPr>
          <p:spPr>
            <a:xfrm>
              <a:off x="7897368" y="4520183"/>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9916" y="0"/>
                  </a:lnTo>
                  <a:lnTo>
                    <a:pt x="89916"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3632" y="0"/>
                  </a:lnTo>
                  <a:lnTo>
                    <a:pt x="103632"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284988" y="0"/>
                  </a:moveTo>
                  <a:lnTo>
                    <a:pt x="283464" y="0"/>
                  </a:lnTo>
                  <a:lnTo>
                    <a:pt x="283464" y="4572"/>
                  </a:lnTo>
                  <a:lnTo>
                    <a:pt x="284988" y="4572"/>
                  </a:lnTo>
                  <a:lnTo>
                    <a:pt x="284988" y="0"/>
                  </a:lnTo>
                  <a:close/>
                </a:path>
                <a:path w="812800" h="5079">
                  <a:moveTo>
                    <a:pt x="291084" y="0"/>
                  </a:moveTo>
                  <a:lnTo>
                    <a:pt x="288036" y="0"/>
                  </a:lnTo>
                  <a:lnTo>
                    <a:pt x="288036" y="4572"/>
                  </a:lnTo>
                  <a:lnTo>
                    <a:pt x="291084" y="4572"/>
                  </a:lnTo>
                  <a:lnTo>
                    <a:pt x="291084" y="0"/>
                  </a:lnTo>
                  <a:close/>
                </a:path>
                <a:path w="812800" h="5079">
                  <a:moveTo>
                    <a:pt x="298704" y="0"/>
                  </a:moveTo>
                  <a:lnTo>
                    <a:pt x="295656" y="0"/>
                  </a:lnTo>
                  <a:lnTo>
                    <a:pt x="295656" y="4572"/>
                  </a:lnTo>
                  <a:lnTo>
                    <a:pt x="298704" y="4572"/>
                  </a:lnTo>
                  <a:lnTo>
                    <a:pt x="298704" y="0"/>
                  </a:lnTo>
                  <a:close/>
                </a:path>
                <a:path w="812800" h="5079">
                  <a:moveTo>
                    <a:pt x="304800" y="0"/>
                  </a:moveTo>
                  <a:lnTo>
                    <a:pt x="301752" y="0"/>
                  </a:lnTo>
                  <a:lnTo>
                    <a:pt x="301752" y="4572"/>
                  </a:lnTo>
                  <a:lnTo>
                    <a:pt x="304800" y="4572"/>
                  </a:lnTo>
                  <a:lnTo>
                    <a:pt x="304800" y="0"/>
                  </a:lnTo>
                  <a:close/>
                </a:path>
                <a:path w="812800" h="5079">
                  <a:moveTo>
                    <a:pt x="312420" y="0"/>
                  </a:moveTo>
                  <a:lnTo>
                    <a:pt x="309372" y="0"/>
                  </a:lnTo>
                  <a:lnTo>
                    <a:pt x="309372" y="4572"/>
                  </a:lnTo>
                  <a:lnTo>
                    <a:pt x="312420" y="4572"/>
                  </a:lnTo>
                  <a:lnTo>
                    <a:pt x="312420" y="0"/>
                  </a:lnTo>
                  <a:close/>
                </a:path>
                <a:path w="812800" h="5079">
                  <a:moveTo>
                    <a:pt x="318516" y="0"/>
                  </a:moveTo>
                  <a:lnTo>
                    <a:pt x="315468" y="0"/>
                  </a:lnTo>
                  <a:lnTo>
                    <a:pt x="315468" y="4572"/>
                  </a:lnTo>
                  <a:lnTo>
                    <a:pt x="318516" y="4572"/>
                  </a:lnTo>
                  <a:lnTo>
                    <a:pt x="318516" y="0"/>
                  </a:lnTo>
                  <a:close/>
                </a:path>
                <a:path w="812800" h="5079">
                  <a:moveTo>
                    <a:pt x="326136" y="0"/>
                  </a:moveTo>
                  <a:lnTo>
                    <a:pt x="323088" y="0"/>
                  </a:lnTo>
                  <a:lnTo>
                    <a:pt x="323088" y="4572"/>
                  </a:lnTo>
                  <a:lnTo>
                    <a:pt x="326136" y="4572"/>
                  </a:lnTo>
                  <a:lnTo>
                    <a:pt x="326136" y="0"/>
                  </a:lnTo>
                  <a:close/>
                </a:path>
                <a:path w="812800" h="5079">
                  <a:moveTo>
                    <a:pt x="332232" y="0"/>
                  </a:moveTo>
                  <a:lnTo>
                    <a:pt x="329184" y="0"/>
                  </a:lnTo>
                  <a:lnTo>
                    <a:pt x="329184" y="4572"/>
                  </a:lnTo>
                  <a:lnTo>
                    <a:pt x="332232" y="4572"/>
                  </a:lnTo>
                  <a:lnTo>
                    <a:pt x="332232" y="0"/>
                  </a:lnTo>
                  <a:close/>
                </a:path>
                <a:path w="812800" h="5079">
                  <a:moveTo>
                    <a:pt x="339852" y="0"/>
                  </a:moveTo>
                  <a:lnTo>
                    <a:pt x="336804" y="0"/>
                  </a:lnTo>
                  <a:lnTo>
                    <a:pt x="336804"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50520" y="0"/>
                  </a:lnTo>
                  <a:lnTo>
                    <a:pt x="350520"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4236" y="0"/>
                  </a:lnTo>
                  <a:lnTo>
                    <a:pt x="364236"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7952" y="0"/>
                  </a:lnTo>
                  <a:lnTo>
                    <a:pt x="377952"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1668" y="0"/>
                  </a:lnTo>
                  <a:lnTo>
                    <a:pt x="391668"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5384" y="0"/>
                  </a:lnTo>
                  <a:lnTo>
                    <a:pt x="405384"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9100" y="0"/>
                  </a:lnTo>
                  <a:lnTo>
                    <a:pt x="419100"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2816" y="0"/>
                  </a:lnTo>
                  <a:lnTo>
                    <a:pt x="432816"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6532" y="0"/>
                  </a:lnTo>
                  <a:lnTo>
                    <a:pt x="446532"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60248" y="0"/>
                  </a:lnTo>
                  <a:lnTo>
                    <a:pt x="460248"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3964" y="0"/>
                  </a:lnTo>
                  <a:lnTo>
                    <a:pt x="473964"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7680" y="0"/>
                  </a:lnTo>
                  <a:lnTo>
                    <a:pt x="487680"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501396" y="0"/>
                  </a:lnTo>
                  <a:lnTo>
                    <a:pt x="501396"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5112" y="0"/>
                  </a:lnTo>
                  <a:lnTo>
                    <a:pt x="515112"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531876" y="0"/>
                  </a:moveTo>
                  <a:lnTo>
                    <a:pt x="527304" y="0"/>
                  </a:lnTo>
                  <a:lnTo>
                    <a:pt x="527304" y="4572"/>
                  </a:lnTo>
                  <a:lnTo>
                    <a:pt x="531876" y="4572"/>
                  </a:lnTo>
                  <a:lnTo>
                    <a:pt x="531876" y="0"/>
                  </a:lnTo>
                  <a:close/>
                </a:path>
                <a:path w="812800" h="5079">
                  <a:moveTo>
                    <a:pt x="537972" y="0"/>
                  </a:moveTo>
                  <a:lnTo>
                    <a:pt x="534924" y="0"/>
                  </a:lnTo>
                  <a:lnTo>
                    <a:pt x="534924" y="4572"/>
                  </a:lnTo>
                  <a:lnTo>
                    <a:pt x="537972" y="4572"/>
                  </a:lnTo>
                  <a:lnTo>
                    <a:pt x="537972" y="0"/>
                  </a:lnTo>
                  <a:close/>
                </a:path>
                <a:path w="812800" h="5079">
                  <a:moveTo>
                    <a:pt x="710184" y="0"/>
                  </a:moveTo>
                  <a:lnTo>
                    <a:pt x="708660" y="0"/>
                  </a:lnTo>
                  <a:lnTo>
                    <a:pt x="708660" y="4572"/>
                  </a:lnTo>
                  <a:lnTo>
                    <a:pt x="710184" y="4572"/>
                  </a:lnTo>
                  <a:lnTo>
                    <a:pt x="710184" y="0"/>
                  </a:lnTo>
                  <a:close/>
                </a:path>
                <a:path w="812800" h="5079">
                  <a:moveTo>
                    <a:pt x="716280" y="0"/>
                  </a:moveTo>
                  <a:lnTo>
                    <a:pt x="713232" y="0"/>
                  </a:lnTo>
                  <a:lnTo>
                    <a:pt x="713232" y="4572"/>
                  </a:lnTo>
                  <a:lnTo>
                    <a:pt x="716280" y="4572"/>
                  </a:lnTo>
                  <a:lnTo>
                    <a:pt x="716280" y="0"/>
                  </a:lnTo>
                  <a:close/>
                </a:path>
                <a:path w="812800" h="5079">
                  <a:moveTo>
                    <a:pt x="723900" y="0"/>
                  </a:moveTo>
                  <a:lnTo>
                    <a:pt x="719328" y="0"/>
                  </a:lnTo>
                  <a:lnTo>
                    <a:pt x="719328"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3044" y="0"/>
                  </a:lnTo>
                  <a:lnTo>
                    <a:pt x="733044"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32" y="0"/>
                  </a:moveTo>
                  <a:lnTo>
                    <a:pt x="746760" y="0"/>
                  </a:lnTo>
                  <a:lnTo>
                    <a:pt x="746760" y="4572"/>
                  </a:lnTo>
                  <a:lnTo>
                    <a:pt x="751332" y="4572"/>
                  </a:lnTo>
                  <a:lnTo>
                    <a:pt x="751332" y="0"/>
                  </a:lnTo>
                  <a:close/>
                </a:path>
                <a:path w="812800" h="5079">
                  <a:moveTo>
                    <a:pt x="757428" y="0"/>
                  </a:moveTo>
                  <a:lnTo>
                    <a:pt x="754380" y="0"/>
                  </a:lnTo>
                  <a:lnTo>
                    <a:pt x="754380"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7908" y="0"/>
                  </a:lnTo>
                  <a:lnTo>
                    <a:pt x="787908"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1624" y="0"/>
                  </a:lnTo>
                  <a:lnTo>
                    <a:pt x="801624"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67" name="object 67"/>
            <p:cNvSpPr/>
            <p:nvPr/>
          </p:nvSpPr>
          <p:spPr>
            <a:xfrm>
              <a:off x="8706612" y="4520183"/>
              <a:ext cx="826135" cy="5080"/>
            </a:xfrm>
            <a:custGeom>
              <a:avLst/>
              <a:gdLst/>
              <a:ahLst/>
              <a:cxnLst/>
              <a:rect l="l" t="t" r="r" b="b"/>
              <a:pathLst>
                <a:path w="826134" h="5079">
                  <a:moveTo>
                    <a:pt x="3048" y="0"/>
                  </a:moveTo>
                  <a:lnTo>
                    <a:pt x="0" y="0"/>
                  </a:lnTo>
                  <a:lnTo>
                    <a:pt x="0" y="4572"/>
                  </a:lnTo>
                  <a:lnTo>
                    <a:pt x="3048" y="4572"/>
                  </a:lnTo>
                  <a:lnTo>
                    <a:pt x="3048" y="0"/>
                  </a:lnTo>
                  <a:close/>
                </a:path>
                <a:path w="826134" h="5079">
                  <a:moveTo>
                    <a:pt x="10668" y="0"/>
                  </a:moveTo>
                  <a:lnTo>
                    <a:pt x="6096" y="0"/>
                  </a:lnTo>
                  <a:lnTo>
                    <a:pt x="6096" y="4572"/>
                  </a:lnTo>
                  <a:lnTo>
                    <a:pt x="10668" y="4572"/>
                  </a:lnTo>
                  <a:lnTo>
                    <a:pt x="10668" y="0"/>
                  </a:lnTo>
                  <a:close/>
                </a:path>
                <a:path w="826134" h="5079">
                  <a:moveTo>
                    <a:pt x="16764" y="0"/>
                  </a:moveTo>
                  <a:lnTo>
                    <a:pt x="13716" y="0"/>
                  </a:lnTo>
                  <a:lnTo>
                    <a:pt x="13716" y="4572"/>
                  </a:lnTo>
                  <a:lnTo>
                    <a:pt x="16764" y="4572"/>
                  </a:lnTo>
                  <a:lnTo>
                    <a:pt x="16764" y="0"/>
                  </a:lnTo>
                  <a:close/>
                </a:path>
                <a:path w="826134" h="5079">
                  <a:moveTo>
                    <a:pt x="24384" y="0"/>
                  </a:moveTo>
                  <a:lnTo>
                    <a:pt x="19812" y="0"/>
                  </a:lnTo>
                  <a:lnTo>
                    <a:pt x="19812" y="4572"/>
                  </a:lnTo>
                  <a:lnTo>
                    <a:pt x="24384" y="4572"/>
                  </a:lnTo>
                  <a:lnTo>
                    <a:pt x="24384" y="0"/>
                  </a:lnTo>
                  <a:close/>
                </a:path>
                <a:path w="826134" h="5079">
                  <a:moveTo>
                    <a:pt x="30480" y="0"/>
                  </a:moveTo>
                  <a:lnTo>
                    <a:pt x="27432" y="0"/>
                  </a:lnTo>
                  <a:lnTo>
                    <a:pt x="27432" y="4572"/>
                  </a:lnTo>
                  <a:lnTo>
                    <a:pt x="30480" y="4572"/>
                  </a:lnTo>
                  <a:lnTo>
                    <a:pt x="30480" y="0"/>
                  </a:lnTo>
                  <a:close/>
                </a:path>
                <a:path w="826134" h="5079">
                  <a:moveTo>
                    <a:pt x="38100" y="0"/>
                  </a:moveTo>
                  <a:lnTo>
                    <a:pt x="33528" y="0"/>
                  </a:lnTo>
                  <a:lnTo>
                    <a:pt x="33528" y="4572"/>
                  </a:lnTo>
                  <a:lnTo>
                    <a:pt x="38100" y="4572"/>
                  </a:lnTo>
                  <a:lnTo>
                    <a:pt x="38100" y="0"/>
                  </a:lnTo>
                  <a:close/>
                </a:path>
                <a:path w="826134" h="5079">
                  <a:moveTo>
                    <a:pt x="44196" y="0"/>
                  </a:moveTo>
                  <a:lnTo>
                    <a:pt x="41148" y="0"/>
                  </a:lnTo>
                  <a:lnTo>
                    <a:pt x="41148" y="4572"/>
                  </a:lnTo>
                  <a:lnTo>
                    <a:pt x="44196" y="4572"/>
                  </a:lnTo>
                  <a:lnTo>
                    <a:pt x="44196" y="0"/>
                  </a:lnTo>
                  <a:close/>
                </a:path>
                <a:path w="826134" h="5079">
                  <a:moveTo>
                    <a:pt x="51816" y="0"/>
                  </a:moveTo>
                  <a:lnTo>
                    <a:pt x="47244" y="0"/>
                  </a:lnTo>
                  <a:lnTo>
                    <a:pt x="47244" y="4572"/>
                  </a:lnTo>
                  <a:lnTo>
                    <a:pt x="51816" y="4572"/>
                  </a:lnTo>
                  <a:lnTo>
                    <a:pt x="51816" y="0"/>
                  </a:lnTo>
                  <a:close/>
                </a:path>
                <a:path w="826134" h="5079">
                  <a:moveTo>
                    <a:pt x="57912" y="0"/>
                  </a:moveTo>
                  <a:lnTo>
                    <a:pt x="54864" y="0"/>
                  </a:lnTo>
                  <a:lnTo>
                    <a:pt x="54864" y="4572"/>
                  </a:lnTo>
                  <a:lnTo>
                    <a:pt x="57912" y="4572"/>
                  </a:lnTo>
                  <a:lnTo>
                    <a:pt x="57912" y="0"/>
                  </a:lnTo>
                  <a:close/>
                </a:path>
                <a:path w="826134" h="5079">
                  <a:moveTo>
                    <a:pt x="65532" y="0"/>
                  </a:moveTo>
                  <a:lnTo>
                    <a:pt x="60960" y="0"/>
                  </a:lnTo>
                  <a:lnTo>
                    <a:pt x="60960" y="4572"/>
                  </a:lnTo>
                  <a:lnTo>
                    <a:pt x="65532" y="4572"/>
                  </a:lnTo>
                  <a:lnTo>
                    <a:pt x="65532" y="0"/>
                  </a:lnTo>
                  <a:close/>
                </a:path>
                <a:path w="826134" h="5079">
                  <a:moveTo>
                    <a:pt x="71628" y="0"/>
                  </a:moveTo>
                  <a:lnTo>
                    <a:pt x="68580" y="0"/>
                  </a:lnTo>
                  <a:lnTo>
                    <a:pt x="68580" y="4572"/>
                  </a:lnTo>
                  <a:lnTo>
                    <a:pt x="71628" y="4572"/>
                  </a:lnTo>
                  <a:lnTo>
                    <a:pt x="71628" y="0"/>
                  </a:lnTo>
                  <a:close/>
                </a:path>
                <a:path w="826134" h="5079">
                  <a:moveTo>
                    <a:pt x="79248" y="0"/>
                  </a:moveTo>
                  <a:lnTo>
                    <a:pt x="74676" y="0"/>
                  </a:lnTo>
                  <a:lnTo>
                    <a:pt x="74676" y="4572"/>
                  </a:lnTo>
                  <a:lnTo>
                    <a:pt x="79248" y="4572"/>
                  </a:lnTo>
                  <a:lnTo>
                    <a:pt x="79248" y="0"/>
                  </a:lnTo>
                  <a:close/>
                </a:path>
                <a:path w="826134" h="5079">
                  <a:moveTo>
                    <a:pt x="85344" y="0"/>
                  </a:moveTo>
                  <a:lnTo>
                    <a:pt x="82296" y="0"/>
                  </a:lnTo>
                  <a:lnTo>
                    <a:pt x="82296" y="4572"/>
                  </a:lnTo>
                  <a:lnTo>
                    <a:pt x="85344" y="4572"/>
                  </a:lnTo>
                  <a:lnTo>
                    <a:pt x="85344" y="0"/>
                  </a:lnTo>
                  <a:close/>
                </a:path>
                <a:path w="826134" h="5079">
                  <a:moveTo>
                    <a:pt x="92964" y="0"/>
                  </a:moveTo>
                  <a:lnTo>
                    <a:pt x="88392" y="0"/>
                  </a:lnTo>
                  <a:lnTo>
                    <a:pt x="88392" y="4572"/>
                  </a:lnTo>
                  <a:lnTo>
                    <a:pt x="92964" y="4572"/>
                  </a:lnTo>
                  <a:lnTo>
                    <a:pt x="92964" y="0"/>
                  </a:lnTo>
                  <a:close/>
                </a:path>
                <a:path w="826134" h="5079">
                  <a:moveTo>
                    <a:pt x="99060" y="0"/>
                  </a:moveTo>
                  <a:lnTo>
                    <a:pt x="96012" y="0"/>
                  </a:lnTo>
                  <a:lnTo>
                    <a:pt x="96012" y="4572"/>
                  </a:lnTo>
                  <a:lnTo>
                    <a:pt x="99060" y="4572"/>
                  </a:lnTo>
                  <a:lnTo>
                    <a:pt x="99060" y="0"/>
                  </a:lnTo>
                  <a:close/>
                </a:path>
                <a:path w="826134" h="5079">
                  <a:moveTo>
                    <a:pt x="106680" y="0"/>
                  </a:moveTo>
                  <a:lnTo>
                    <a:pt x="102108" y="0"/>
                  </a:lnTo>
                  <a:lnTo>
                    <a:pt x="102108" y="4572"/>
                  </a:lnTo>
                  <a:lnTo>
                    <a:pt x="106680" y="4572"/>
                  </a:lnTo>
                  <a:lnTo>
                    <a:pt x="106680" y="0"/>
                  </a:lnTo>
                  <a:close/>
                </a:path>
                <a:path w="826134" h="5079">
                  <a:moveTo>
                    <a:pt x="112776" y="0"/>
                  </a:moveTo>
                  <a:lnTo>
                    <a:pt x="109728" y="0"/>
                  </a:lnTo>
                  <a:lnTo>
                    <a:pt x="109728" y="4572"/>
                  </a:lnTo>
                  <a:lnTo>
                    <a:pt x="112776" y="4572"/>
                  </a:lnTo>
                  <a:lnTo>
                    <a:pt x="112776" y="0"/>
                  </a:lnTo>
                  <a:close/>
                </a:path>
                <a:path w="826134" h="5079">
                  <a:moveTo>
                    <a:pt x="120396" y="0"/>
                  </a:moveTo>
                  <a:lnTo>
                    <a:pt x="115824" y="0"/>
                  </a:lnTo>
                  <a:lnTo>
                    <a:pt x="115824" y="4572"/>
                  </a:lnTo>
                  <a:lnTo>
                    <a:pt x="120396" y="4572"/>
                  </a:lnTo>
                  <a:lnTo>
                    <a:pt x="120396" y="0"/>
                  </a:lnTo>
                  <a:close/>
                </a:path>
                <a:path w="826134" h="5079">
                  <a:moveTo>
                    <a:pt x="126492" y="0"/>
                  </a:moveTo>
                  <a:lnTo>
                    <a:pt x="123444" y="0"/>
                  </a:lnTo>
                  <a:lnTo>
                    <a:pt x="123444" y="4572"/>
                  </a:lnTo>
                  <a:lnTo>
                    <a:pt x="126492" y="4572"/>
                  </a:lnTo>
                  <a:lnTo>
                    <a:pt x="126492" y="0"/>
                  </a:lnTo>
                  <a:close/>
                </a:path>
                <a:path w="826134" h="5079">
                  <a:moveTo>
                    <a:pt x="134112" y="0"/>
                  </a:moveTo>
                  <a:lnTo>
                    <a:pt x="129540" y="0"/>
                  </a:lnTo>
                  <a:lnTo>
                    <a:pt x="129540" y="4572"/>
                  </a:lnTo>
                  <a:lnTo>
                    <a:pt x="134112" y="4572"/>
                  </a:lnTo>
                  <a:lnTo>
                    <a:pt x="134112" y="0"/>
                  </a:lnTo>
                  <a:close/>
                </a:path>
                <a:path w="826134" h="5079">
                  <a:moveTo>
                    <a:pt x="140208" y="0"/>
                  </a:moveTo>
                  <a:lnTo>
                    <a:pt x="137160" y="0"/>
                  </a:lnTo>
                  <a:lnTo>
                    <a:pt x="137160" y="4572"/>
                  </a:lnTo>
                  <a:lnTo>
                    <a:pt x="140208" y="4572"/>
                  </a:lnTo>
                  <a:lnTo>
                    <a:pt x="140208" y="0"/>
                  </a:lnTo>
                  <a:close/>
                </a:path>
                <a:path w="826134" h="5079">
                  <a:moveTo>
                    <a:pt x="147828" y="0"/>
                  </a:moveTo>
                  <a:lnTo>
                    <a:pt x="143256" y="0"/>
                  </a:lnTo>
                  <a:lnTo>
                    <a:pt x="143256" y="4572"/>
                  </a:lnTo>
                  <a:lnTo>
                    <a:pt x="147828" y="4572"/>
                  </a:lnTo>
                  <a:lnTo>
                    <a:pt x="147828" y="0"/>
                  </a:lnTo>
                  <a:close/>
                </a:path>
                <a:path w="826134" h="5079">
                  <a:moveTo>
                    <a:pt x="153924" y="0"/>
                  </a:moveTo>
                  <a:lnTo>
                    <a:pt x="150876" y="0"/>
                  </a:lnTo>
                  <a:lnTo>
                    <a:pt x="150876" y="4572"/>
                  </a:lnTo>
                  <a:lnTo>
                    <a:pt x="153924" y="4572"/>
                  </a:lnTo>
                  <a:lnTo>
                    <a:pt x="153924" y="0"/>
                  </a:lnTo>
                  <a:close/>
                </a:path>
                <a:path w="826134" h="5079">
                  <a:moveTo>
                    <a:pt x="332232" y="0"/>
                  </a:moveTo>
                  <a:lnTo>
                    <a:pt x="329184" y="0"/>
                  </a:lnTo>
                  <a:lnTo>
                    <a:pt x="329184" y="4572"/>
                  </a:lnTo>
                  <a:lnTo>
                    <a:pt x="332232" y="4572"/>
                  </a:lnTo>
                  <a:lnTo>
                    <a:pt x="332232" y="0"/>
                  </a:lnTo>
                  <a:close/>
                </a:path>
                <a:path w="826134" h="5079">
                  <a:moveTo>
                    <a:pt x="338328" y="0"/>
                  </a:moveTo>
                  <a:lnTo>
                    <a:pt x="335280" y="0"/>
                  </a:lnTo>
                  <a:lnTo>
                    <a:pt x="335280" y="4572"/>
                  </a:lnTo>
                  <a:lnTo>
                    <a:pt x="338328" y="4572"/>
                  </a:lnTo>
                  <a:lnTo>
                    <a:pt x="338328" y="0"/>
                  </a:lnTo>
                  <a:close/>
                </a:path>
                <a:path w="826134" h="5079">
                  <a:moveTo>
                    <a:pt x="345948" y="0"/>
                  </a:moveTo>
                  <a:lnTo>
                    <a:pt x="342900" y="0"/>
                  </a:lnTo>
                  <a:lnTo>
                    <a:pt x="342900" y="4572"/>
                  </a:lnTo>
                  <a:lnTo>
                    <a:pt x="345948" y="4572"/>
                  </a:lnTo>
                  <a:lnTo>
                    <a:pt x="345948" y="0"/>
                  </a:lnTo>
                  <a:close/>
                </a:path>
                <a:path w="826134" h="5079">
                  <a:moveTo>
                    <a:pt x="352044" y="0"/>
                  </a:moveTo>
                  <a:lnTo>
                    <a:pt x="348996" y="0"/>
                  </a:lnTo>
                  <a:lnTo>
                    <a:pt x="348996" y="4572"/>
                  </a:lnTo>
                  <a:lnTo>
                    <a:pt x="352044" y="4572"/>
                  </a:lnTo>
                  <a:lnTo>
                    <a:pt x="352044" y="0"/>
                  </a:lnTo>
                  <a:close/>
                </a:path>
                <a:path w="826134" h="5079">
                  <a:moveTo>
                    <a:pt x="359664" y="0"/>
                  </a:moveTo>
                  <a:lnTo>
                    <a:pt x="356616" y="0"/>
                  </a:lnTo>
                  <a:lnTo>
                    <a:pt x="356616" y="4572"/>
                  </a:lnTo>
                  <a:lnTo>
                    <a:pt x="359664" y="4572"/>
                  </a:lnTo>
                  <a:lnTo>
                    <a:pt x="359664" y="0"/>
                  </a:lnTo>
                  <a:close/>
                </a:path>
                <a:path w="826134" h="5079">
                  <a:moveTo>
                    <a:pt x="365760" y="0"/>
                  </a:moveTo>
                  <a:lnTo>
                    <a:pt x="362712" y="0"/>
                  </a:lnTo>
                  <a:lnTo>
                    <a:pt x="362712" y="4572"/>
                  </a:lnTo>
                  <a:lnTo>
                    <a:pt x="365760" y="4572"/>
                  </a:lnTo>
                  <a:lnTo>
                    <a:pt x="365760" y="0"/>
                  </a:lnTo>
                  <a:close/>
                </a:path>
                <a:path w="826134" h="5079">
                  <a:moveTo>
                    <a:pt x="373380" y="0"/>
                  </a:moveTo>
                  <a:lnTo>
                    <a:pt x="370332" y="0"/>
                  </a:lnTo>
                  <a:lnTo>
                    <a:pt x="370332" y="4572"/>
                  </a:lnTo>
                  <a:lnTo>
                    <a:pt x="373380" y="4572"/>
                  </a:lnTo>
                  <a:lnTo>
                    <a:pt x="373380" y="0"/>
                  </a:lnTo>
                  <a:close/>
                </a:path>
                <a:path w="826134" h="5079">
                  <a:moveTo>
                    <a:pt x="379476" y="0"/>
                  </a:moveTo>
                  <a:lnTo>
                    <a:pt x="376428" y="0"/>
                  </a:lnTo>
                  <a:lnTo>
                    <a:pt x="376428" y="4572"/>
                  </a:lnTo>
                  <a:lnTo>
                    <a:pt x="379476" y="4572"/>
                  </a:lnTo>
                  <a:lnTo>
                    <a:pt x="379476" y="0"/>
                  </a:lnTo>
                  <a:close/>
                </a:path>
                <a:path w="826134" h="5079">
                  <a:moveTo>
                    <a:pt x="387096" y="0"/>
                  </a:moveTo>
                  <a:lnTo>
                    <a:pt x="384048" y="0"/>
                  </a:lnTo>
                  <a:lnTo>
                    <a:pt x="384048" y="4572"/>
                  </a:lnTo>
                  <a:lnTo>
                    <a:pt x="387096" y="4572"/>
                  </a:lnTo>
                  <a:lnTo>
                    <a:pt x="387096" y="0"/>
                  </a:lnTo>
                  <a:close/>
                </a:path>
                <a:path w="826134" h="5079">
                  <a:moveTo>
                    <a:pt x="393192" y="0"/>
                  </a:moveTo>
                  <a:lnTo>
                    <a:pt x="390144" y="0"/>
                  </a:lnTo>
                  <a:lnTo>
                    <a:pt x="390144" y="4572"/>
                  </a:lnTo>
                  <a:lnTo>
                    <a:pt x="393192" y="4572"/>
                  </a:lnTo>
                  <a:lnTo>
                    <a:pt x="393192" y="0"/>
                  </a:lnTo>
                  <a:close/>
                </a:path>
                <a:path w="826134" h="5079">
                  <a:moveTo>
                    <a:pt x="400812" y="0"/>
                  </a:moveTo>
                  <a:lnTo>
                    <a:pt x="397764" y="0"/>
                  </a:lnTo>
                  <a:lnTo>
                    <a:pt x="397764" y="4572"/>
                  </a:lnTo>
                  <a:lnTo>
                    <a:pt x="400812" y="4572"/>
                  </a:lnTo>
                  <a:lnTo>
                    <a:pt x="400812" y="0"/>
                  </a:lnTo>
                  <a:close/>
                </a:path>
                <a:path w="826134" h="5079">
                  <a:moveTo>
                    <a:pt x="406908" y="0"/>
                  </a:moveTo>
                  <a:lnTo>
                    <a:pt x="403860" y="0"/>
                  </a:lnTo>
                  <a:lnTo>
                    <a:pt x="403860" y="4572"/>
                  </a:lnTo>
                  <a:lnTo>
                    <a:pt x="406908" y="4572"/>
                  </a:lnTo>
                  <a:lnTo>
                    <a:pt x="406908" y="0"/>
                  </a:lnTo>
                  <a:close/>
                </a:path>
                <a:path w="826134" h="5079">
                  <a:moveTo>
                    <a:pt x="414528" y="0"/>
                  </a:moveTo>
                  <a:lnTo>
                    <a:pt x="411480" y="0"/>
                  </a:lnTo>
                  <a:lnTo>
                    <a:pt x="411480" y="4572"/>
                  </a:lnTo>
                  <a:lnTo>
                    <a:pt x="414528" y="4572"/>
                  </a:lnTo>
                  <a:lnTo>
                    <a:pt x="414528" y="0"/>
                  </a:lnTo>
                  <a:close/>
                </a:path>
                <a:path w="826134" h="5079">
                  <a:moveTo>
                    <a:pt x="420624" y="0"/>
                  </a:moveTo>
                  <a:lnTo>
                    <a:pt x="417576" y="0"/>
                  </a:lnTo>
                  <a:lnTo>
                    <a:pt x="417576" y="4572"/>
                  </a:lnTo>
                  <a:lnTo>
                    <a:pt x="420624" y="4572"/>
                  </a:lnTo>
                  <a:lnTo>
                    <a:pt x="420624" y="0"/>
                  </a:lnTo>
                  <a:close/>
                </a:path>
                <a:path w="826134" h="5079">
                  <a:moveTo>
                    <a:pt x="428244" y="0"/>
                  </a:moveTo>
                  <a:lnTo>
                    <a:pt x="425196" y="0"/>
                  </a:lnTo>
                  <a:lnTo>
                    <a:pt x="425196" y="4572"/>
                  </a:lnTo>
                  <a:lnTo>
                    <a:pt x="428244" y="4572"/>
                  </a:lnTo>
                  <a:lnTo>
                    <a:pt x="428244" y="0"/>
                  </a:lnTo>
                  <a:close/>
                </a:path>
                <a:path w="826134" h="5079">
                  <a:moveTo>
                    <a:pt x="434340" y="0"/>
                  </a:moveTo>
                  <a:lnTo>
                    <a:pt x="431292" y="0"/>
                  </a:lnTo>
                  <a:lnTo>
                    <a:pt x="431292" y="4572"/>
                  </a:lnTo>
                  <a:lnTo>
                    <a:pt x="434340" y="4572"/>
                  </a:lnTo>
                  <a:lnTo>
                    <a:pt x="434340" y="0"/>
                  </a:lnTo>
                  <a:close/>
                </a:path>
                <a:path w="826134" h="5079">
                  <a:moveTo>
                    <a:pt x="441960" y="0"/>
                  </a:moveTo>
                  <a:lnTo>
                    <a:pt x="438912" y="0"/>
                  </a:lnTo>
                  <a:lnTo>
                    <a:pt x="438912" y="4572"/>
                  </a:lnTo>
                  <a:lnTo>
                    <a:pt x="441960" y="4572"/>
                  </a:lnTo>
                  <a:lnTo>
                    <a:pt x="441960" y="0"/>
                  </a:lnTo>
                  <a:close/>
                </a:path>
                <a:path w="826134" h="5079">
                  <a:moveTo>
                    <a:pt x="448056" y="0"/>
                  </a:moveTo>
                  <a:lnTo>
                    <a:pt x="445008" y="0"/>
                  </a:lnTo>
                  <a:lnTo>
                    <a:pt x="445008" y="4572"/>
                  </a:lnTo>
                  <a:lnTo>
                    <a:pt x="448056" y="4572"/>
                  </a:lnTo>
                  <a:lnTo>
                    <a:pt x="448056" y="0"/>
                  </a:lnTo>
                  <a:close/>
                </a:path>
                <a:path w="826134" h="5079">
                  <a:moveTo>
                    <a:pt x="455676" y="0"/>
                  </a:moveTo>
                  <a:lnTo>
                    <a:pt x="452628" y="0"/>
                  </a:lnTo>
                  <a:lnTo>
                    <a:pt x="452628" y="4572"/>
                  </a:lnTo>
                  <a:lnTo>
                    <a:pt x="455676" y="4572"/>
                  </a:lnTo>
                  <a:lnTo>
                    <a:pt x="455676" y="0"/>
                  </a:lnTo>
                  <a:close/>
                </a:path>
                <a:path w="826134" h="5079">
                  <a:moveTo>
                    <a:pt x="461772" y="0"/>
                  </a:moveTo>
                  <a:lnTo>
                    <a:pt x="458724" y="0"/>
                  </a:lnTo>
                  <a:lnTo>
                    <a:pt x="458724" y="4572"/>
                  </a:lnTo>
                  <a:lnTo>
                    <a:pt x="461772" y="4572"/>
                  </a:lnTo>
                  <a:lnTo>
                    <a:pt x="461772" y="0"/>
                  </a:lnTo>
                  <a:close/>
                </a:path>
                <a:path w="826134" h="5079">
                  <a:moveTo>
                    <a:pt x="469392" y="0"/>
                  </a:moveTo>
                  <a:lnTo>
                    <a:pt x="466344" y="0"/>
                  </a:lnTo>
                  <a:lnTo>
                    <a:pt x="466344" y="4572"/>
                  </a:lnTo>
                  <a:lnTo>
                    <a:pt x="469392" y="4572"/>
                  </a:lnTo>
                  <a:lnTo>
                    <a:pt x="469392" y="0"/>
                  </a:lnTo>
                  <a:close/>
                </a:path>
                <a:path w="826134" h="5079">
                  <a:moveTo>
                    <a:pt x="475488" y="0"/>
                  </a:moveTo>
                  <a:lnTo>
                    <a:pt x="472440" y="0"/>
                  </a:lnTo>
                  <a:lnTo>
                    <a:pt x="472440" y="4572"/>
                  </a:lnTo>
                  <a:lnTo>
                    <a:pt x="475488" y="4572"/>
                  </a:lnTo>
                  <a:lnTo>
                    <a:pt x="475488" y="0"/>
                  </a:lnTo>
                  <a:close/>
                </a:path>
                <a:path w="826134" h="5079">
                  <a:moveTo>
                    <a:pt x="483108" y="0"/>
                  </a:moveTo>
                  <a:lnTo>
                    <a:pt x="480060" y="0"/>
                  </a:lnTo>
                  <a:lnTo>
                    <a:pt x="480060" y="4572"/>
                  </a:lnTo>
                  <a:lnTo>
                    <a:pt x="483108" y="4572"/>
                  </a:lnTo>
                  <a:lnTo>
                    <a:pt x="483108" y="0"/>
                  </a:lnTo>
                  <a:close/>
                </a:path>
                <a:path w="826134" h="5079">
                  <a:moveTo>
                    <a:pt x="489204" y="0"/>
                  </a:moveTo>
                  <a:lnTo>
                    <a:pt x="486156" y="0"/>
                  </a:lnTo>
                  <a:lnTo>
                    <a:pt x="486156" y="4572"/>
                  </a:lnTo>
                  <a:lnTo>
                    <a:pt x="489204" y="4572"/>
                  </a:lnTo>
                  <a:lnTo>
                    <a:pt x="489204" y="0"/>
                  </a:lnTo>
                  <a:close/>
                </a:path>
                <a:path w="826134" h="5079">
                  <a:moveTo>
                    <a:pt x="496824" y="0"/>
                  </a:moveTo>
                  <a:lnTo>
                    <a:pt x="493776" y="0"/>
                  </a:lnTo>
                  <a:lnTo>
                    <a:pt x="493776" y="4572"/>
                  </a:lnTo>
                  <a:lnTo>
                    <a:pt x="496824" y="4572"/>
                  </a:lnTo>
                  <a:lnTo>
                    <a:pt x="496824" y="0"/>
                  </a:lnTo>
                  <a:close/>
                </a:path>
                <a:path w="826134" h="5079">
                  <a:moveTo>
                    <a:pt x="502920" y="0"/>
                  </a:moveTo>
                  <a:lnTo>
                    <a:pt x="499872" y="0"/>
                  </a:lnTo>
                  <a:lnTo>
                    <a:pt x="499872" y="4572"/>
                  </a:lnTo>
                  <a:lnTo>
                    <a:pt x="502920" y="4572"/>
                  </a:lnTo>
                  <a:lnTo>
                    <a:pt x="502920" y="0"/>
                  </a:lnTo>
                  <a:close/>
                </a:path>
                <a:path w="826134" h="5079">
                  <a:moveTo>
                    <a:pt x="510540" y="0"/>
                  </a:moveTo>
                  <a:lnTo>
                    <a:pt x="507492" y="0"/>
                  </a:lnTo>
                  <a:lnTo>
                    <a:pt x="507492" y="4572"/>
                  </a:lnTo>
                  <a:lnTo>
                    <a:pt x="510540" y="4572"/>
                  </a:lnTo>
                  <a:lnTo>
                    <a:pt x="510540" y="0"/>
                  </a:lnTo>
                  <a:close/>
                </a:path>
                <a:path w="826134" h="5079">
                  <a:moveTo>
                    <a:pt x="516636" y="0"/>
                  </a:moveTo>
                  <a:lnTo>
                    <a:pt x="513588" y="0"/>
                  </a:lnTo>
                  <a:lnTo>
                    <a:pt x="513588" y="4572"/>
                  </a:lnTo>
                  <a:lnTo>
                    <a:pt x="516636" y="4572"/>
                  </a:lnTo>
                  <a:lnTo>
                    <a:pt x="516636" y="0"/>
                  </a:lnTo>
                  <a:close/>
                </a:path>
                <a:path w="826134" h="5079">
                  <a:moveTo>
                    <a:pt x="524256" y="0"/>
                  </a:moveTo>
                  <a:lnTo>
                    <a:pt x="521208" y="0"/>
                  </a:lnTo>
                  <a:lnTo>
                    <a:pt x="521208" y="4572"/>
                  </a:lnTo>
                  <a:lnTo>
                    <a:pt x="524256" y="4572"/>
                  </a:lnTo>
                  <a:lnTo>
                    <a:pt x="524256" y="0"/>
                  </a:lnTo>
                  <a:close/>
                </a:path>
                <a:path w="826134" h="5079">
                  <a:moveTo>
                    <a:pt x="530352" y="0"/>
                  </a:moveTo>
                  <a:lnTo>
                    <a:pt x="527304" y="0"/>
                  </a:lnTo>
                  <a:lnTo>
                    <a:pt x="527304" y="4572"/>
                  </a:lnTo>
                  <a:lnTo>
                    <a:pt x="530352" y="4572"/>
                  </a:lnTo>
                  <a:lnTo>
                    <a:pt x="530352" y="0"/>
                  </a:lnTo>
                  <a:close/>
                </a:path>
                <a:path w="826134" h="5079">
                  <a:moveTo>
                    <a:pt x="537972" y="0"/>
                  </a:moveTo>
                  <a:lnTo>
                    <a:pt x="534924" y="0"/>
                  </a:lnTo>
                  <a:lnTo>
                    <a:pt x="534924" y="4572"/>
                  </a:lnTo>
                  <a:lnTo>
                    <a:pt x="537972" y="4572"/>
                  </a:lnTo>
                  <a:lnTo>
                    <a:pt x="537972" y="0"/>
                  </a:lnTo>
                  <a:close/>
                </a:path>
                <a:path w="826134" h="5079">
                  <a:moveTo>
                    <a:pt x="544068" y="0"/>
                  </a:moveTo>
                  <a:lnTo>
                    <a:pt x="541020" y="0"/>
                  </a:lnTo>
                  <a:lnTo>
                    <a:pt x="541020" y="4572"/>
                  </a:lnTo>
                  <a:lnTo>
                    <a:pt x="544068" y="4572"/>
                  </a:lnTo>
                  <a:lnTo>
                    <a:pt x="544068" y="0"/>
                  </a:lnTo>
                  <a:close/>
                </a:path>
                <a:path w="826134" h="5079">
                  <a:moveTo>
                    <a:pt x="551688" y="0"/>
                  </a:moveTo>
                  <a:lnTo>
                    <a:pt x="548640" y="0"/>
                  </a:lnTo>
                  <a:lnTo>
                    <a:pt x="548640" y="4572"/>
                  </a:lnTo>
                  <a:lnTo>
                    <a:pt x="551688" y="4572"/>
                  </a:lnTo>
                  <a:lnTo>
                    <a:pt x="551688" y="0"/>
                  </a:lnTo>
                  <a:close/>
                </a:path>
                <a:path w="826134" h="5079">
                  <a:moveTo>
                    <a:pt x="557784" y="0"/>
                  </a:moveTo>
                  <a:lnTo>
                    <a:pt x="554736" y="0"/>
                  </a:lnTo>
                  <a:lnTo>
                    <a:pt x="554736" y="4572"/>
                  </a:lnTo>
                  <a:lnTo>
                    <a:pt x="557784" y="4572"/>
                  </a:lnTo>
                  <a:lnTo>
                    <a:pt x="557784" y="0"/>
                  </a:lnTo>
                  <a:close/>
                </a:path>
                <a:path w="826134" h="5079">
                  <a:moveTo>
                    <a:pt x="565404" y="0"/>
                  </a:moveTo>
                  <a:lnTo>
                    <a:pt x="562356" y="0"/>
                  </a:lnTo>
                  <a:lnTo>
                    <a:pt x="562356" y="4572"/>
                  </a:lnTo>
                  <a:lnTo>
                    <a:pt x="565404" y="4572"/>
                  </a:lnTo>
                  <a:lnTo>
                    <a:pt x="565404" y="0"/>
                  </a:lnTo>
                  <a:close/>
                </a:path>
                <a:path w="826134" h="5079">
                  <a:moveTo>
                    <a:pt x="571500" y="0"/>
                  </a:moveTo>
                  <a:lnTo>
                    <a:pt x="568452" y="0"/>
                  </a:lnTo>
                  <a:lnTo>
                    <a:pt x="568452" y="4572"/>
                  </a:lnTo>
                  <a:lnTo>
                    <a:pt x="571500" y="4572"/>
                  </a:lnTo>
                  <a:lnTo>
                    <a:pt x="571500" y="0"/>
                  </a:lnTo>
                  <a:close/>
                </a:path>
                <a:path w="826134" h="5079">
                  <a:moveTo>
                    <a:pt x="579120" y="0"/>
                  </a:moveTo>
                  <a:lnTo>
                    <a:pt x="576072" y="0"/>
                  </a:lnTo>
                  <a:lnTo>
                    <a:pt x="576072" y="4572"/>
                  </a:lnTo>
                  <a:lnTo>
                    <a:pt x="579120" y="4572"/>
                  </a:lnTo>
                  <a:lnTo>
                    <a:pt x="579120" y="0"/>
                  </a:lnTo>
                  <a:close/>
                </a:path>
                <a:path w="826134" h="5079">
                  <a:moveTo>
                    <a:pt x="757428" y="0"/>
                  </a:moveTo>
                  <a:lnTo>
                    <a:pt x="754380" y="0"/>
                  </a:lnTo>
                  <a:lnTo>
                    <a:pt x="754380" y="4572"/>
                  </a:lnTo>
                  <a:lnTo>
                    <a:pt x="757428" y="4572"/>
                  </a:lnTo>
                  <a:lnTo>
                    <a:pt x="757428" y="0"/>
                  </a:lnTo>
                  <a:close/>
                </a:path>
                <a:path w="826134" h="5079">
                  <a:moveTo>
                    <a:pt x="763524" y="0"/>
                  </a:moveTo>
                  <a:lnTo>
                    <a:pt x="760476" y="0"/>
                  </a:lnTo>
                  <a:lnTo>
                    <a:pt x="760476" y="4572"/>
                  </a:lnTo>
                  <a:lnTo>
                    <a:pt x="763524" y="4572"/>
                  </a:lnTo>
                  <a:lnTo>
                    <a:pt x="763524" y="0"/>
                  </a:lnTo>
                  <a:close/>
                </a:path>
                <a:path w="826134" h="5079">
                  <a:moveTo>
                    <a:pt x="771144" y="0"/>
                  </a:moveTo>
                  <a:lnTo>
                    <a:pt x="768096" y="0"/>
                  </a:lnTo>
                  <a:lnTo>
                    <a:pt x="768096" y="4572"/>
                  </a:lnTo>
                  <a:lnTo>
                    <a:pt x="771144" y="4572"/>
                  </a:lnTo>
                  <a:lnTo>
                    <a:pt x="771144" y="0"/>
                  </a:lnTo>
                  <a:close/>
                </a:path>
                <a:path w="826134" h="5079">
                  <a:moveTo>
                    <a:pt x="777240" y="0"/>
                  </a:moveTo>
                  <a:lnTo>
                    <a:pt x="774192" y="0"/>
                  </a:lnTo>
                  <a:lnTo>
                    <a:pt x="774192" y="4572"/>
                  </a:lnTo>
                  <a:lnTo>
                    <a:pt x="777240" y="4572"/>
                  </a:lnTo>
                  <a:lnTo>
                    <a:pt x="777240" y="0"/>
                  </a:lnTo>
                  <a:close/>
                </a:path>
                <a:path w="826134" h="5079">
                  <a:moveTo>
                    <a:pt x="784860" y="0"/>
                  </a:moveTo>
                  <a:lnTo>
                    <a:pt x="781812" y="0"/>
                  </a:lnTo>
                  <a:lnTo>
                    <a:pt x="781812" y="4572"/>
                  </a:lnTo>
                  <a:lnTo>
                    <a:pt x="784860" y="4572"/>
                  </a:lnTo>
                  <a:lnTo>
                    <a:pt x="784860" y="0"/>
                  </a:lnTo>
                  <a:close/>
                </a:path>
                <a:path w="826134" h="5079">
                  <a:moveTo>
                    <a:pt x="790956" y="0"/>
                  </a:moveTo>
                  <a:lnTo>
                    <a:pt x="787908" y="0"/>
                  </a:lnTo>
                  <a:lnTo>
                    <a:pt x="787908" y="4572"/>
                  </a:lnTo>
                  <a:lnTo>
                    <a:pt x="790956" y="4572"/>
                  </a:lnTo>
                  <a:lnTo>
                    <a:pt x="790956" y="0"/>
                  </a:lnTo>
                  <a:close/>
                </a:path>
                <a:path w="826134" h="5079">
                  <a:moveTo>
                    <a:pt x="798576" y="0"/>
                  </a:moveTo>
                  <a:lnTo>
                    <a:pt x="795528" y="0"/>
                  </a:lnTo>
                  <a:lnTo>
                    <a:pt x="795528" y="4572"/>
                  </a:lnTo>
                  <a:lnTo>
                    <a:pt x="798576" y="4572"/>
                  </a:lnTo>
                  <a:lnTo>
                    <a:pt x="798576" y="0"/>
                  </a:lnTo>
                  <a:close/>
                </a:path>
                <a:path w="826134" h="5079">
                  <a:moveTo>
                    <a:pt x="804672" y="0"/>
                  </a:moveTo>
                  <a:lnTo>
                    <a:pt x="801624" y="0"/>
                  </a:lnTo>
                  <a:lnTo>
                    <a:pt x="801624" y="4572"/>
                  </a:lnTo>
                  <a:lnTo>
                    <a:pt x="804672" y="4572"/>
                  </a:lnTo>
                  <a:lnTo>
                    <a:pt x="804672" y="0"/>
                  </a:lnTo>
                  <a:close/>
                </a:path>
                <a:path w="826134" h="5079">
                  <a:moveTo>
                    <a:pt x="812292" y="0"/>
                  </a:moveTo>
                  <a:lnTo>
                    <a:pt x="809244" y="0"/>
                  </a:lnTo>
                  <a:lnTo>
                    <a:pt x="809244" y="4572"/>
                  </a:lnTo>
                  <a:lnTo>
                    <a:pt x="812292" y="4572"/>
                  </a:lnTo>
                  <a:lnTo>
                    <a:pt x="812292" y="0"/>
                  </a:lnTo>
                  <a:close/>
                </a:path>
                <a:path w="826134" h="5079">
                  <a:moveTo>
                    <a:pt x="818388" y="0"/>
                  </a:moveTo>
                  <a:lnTo>
                    <a:pt x="815340" y="0"/>
                  </a:lnTo>
                  <a:lnTo>
                    <a:pt x="815340" y="4572"/>
                  </a:lnTo>
                  <a:lnTo>
                    <a:pt x="818388" y="4572"/>
                  </a:lnTo>
                  <a:lnTo>
                    <a:pt x="818388" y="0"/>
                  </a:lnTo>
                  <a:close/>
                </a:path>
                <a:path w="826134" h="5079">
                  <a:moveTo>
                    <a:pt x="826008" y="0"/>
                  </a:moveTo>
                  <a:lnTo>
                    <a:pt x="822960" y="0"/>
                  </a:lnTo>
                  <a:lnTo>
                    <a:pt x="822960" y="4572"/>
                  </a:lnTo>
                  <a:lnTo>
                    <a:pt x="826008" y="4572"/>
                  </a:lnTo>
                  <a:lnTo>
                    <a:pt x="826008" y="0"/>
                  </a:lnTo>
                  <a:close/>
                </a:path>
              </a:pathLst>
            </a:custGeom>
            <a:solidFill>
              <a:srgbClr val="D8D8D8"/>
            </a:solidFill>
          </p:spPr>
          <p:txBody>
            <a:bodyPr wrap="square" lIns="0" tIns="0" rIns="0" bIns="0" rtlCol="0"/>
            <a:lstStyle/>
            <a:p>
              <a:endParaRPr sz="1539"/>
            </a:p>
          </p:txBody>
        </p:sp>
        <p:sp>
          <p:nvSpPr>
            <p:cNvPr id="68" name="object 68"/>
            <p:cNvSpPr/>
            <p:nvPr/>
          </p:nvSpPr>
          <p:spPr>
            <a:xfrm>
              <a:off x="9529572" y="4520183"/>
              <a:ext cx="475615" cy="5080"/>
            </a:xfrm>
            <a:custGeom>
              <a:avLst/>
              <a:gdLst/>
              <a:ahLst/>
              <a:cxnLst/>
              <a:rect l="l" t="t" r="r" b="b"/>
              <a:pathLst>
                <a:path w="475615" h="5079">
                  <a:moveTo>
                    <a:pt x="3048" y="0"/>
                  </a:moveTo>
                  <a:lnTo>
                    <a:pt x="0" y="0"/>
                  </a:lnTo>
                  <a:lnTo>
                    <a:pt x="0" y="4572"/>
                  </a:lnTo>
                  <a:lnTo>
                    <a:pt x="3048" y="4572"/>
                  </a:lnTo>
                  <a:lnTo>
                    <a:pt x="3048" y="0"/>
                  </a:lnTo>
                  <a:close/>
                </a:path>
                <a:path w="475615" h="5079">
                  <a:moveTo>
                    <a:pt x="9144" y="0"/>
                  </a:moveTo>
                  <a:lnTo>
                    <a:pt x="6096" y="0"/>
                  </a:lnTo>
                  <a:lnTo>
                    <a:pt x="6096" y="4572"/>
                  </a:lnTo>
                  <a:lnTo>
                    <a:pt x="9144" y="4572"/>
                  </a:lnTo>
                  <a:lnTo>
                    <a:pt x="9144" y="0"/>
                  </a:lnTo>
                  <a:close/>
                </a:path>
                <a:path w="475615" h="5079">
                  <a:moveTo>
                    <a:pt x="16764" y="0"/>
                  </a:moveTo>
                  <a:lnTo>
                    <a:pt x="13716" y="0"/>
                  </a:lnTo>
                  <a:lnTo>
                    <a:pt x="13716" y="4572"/>
                  </a:lnTo>
                  <a:lnTo>
                    <a:pt x="16764" y="4572"/>
                  </a:lnTo>
                  <a:lnTo>
                    <a:pt x="16764" y="0"/>
                  </a:lnTo>
                  <a:close/>
                </a:path>
                <a:path w="475615" h="5079">
                  <a:moveTo>
                    <a:pt x="22860" y="0"/>
                  </a:moveTo>
                  <a:lnTo>
                    <a:pt x="19812" y="0"/>
                  </a:lnTo>
                  <a:lnTo>
                    <a:pt x="19812" y="4572"/>
                  </a:lnTo>
                  <a:lnTo>
                    <a:pt x="22860" y="4572"/>
                  </a:lnTo>
                  <a:lnTo>
                    <a:pt x="22860" y="0"/>
                  </a:lnTo>
                  <a:close/>
                </a:path>
                <a:path w="475615" h="5079">
                  <a:moveTo>
                    <a:pt x="30480" y="0"/>
                  </a:moveTo>
                  <a:lnTo>
                    <a:pt x="27432" y="0"/>
                  </a:lnTo>
                  <a:lnTo>
                    <a:pt x="27432" y="4572"/>
                  </a:lnTo>
                  <a:lnTo>
                    <a:pt x="30480" y="4572"/>
                  </a:lnTo>
                  <a:lnTo>
                    <a:pt x="30480" y="0"/>
                  </a:lnTo>
                  <a:close/>
                </a:path>
                <a:path w="475615" h="5079">
                  <a:moveTo>
                    <a:pt x="36576" y="0"/>
                  </a:moveTo>
                  <a:lnTo>
                    <a:pt x="33528" y="0"/>
                  </a:lnTo>
                  <a:lnTo>
                    <a:pt x="33528" y="4572"/>
                  </a:lnTo>
                  <a:lnTo>
                    <a:pt x="36576" y="4572"/>
                  </a:lnTo>
                  <a:lnTo>
                    <a:pt x="36576" y="0"/>
                  </a:lnTo>
                  <a:close/>
                </a:path>
                <a:path w="475615" h="5079">
                  <a:moveTo>
                    <a:pt x="44196" y="0"/>
                  </a:moveTo>
                  <a:lnTo>
                    <a:pt x="41148" y="0"/>
                  </a:lnTo>
                  <a:lnTo>
                    <a:pt x="41148" y="4572"/>
                  </a:lnTo>
                  <a:lnTo>
                    <a:pt x="44196" y="4572"/>
                  </a:lnTo>
                  <a:lnTo>
                    <a:pt x="44196" y="0"/>
                  </a:lnTo>
                  <a:close/>
                </a:path>
                <a:path w="475615" h="5079">
                  <a:moveTo>
                    <a:pt x="50292" y="0"/>
                  </a:moveTo>
                  <a:lnTo>
                    <a:pt x="47244" y="0"/>
                  </a:lnTo>
                  <a:lnTo>
                    <a:pt x="47244" y="4572"/>
                  </a:lnTo>
                  <a:lnTo>
                    <a:pt x="50292" y="4572"/>
                  </a:lnTo>
                  <a:lnTo>
                    <a:pt x="50292" y="0"/>
                  </a:lnTo>
                  <a:close/>
                </a:path>
                <a:path w="475615" h="5079">
                  <a:moveTo>
                    <a:pt x="57912" y="0"/>
                  </a:moveTo>
                  <a:lnTo>
                    <a:pt x="54864" y="0"/>
                  </a:lnTo>
                  <a:lnTo>
                    <a:pt x="54864" y="4572"/>
                  </a:lnTo>
                  <a:lnTo>
                    <a:pt x="57912" y="4572"/>
                  </a:lnTo>
                  <a:lnTo>
                    <a:pt x="57912" y="0"/>
                  </a:lnTo>
                  <a:close/>
                </a:path>
                <a:path w="475615" h="5079">
                  <a:moveTo>
                    <a:pt x="64008" y="0"/>
                  </a:moveTo>
                  <a:lnTo>
                    <a:pt x="60960" y="0"/>
                  </a:lnTo>
                  <a:lnTo>
                    <a:pt x="60960" y="4572"/>
                  </a:lnTo>
                  <a:lnTo>
                    <a:pt x="64008" y="4572"/>
                  </a:lnTo>
                  <a:lnTo>
                    <a:pt x="64008" y="0"/>
                  </a:lnTo>
                  <a:close/>
                </a:path>
                <a:path w="475615" h="5079">
                  <a:moveTo>
                    <a:pt x="71628" y="0"/>
                  </a:moveTo>
                  <a:lnTo>
                    <a:pt x="68580" y="0"/>
                  </a:lnTo>
                  <a:lnTo>
                    <a:pt x="68580" y="4572"/>
                  </a:lnTo>
                  <a:lnTo>
                    <a:pt x="71628" y="4572"/>
                  </a:lnTo>
                  <a:lnTo>
                    <a:pt x="71628" y="0"/>
                  </a:lnTo>
                  <a:close/>
                </a:path>
                <a:path w="475615" h="5079">
                  <a:moveTo>
                    <a:pt x="77724" y="0"/>
                  </a:moveTo>
                  <a:lnTo>
                    <a:pt x="74676" y="0"/>
                  </a:lnTo>
                  <a:lnTo>
                    <a:pt x="74676" y="4572"/>
                  </a:lnTo>
                  <a:lnTo>
                    <a:pt x="77724" y="4572"/>
                  </a:lnTo>
                  <a:lnTo>
                    <a:pt x="77724" y="0"/>
                  </a:lnTo>
                  <a:close/>
                </a:path>
                <a:path w="475615" h="5079">
                  <a:moveTo>
                    <a:pt x="85344" y="0"/>
                  </a:moveTo>
                  <a:lnTo>
                    <a:pt x="82296" y="0"/>
                  </a:lnTo>
                  <a:lnTo>
                    <a:pt x="82296" y="4572"/>
                  </a:lnTo>
                  <a:lnTo>
                    <a:pt x="85344" y="4572"/>
                  </a:lnTo>
                  <a:lnTo>
                    <a:pt x="85344" y="0"/>
                  </a:lnTo>
                  <a:close/>
                </a:path>
                <a:path w="475615" h="5079">
                  <a:moveTo>
                    <a:pt x="91440" y="0"/>
                  </a:moveTo>
                  <a:lnTo>
                    <a:pt x="88392" y="0"/>
                  </a:lnTo>
                  <a:lnTo>
                    <a:pt x="88392" y="4572"/>
                  </a:lnTo>
                  <a:lnTo>
                    <a:pt x="91440" y="4572"/>
                  </a:lnTo>
                  <a:lnTo>
                    <a:pt x="91440" y="0"/>
                  </a:lnTo>
                  <a:close/>
                </a:path>
                <a:path w="475615" h="5079">
                  <a:moveTo>
                    <a:pt x="99060" y="0"/>
                  </a:moveTo>
                  <a:lnTo>
                    <a:pt x="96012" y="0"/>
                  </a:lnTo>
                  <a:lnTo>
                    <a:pt x="96012" y="4572"/>
                  </a:lnTo>
                  <a:lnTo>
                    <a:pt x="99060" y="4572"/>
                  </a:lnTo>
                  <a:lnTo>
                    <a:pt x="99060" y="0"/>
                  </a:lnTo>
                  <a:close/>
                </a:path>
                <a:path w="475615" h="5079">
                  <a:moveTo>
                    <a:pt x="105156" y="0"/>
                  </a:moveTo>
                  <a:lnTo>
                    <a:pt x="102108" y="0"/>
                  </a:lnTo>
                  <a:lnTo>
                    <a:pt x="102108" y="4572"/>
                  </a:lnTo>
                  <a:lnTo>
                    <a:pt x="105156" y="4572"/>
                  </a:lnTo>
                  <a:lnTo>
                    <a:pt x="105156" y="0"/>
                  </a:lnTo>
                  <a:close/>
                </a:path>
                <a:path w="475615" h="5079">
                  <a:moveTo>
                    <a:pt x="112776" y="0"/>
                  </a:moveTo>
                  <a:lnTo>
                    <a:pt x="108204" y="0"/>
                  </a:lnTo>
                  <a:lnTo>
                    <a:pt x="108204" y="4572"/>
                  </a:lnTo>
                  <a:lnTo>
                    <a:pt x="112776" y="4572"/>
                  </a:lnTo>
                  <a:lnTo>
                    <a:pt x="112776" y="0"/>
                  </a:lnTo>
                  <a:close/>
                </a:path>
                <a:path w="475615" h="5079">
                  <a:moveTo>
                    <a:pt x="118872" y="0"/>
                  </a:moveTo>
                  <a:lnTo>
                    <a:pt x="115824" y="0"/>
                  </a:lnTo>
                  <a:lnTo>
                    <a:pt x="115824" y="4572"/>
                  </a:lnTo>
                  <a:lnTo>
                    <a:pt x="118872" y="4572"/>
                  </a:lnTo>
                  <a:lnTo>
                    <a:pt x="118872" y="0"/>
                  </a:lnTo>
                  <a:close/>
                </a:path>
                <a:path w="475615" h="5079">
                  <a:moveTo>
                    <a:pt x="126492" y="0"/>
                  </a:moveTo>
                  <a:lnTo>
                    <a:pt x="121920" y="0"/>
                  </a:lnTo>
                  <a:lnTo>
                    <a:pt x="121920" y="4572"/>
                  </a:lnTo>
                  <a:lnTo>
                    <a:pt x="126492" y="4572"/>
                  </a:lnTo>
                  <a:lnTo>
                    <a:pt x="126492" y="0"/>
                  </a:lnTo>
                  <a:close/>
                </a:path>
                <a:path w="475615" h="5079">
                  <a:moveTo>
                    <a:pt x="132588" y="0"/>
                  </a:moveTo>
                  <a:lnTo>
                    <a:pt x="129540" y="0"/>
                  </a:lnTo>
                  <a:lnTo>
                    <a:pt x="129540" y="4572"/>
                  </a:lnTo>
                  <a:lnTo>
                    <a:pt x="132588" y="4572"/>
                  </a:lnTo>
                  <a:lnTo>
                    <a:pt x="132588" y="0"/>
                  </a:lnTo>
                  <a:close/>
                </a:path>
                <a:path w="475615" h="5079">
                  <a:moveTo>
                    <a:pt x="140208" y="0"/>
                  </a:moveTo>
                  <a:lnTo>
                    <a:pt x="135636" y="0"/>
                  </a:lnTo>
                  <a:lnTo>
                    <a:pt x="135636" y="4572"/>
                  </a:lnTo>
                  <a:lnTo>
                    <a:pt x="140208" y="4572"/>
                  </a:lnTo>
                  <a:lnTo>
                    <a:pt x="140208" y="0"/>
                  </a:lnTo>
                  <a:close/>
                </a:path>
                <a:path w="475615" h="5079">
                  <a:moveTo>
                    <a:pt x="146304" y="0"/>
                  </a:moveTo>
                  <a:lnTo>
                    <a:pt x="143256" y="0"/>
                  </a:lnTo>
                  <a:lnTo>
                    <a:pt x="143256" y="4572"/>
                  </a:lnTo>
                  <a:lnTo>
                    <a:pt x="146304" y="4572"/>
                  </a:lnTo>
                  <a:lnTo>
                    <a:pt x="146304" y="0"/>
                  </a:lnTo>
                  <a:close/>
                </a:path>
                <a:path w="475615" h="5079">
                  <a:moveTo>
                    <a:pt x="153924" y="0"/>
                  </a:moveTo>
                  <a:lnTo>
                    <a:pt x="149352" y="0"/>
                  </a:lnTo>
                  <a:lnTo>
                    <a:pt x="149352" y="4572"/>
                  </a:lnTo>
                  <a:lnTo>
                    <a:pt x="153924" y="4572"/>
                  </a:lnTo>
                  <a:lnTo>
                    <a:pt x="153924" y="0"/>
                  </a:lnTo>
                  <a:close/>
                </a:path>
                <a:path w="475615" h="5079">
                  <a:moveTo>
                    <a:pt x="160020" y="0"/>
                  </a:moveTo>
                  <a:lnTo>
                    <a:pt x="156972" y="0"/>
                  </a:lnTo>
                  <a:lnTo>
                    <a:pt x="156972" y="4572"/>
                  </a:lnTo>
                  <a:lnTo>
                    <a:pt x="160020" y="4572"/>
                  </a:lnTo>
                  <a:lnTo>
                    <a:pt x="160020" y="0"/>
                  </a:lnTo>
                  <a:close/>
                </a:path>
                <a:path w="475615" h="5079">
                  <a:moveTo>
                    <a:pt x="167640" y="0"/>
                  </a:moveTo>
                  <a:lnTo>
                    <a:pt x="163068" y="0"/>
                  </a:lnTo>
                  <a:lnTo>
                    <a:pt x="163068" y="4572"/>
                  </a:lnTo>
                  <a:lnTo>
                    <a:pt x="167640" y="4572"/>
                  </a:lnTo>
                  <a:lnTo>
                    <a:pt x="167640" y="0"/>
                  </a:lnTo>
                  <a:close/>
                </a:path>
                <a:path w="475615" h="5079">
                  <a:moveTo>
                    <a:pt x="173736" y="0"/>
                  </a:moveTo>
                  <a:lnTo>
                    <a:pt x="170688" y="0"/>
                  </a:lnTo>
                  <a:lnTo>
                    <a:pt x="170688" y="4572"/>
                  </a:lnTo>
                  <a:lnTo>
                    <a:pt x="173736" y="4572"/>
                  </a:lnTo>
                  <a:lnTo>
                    <a:pt x="173736" y="0"/>
                  </a:lnTo>
                  <a:close/>
                </a:path>
                <a:path w="475615" h="5079">
                  <a:moveTo>
                    <a:pt x="181356" y="0"/>
                  </a:moveTo>
                  <a:lnTo>
                    <a:pt x="176784" y="0"/>
                  </a:lnTo>
                  <a:lnTo>
                    <a:pt x="176784" y="4572"/>
                  </a:lnTo>
                  <a:lnTo>
                    <a:pt x="181356" y="4572"/>
                  </a:lnTo>
                  <a:lnTo>
                    <a:pt x="181356" y="0"/>
                  </a:lnTo>
                  <a:close/>
                </a:path>
                <a:path w="475615" h="5079">
                  <a:moveTo>
                    <a:pt x="352044" y="0"/>
                  </a:moveTo>
                  <a:lnTo>
                    <a:pt x="350520" y="0"/>
                  </a:lnTo>
                  <a:lnTo>
                    <a:pt x="350520" y="4572"/>
                  </a:lnTo>
                  <a:lnTo>
                    <a:pt x="352044" y="4572"/>
                  </a:lnTo>
                  <a:lnTo>
                    <a:pt x="352044" y="0"/>
                  </a:lnTo>
                  <a:close/>
                </a:path>
                <a:path w="475615" h="5079">
                  <a:moveTo>
                    <a:pt x="359664" y="0"/>
                  </a:moveTo>
                  <a:lnTo>
                    <a:pt x="355092" y="0"/>
                  </a:lnTo>
                  <a:lnTo>
                    <a:pt x="355092" y="4572"/>
                  </a:lnTo>
                  <a:lnTo>
                    <a:pt x="359664" y="4572"/>
                  </a:lnTo>
                  <a:lnTo>
                    <a:pt x="359664" y="0"/>
                  </a:lnTo>
                  <a:close/>
                </a:path>
                <a:path w="475615" h="5079">
                  <a:moveTo>
                    <a:pt x="365760" y="0"/>
                  </a:moveTo>
                  <a:lnTo>
                    <a:pt x="362712" y="0"/>
                  </a:lnTo>
                  <a:lnTo>
                    <a:pt x="362712" y="4572"/>
                  </a:lnTo>
                  <a:lnTo>
                    <a:pt x="365760" y="4572"/>
                  </a:lnTo>
                  <a:lnTo>
                    <a:pt x="365760" y="0"/>
                  </a:lnTo>
                  <a:close/>
                </a:path>
                <a:path w="475615" h="5079">
                  <a:moveTo>
                    <a:pt x="373380" y="0"/>
                  </a:moveTo>
                  <a:lnTo>
                    <a:pt x="368808" y="0"/>
                  </a:lnTo>
                  <a:lnTo>
                    <a:pt x="368808" y="4572"/>
                  </a:lnTo>
                  <a:lnTo>
                    <a:pt x="373380" y="4572"/>
                  </a:lnTo>
                  <a:lnTo>
                    <a:pt x="373380" y="0"/>
                  </a:lnTo>
                  <a:close/>
                </a:path>
                <a:path w="475615" h="5079">
                  <a:moveTo>
                    <a:pt x="379476" y="0"/>
                  </a:moveTo>
                  <a:lnTo>
                    <a:pt x="376428" y="0"/>
                  </a:lnTo>
                  <a:lnTo>
                    <a:pt x="376428" y="4572"/>
                  </a:lnTo>
                  <a:lnTo>
                    <a:pt x="379476" y="4572"/>
                  </a:lnTo>
                  <a:lnTo>
                    <a:pt x="379476" y="0"/>
                  </a:lnTo>
                  <a:close/>
                </a:path>
                <a:path w="475615" h="5079">
                  <a:moveTo>
                    <a:pt x="387096" y="0"/>
                  </a:moveTo>
                  <a:lnTo>
                    <a:pt x="382524" y="0"/>
                  </a:lnTo>
                  <a:lnTo>
                    <a:pt x="382524" y="4572"/>
                  </a:lnTo>
                  <a:lnTo>
                    <a:pt x="387096" y="4572"/>
                  </a:lnTo>
                  <a:lnTo>
                    <a:pt x="387096" y="0"/>
                  </a:lnTo>
                  <a:close/>
                </a:path>
                <a:path w="475615" h="5079">
                  <a:moveTo>
                    <a:pt x="393192" y="0"/>
                  </a:moveTo>
                  <a:lnTo>
                    <a:pt x="390144" y="0"/>
                  </a:lnTo>
                  <a:lnTo>
                    <a:pt x="390144" y="4572"/>
                  </a:lnTo>
                  <a:lnTo>
                    <a:pt x="393192" y="4572"/>
                  </a:lnTo>
                  <a:lnTo>
                    <a:pt x="393192" y="0"/>
                  </a:lnTo>
                  <a:close/>
                </a:path>
                <a:path w="475615" h="5079">
                  <a:moveTo>
                    <a:pt x="400812" y="0"/>
                  </a:moveTo>
                  <a:lnTo>
                    <a:pt x="396240" y="0"/>
                  </a:lnTo>
                  <a:lnTo>
                    <a:pt x="396240" y="4572"/>
                  </a:lnTo>
                  <a:lnTo>
                    <a:pt x="400812" y="4572"/>
                  </a:lnTo>
                  <a:lnTo>
                    <a:pt x="400812" y="0"/>
                  </a:lnTo>
                  <a:close/>
                </a:path>
                <a:path w="475615" h="5079">
                  <a:moveTo>
                    <a:pt x="406908" y="0"/>
                  </a:moveTo>
                  <a:lnTo>
                    <a:pt x="403860" y="0"/>
                  </a:lnTo>
                  <a:lnTo>
                    <a:pt x="403860" y="4572"/>
                  </a:lnTo>
                  <a:lnTo>
                    <a:pt x="406908" y="4572"/>
                  </a:lnTo>
                  <a:lnTo>
                    <a:pt x="406908" y="0"/>
                  </a:lnTo>
                  <a:close/>
                </a:path>
                <a:path w="475615" h="5079">
                  <a:moveTo>
                    <a:pt x="414528" y="0"/>
                  </a:moveTo>
                  <a:lnTo>
                    <a:pt x="409956" y="0"/>
                  </a:lnTo>
                  <a:lnTo>
                    <a:pt x="409956" y="4572"/>
                  </a:lnTo>
                  <a:lnTo>
                    <a:pt x="414528" y="4572"/>
                  </a:lnTo>
                  <a:lnTo>
                    <a:pt x="414528" y="0"/>
                  </a:lnTo>
                  <a:close/>
                </a:path>
                <a:path w="475615" h="5079">
                  <a:moveTo>
                    <a:pt x="420624" y="0"/>
                  </a:moveTo>
                  <a:lnTo>
                    <a:pt x="417576" y="0"/>
                  </a:lnTo>
                  <a:lnTo>
                    <a:pt x="417576" y="4572"/>
                  </a:lnTo>
                  <a:lnTo>
                    <a:pt x="420624" y="4572"/>
                  </a:lnTo>
                  <a:lnTo>
                    <a:pt x="420624" y="0"/>
                  </a:lnTo>
                  <a:close/>
                </a:path>
                <a:path w="475615" h="5079">
                  <a:moveTo>
                    <a:pt x="428244" y="0"/>
                  </a:moveTo>
                  <a:lnTo>
                    <a:pt x="423672" y="0"/>
                  </a:lnTo>
                  <a:lnTo>
                    <a:pt x="423672" y="4572"/>
                  </a:lnTo>
                  <a:lnTo>
                    <a:pt x="428244" y="4572"/>
                  </a:lnTo>
                  <a:lnTo>
                    <a:pt x="428244" y="0"/>
                  </a:lnTo>
                  <a:close/>
                </a:path>
                <a:path w="475615" h="5079">
                  <a:moveTo>
                    <a:pt x="434340" y="0"/>
                  </a:moveTo>
                  <a:lnTo>
                    <a:pt x="431292" y="0"/>
                  </a:lnTo>
                  <a:lnTo>
                    <a:pt x="431292" y="4572"/>
                  </a:lnTo>
                  <a:lnTo>
                    <a:pt x="434340" y="4572"/>
                  </a:lnTo>
                  <a:lnTo>
                    <a:pt x="434340" y="0"/>
                  </a:lnTo>
                  <a:close/>
                </a:path>
                <a:path w="475615" h="5079">
                  <a:moveTo>
                    <a:pt x="441960" y="0"/>
                  </a:moveTo>
                  <a:lnTo>
                    <a:pt x="437388" y="0"/>
                  </a:lnTo>
                  <a:lnTo>
                    <a:pt x="437388" y="4572"/>
                  </a:lnTo>
                  <a:lnTo>
                    <a:pt x="441960" y="4572"/>
                  </a:lnTo>
                  <a:lnTo>
                    <a:pt x="441960" y="0"/>
                  </a:lnTo>
                  <a:close/>
                </a:path>
                <a:path w="475615" h="5079">
                  <a:moveTo>
                    <a:pt x="448056" y="0"/>
                  </a:moveTo>
                  <a:lnTo>
                    <a:pt x="445008" y="0"/>
                  </a:lnTo>
                  <a:lnTo>
                    <a:pt x="445008" y="4572"/>
                  </a:lnTo>
                  <a:lnTo>
                    <a:pt x="448056" y="4572"/>
                  </a:lnTo>
                  <a:lnTo>
                    <a:pt x="448056" y="0"/>
                  </a:lnTo>
                  <a:close/>
                </a:path>
                <a:path w="475615" h="5079">
                  <a:moveTo>
                    <a:pt x="455676" y="0"/>
                  </a:moveTo>
                  <a:lnTo>
                    <a:pt x="451104" y="0"/>
                  </a:lnTo>
                  <a:lnTo>
                    <a:pt x="451104" y="4572"/>
                  </a:lnTo>
                  <a:lnTo>
                    <a:pt x="455676" y="4572"/>
                  </a:lnTo>
                  <a:lnTo>
                    <a:pt x="455676" y="0"/>
                  </a:lnTo>
                  <a:close/>
                </a:path>
                <a:path w="475615" h="5079">
                  <a:moveTo>
                    <a:pt x="461772" y="0"/>
                  </a:moveTo>
                  <a:lnTo>
                    <a:pt x="458724" y="0"/>
                  </a:lnTo>
                  <a:lnTo>
                    <a:pt x="458724" y="4572"/>
                  </a:lnTo>
                  <a:lnTo>
                    <a:pt x="461772" y="4572"/>
                  </a:lnTo>
                  <a:lnTo>
                    <a:pt x="461772" y="0"/>
                  </a:lnTo>
                  <a:close/>
                </a:path>
                <a:path w="475615" h="5079">
                  <a:moveTo>
                    <a:pt x="469392" y="0"/>
                  </a:moveTo>
                  <a:lnTo>
                    <a:pt x="464820" y="0"/>
                  </a:lnTo>
                  <a:lnTo>
                    <a:pt x="464820" y="4572"/>
                  </a:lnTo>
                  <a:lnTo>
                    <a:pt x="469392" y="4572"/>
                  </a:lnTo>
                  <a:lnTo>
                    <a:pt x="469392" y="0"/>
                  </a:lnTo>
                  <a:close/>
                </a:path>
                <a:path w="475615" h="5079">
                  <a:moveTo>
                    <a:pt x="475488" y="0"/>
                  </a:moveTo>
                  <a:lnTo>
                    <a:pt x="472440" y="0"/>
                  </a:lnTo>
                  <a:lnTo>
                    <a:pt x="472440" y="4572"/>
                  </a:lnTo>
                  <a:lnTo>
                    <a:pt x="475488" y="4572"/>
                  </a:lnTo>
                  <a:lnTo>
                    <a:pt x="475488" y="0"/>
                  </a:lnTo>
                  <a:close/>
                </a:path>
              </a:pathLst>
            </a:custGeom>
            <a:solidFill>
              <a:srgbClr val="D8D8D8"/>
            </a:solidFill>
          </p:spPr>
          <p:txBody>
            <a:bodyPr wrap="square" lIns="0" tIns="0" rIns="0" bIns="0" rtlCol="0"/>
            <a:lstStyle/>
            <a:p>
              <a:endParaRPr sz="1539"/>
            </a:p>
          </p:txBody>
        </p:sp>
        <p:sp>
          <p:nvSpPr>
            <p:cNvPr id="69" name="object 69"/>
            <p:cNvSpPr/>
            <p:nvPr/>
          </p:nvSpPr>
          <p:spPr>
            <a:xfrm>
              <a:off x="1085087" y="3963162"/>
              <a:ext cx="551815" cy="0"/>
            </a:xfrm>
            <a:custGeom>
              <a:avLst/>
              <a:gdLst/>
              <a:ahLst/>
              <a:cxnLst/>
              <a:rect l="l" t="t" r="r" b="b"/>
              <a:pathLst>
                <a:path w="551814">
                  <a:moveTo>
                    <a:pt x="0" y="0"/>
                  </a:moveTo>
                  <a:lnTo>
                    <a:pt x="126492" y="0"/>
                  </a:lnTo>
                </a:path>
                <a:path w="551814">
                  <a:moveTo>
                    <a:pt x="297180" y="0"/>
                  </a:moveTo>
                  <a:lnTo>
                    <a:pt x="551688" y="0"/>
                  </a:lnTo>
                </a:path>
              </a:pathLst>
            </a:custGeom>
            <a:ln w="4572">
              <a:solidFill>
                <a:srgbClr val="D8D8D8"/>
              </a:solidFill>
              <a:prstDash val="sysDot"/>
            </a:ln>
          </p:spPr>
          <p:txBody>
            <a:bodyPr wrap="square" lIns="0" tIns="0" rIns="0" bIns="0" rtlCol="0"/>
            <a:lstStyle/>
            <a:p>
              <a:endParaRPr sz="1539"/>
            </a:p>
          </p:txBody>
        </p:sp>
        <p:sp>
          <p:nvSpPr>
            <p:cNvPr id="70" name="object 70"/>
            <p:cNvSpPr/>
            <p:nvPr/>
          </p:nvSpPr>
          <p:spPr>
            <a:xfrm>
              <a:off x="1812036" y="3960875"/>
              <a:ext cx="647700" cy="5080"/>
            </a:xfrm>
            <a:custGeom>
              <a:avLst/>
              <a:gdLst/>
              <a:ahLst/>
              <a:cxnLst/>
              <a:rect l="l" t="t" r="r" b="b"/>
              <a:pathLst>
                <a:path w="647700" h="5079">
                  <a:moveTo>
                    <a:pt x="3048" y="0"/>
                  </a:moveTo>
                  <a:lnTo>
                    <a:pt x="0" y="0"/>
                  </a:lnTo>
                  <a:lnTo>
                    <a:pt x="0" y="4572"/>
                  </a:lnTo>
                  <a:lnTo>
                    <a:pt x="3048" y="4572"/>
                  </a:lnTo>
                  <a:lnTo>
                    <a:pt x="3048" y="0"/>
                  </a:lnTo>
                  <a:close/>
                </a:path>
                <a:path w="647700" h="5079">
                  <a:moveTo>
                    <a:pt x="9144" y="0"/>
                  </a:moveTo>
                  <a:lnTo>
                    <a:pt x="6096" y="0"/>
                  </a:lnTo>
                  <a:lnTo>
                    <a:pt x="6096" y="4572"/>
                  </a:lnTo>
                  <a:lnTo>
                    <a:pt x="9144" y="4572"/>
                  </a:lnTo>
                  <a:lnTo>
                    <a:pt x="9144" y="0"/>
                  </a:lnTo>
                  <a:close/>
                </a:path>
                <a:path w="647700" h="5079">
                  <a:moveTo>
                    <a:pt x="16764" y="0"/>
                  </a:moveTo>
                  <a:lnTo>
                    <a:pt x="13716" y="0"/>
                  </a:lnTo>
                  <a:lnTo>
                    <a:pt x="13716" y="4572"/>
                  </a:lnTo>
                  <a:lnTo>
                    <a:pt x="16764" y="4572"/>
                  </a:lnTo>
                  <a:lnTo>
                    <a:pt x="16764" y="0"/>
                  </a:lnTo>
                  <a:close/>
                </a:path>
                <a:path w="647700" h="5079">
                  <a:moveTo>
                    <a:pt x="22860" y="0"/>
                  </a:moveTo>
                  <a:lnTo>
                    <a:pt x="19812" y="0"/>
                  </a:lnTo>
                  <a:lnTo>
                    <a:pt x="19812" y="4572"/>
                  </a:lnTo>
                  <a:lnTo>
                    <a:pt x="22860" y="4572"/>
                  </a:lnTo>
                  <a:lnTo>
                    <a:pt x="22860" y="0"/>
                  </a:lnTo>
                  <a:close/>
                </a:path>
                <a:path w="647700" h="5079">
                  <a:moveTo>
                    <a:pt x="30480" y="0"/>
                  </a:moveTo>
                  <a:lnTo>
                    <a:pt x="27432" y="0"/>
                  </a:lnTo>
                  <a:lnTo>
                    <a:pt x="27432" y="4572"/>
                  </a:lnTo>
                  <a:lnTo>
                    <a:pt x="30480" y="4572"/>
                  </a:lnTo>
                  <a:lnTo>
                    <a:pt x="30480" y="0"/>
                  </a:lnTo>
                  <a:close/>
                </a:path>
                <a:path w="647700" h="5079">
                  <a:moveTo>
                    <a:pt x="36576" y="0"/>
                  </a:moveTo>
                  <a:lnTo>
                    <a:pt x="33528" y="0"/>
                  </a:lnTo>
                  <a:lnTo>
                    <a:pt x="33528" y="4572"/>
                  </a:lnTo>
                  <a:lnTo>
                    <a:pt x="36576" y="4572"/>
                  </a:lnTo>
                  <a:lnTo>
                    <a:pt x="36576" y="0"/>
                  </a:lnTo>
                  <a:close/>
                </a:path>
                <a:path w="647700" h="5079">
                  <a:moveTo>
                    <a:pt x="44196" y="0"/>
                  </a:moveTo>
                  <a:lnTo>
                    <a:pt x="41148" y="0"/>
                  </a:lnTo>
                  <a:lnTo>
                    <a:pt x="41148" y="4572"/>
                  </a:lnTo>
                  <a:lnTo>
                    <a:pt x="44196" y="4572"/>
                  </a:lnTo>
                  <a:lnTo>
                    <a:pt x="44196" y="0"/>
                  </a:lnTo>
                  <a:close/>
                </a:path>
                <a:path w="647700" h="5079">
                  <a:moveTo>
                    <a:pt x="50292" y="0"/>
                  </a:moveTo>
                  <a:lnTo>
                    <a:pt x="47244" y="0"/>
                  </a:lnTo>
                  <a:lnTo>
                    <a:pt x="47244" y="4572"/>
                  </a:lnTo>
                  <a:lnTo>
                    <a:pt x="50292" y="4572"/>
                  </a:lnTo>
                  <a:lnTo>
                    <a:pt x="50292" y="0"/>
                  </a:lnTo>
                  <a:close/>
                </a:path>
                <a:path w="647700" h="5079">
                  <a:moveTo>
                    <a:pt x="57912" y="0"/>
                  </a:moveTo>
                  <a:lnTo>
                    <a:pt x="54864" y="0"/>
                  </a:lnTo>
                  <a:lnTo>
                    <a:pt x="54864" y="4572"/>
                  </a:lnTo>
                  <a:lnTo>
                    <a:pt x="57912" y="4572"/>
                  </a:lnTo>
                  <a:lnTo>
                    <a:pt x="57912" y="0"/>
                  </a:lnTo>
                  <a:close/>
                </a:path>
                <a:path w="647700" h="5079">
                  <a:moveTo>
                    <a:pt x="64008" y="0"/>
                  </a:moveTo>
                  <a:lnTo>
                    <a:pt x="60960" y="0"/>
                  </a:lnTo>
                  <a:lnTo>
                    <a:pt x="60960" y="4572"/>
                  </a:lnTo>
                  <a:lnTo>
                    <a:pt x="64008" y="4572"/>
                  </a:lnTo>
                  <a:lnTo>
                    <a:pt x="64008" y="0"/>
                  </a:lnTo>
                  <a:close/>
                </a:path>
                <a:path w="647700" h="5079">
                  <a:moveTo>
                    <a:pt x="71628" y="0"/>
                  </a:moveTo>
                  <a:lnTo>
                    <a:pt x="68580" y="0"/>
                  </a:lnTo>
                  <a:lnTo>
                    <a:pt x="68580" y="4572"/>
                  </a:lnTo>
                  <a:lnTo>
                    <a:pt x="71628" y="4572"/>
                  </a:lnTo>
                  <a:lnTo>
                    <a:pt x="71628" y="0"/>
                  </a:lnTo>
                  <a:close/>
                </a:path>
                <a:path w="647700" h="5079">
                  <a:moveTo>
                    <a:pt x="77724" y="0"/>
                  </a:moveTo>
                  <a:lnTo>
                    <a:pt x="74676" y="0"/>
                  </a:lnTo>
                  <a:lnTo>
                    <a:pt x="74676" y="4572"/>
                  </a:lnTo>
                  <a:lnTo>
                    <a:pt x="77724" y="4572"/>
                  </a:lnTo>
                  <a:lnTo>
                    <a:pt x="77724" y="0"/>
                  </a:lnTo>
                  <a:close/>
                </a:path>
                <a:path w="647700" h="5079">
                  <a:moveTo>
                    <a:pt x="85344" y="0"/>
                  </a:moveTo>
                  <a:lnTo>
                    <a:pt x="82296" y="0"/>
                  </a:lnTo>
                  <a:lnTo>
                    <a:pt x="82296" y="4572"/>
                  </a:lnTo>
                  <a:lnTo>
                    <a:pt x="85344" y="4572"/>
                  </a:lnTo>
                  <a:lnTo>
                    <a:pt x="85344" y="0"/>
                  </a:lnTo>
                  <a:close/>
                </a:path>
                <a:path w="647700" h="5079">
                  <a:moveTo>
                    <a:pt x="91440" y="0"/>
                  </a:moveTo>
                  <a:lnTo>
                    <a:pt x="88392" y="0"/>
                  </a:lnTo>
                  <a:lnTo>
                    <a:pt x="88392" y="4572"/>
                  </a:lnTo>
                  <a:lnTo>
                    <a:pt x="91440" y="4572"/>
                  </a:lnTo>
                  <a:lnTo>
                    <a:pt x="91440" y="0"/>
                  </a:lnTo>
                  <a:close/>
                </a:path>
                <a:path w="647700" h="5079">
                  <a:moveTo>
                    <a:pt x="99060" y="0"/>
                  </a:moveTo>
                  <a:lnTo>
                    <a:pt x="96012" y="0"/>
                  </a:lnTo>
                  <a:lnTo>
                    <a:pt x="96012" y="4572"/>
                  </a:lnTo>
                  <a:lnTo>
                    <a:pt x="99060" y="4572"/>
                  </a:lnTo>
                  <a:lnTo>
                    <a:pt x="99060" y="0"/>
                  </a:lnTo>
                  <a:close/>
                </a:path>
                <a:path w="647700" h="5079">
                  <a:moveTo>
                    <a:pt x="105156" y="0"/>
                  </a:moveTo>
                  <a:lnTo>
                    <a:pt x="102108" y="0"/>
                  </a:lnTo>
                  <a:lnTo>
                    <a:pt x="102108" y="4572"/>
                  </a:lnTo>
                  <a:lnTo>
                    <a:pt x="105156" y="4572"/>
                  </a:lnTo>
                  <a:lnTo>
                    <a:pt x="105156" y="0"/>
                  </a:lnTo>
                  <a:close/>
                </a:path>
                <a:path w="647700" h="5079">
                  <a:moveTo>
                    <a:pt x="112776" y="0"/>
                  </a:moveTo>
                  <a:lnTo>
                    <a:pt x="109728" y="0"/>
                  </a:lnTo>
                  <a:lnTo>
                    <a:pt x="109728" y="4572"/>
                  </a:lnTo>
                  <a:lnTo>
                    <a:pt x="112776" y="4572"/>
                  </a:lnTo>
                  <a:lnTo>
                    <a:pt x="112776" y="0"/>
                  </a:lnTo>
                  <a:close/>
                </a:path>
                <a:path w="647700" h="5079">
                  <a:moveTo>
                    <a:pt x="118872" y="0"/>
                  </a:moveTo>
                  <a:lnTo>
                    <a:pt x="115824" y="0"/>
                  </a:lnTo>
                  <a:lnTo>
                    <a:pt x="115824" y="4572"/>
                  </a:lnTo>
                  <a:lnTo>
                    <a:pt x="118872" y="4572"/>
                  </a:lnTo>
                  <a:lnTo>
                    <a:pt x="118872" y="0"/>
                  </a:lnTo>
                  <a:close/>
                </a:path>
                <a:path w="647700" h="5079">
                  <a:moveTo>
                    <a:pt x="126492" y="0"/>
                  </a:moveTo>
                  <a:lnTo>
                    <a:pt x="123444" y="0"/>
                  </a:lnTo>
                  <a:lnTo>
                    <a:pt x="123444" y="4572"/>
                  </a:lnTo>
                  <a:lnTo>
                    <a:pt x="126492" y="4572"/>
                  </a:lnTo>
                  <a:lnTo>
                    <a:pt x="126492" y="0"/>
                  </a:lnTo>
                  <a:close/>
                </a:path>
                <a:path w="647700" h="5079">
                  <a:moveTo>
                    <a:pt x="132588" y="0"/>
                  </a:moveTo>
                  <a:lnTo>
                    <a:pt x="129540" y="0"/>
                  </a:lnTo>
                  <a:lnTo>
                    <a:pt x="129540" y="4572"/>
                  </a:lnTo>
                  <a:lnTo>
                    <a:pt x="132588" y="4572"/>
                  </a:lnTo>
                  <a:lnTo>
                    <a:pt x="132588" y="0"/>
                  </a:lnTo>
                  <a:close/>
                </a:path>
                <a:path w="647700" h="5079">
                  <a:moveTo>
                    <a:pt x="140208" y="0"/>
                  </a:moveTo>
                  <a:lnTo>
                    <a:pt x="137160" y="0"/>
                  </a:lnTo>
                  <a:lnTo>
                    <a:pt x="137160" y="4572"/>
                  </a:lnTo>
                  <a:lnTo>
                    <a:pt x="140208" y="4572"/>
                  </a:lnTo>
                  <a:lnTo>
                    <a:pt x="140208" y="0"/>
                  </a:lnTo>
                  <a:close/>
                </a:path>
                <a:path w="647700" h="5079">
                  <a:moveTo>
                    <a:pt x="146304" y="0"/>
                  </a:moveTo>
                  <a:lnTo>
                    <a:pt x="143256" y="0"/>
                  </a:lnTo>
                  <a:lnTo>
                    <a:pt x="143256" y="4572"/>
                  </a:lnTo>
                  <a:lnTo>
                    <a:pt x="146304" y="4572"/>
                  </a:lnTo>
                  <a:lnTo>
                    <a:pt x="146304" y="0"/>
                  </a:lnTo>
                  <a:close/>
                </a:path>
                <a:path w="647700" h="5079">
                  <a:moveTo>
                    <a:pt x="153924" y="0"/>
                  </a:moveTo>
                  <a:lnTo>
                    <a:pt x="150876" y="0"/>
                  </a:lnTo>
                  <a:lnTo>
                    <a:pt x="150876" y="4572"/>
                  </a:lnTo>
                  <a:lnTo>
                    <a:pt x="153924" y="4572"/>
                  </a:lnTo>
                  <a:lnTo>
                    <a:pt x="153924" y="0"/>
                  </a:lnTo>
                  <a:close/>
                </a:path>
                <a:path w="647700" h="5079">
                  <a:moveTo>
                    <a:pt x="160020" y="0"/>
                  </a:moveTo>
                  <a:lnTo>
                    <a:pt x="156972" y="0"/>
                  </a:lnTo>
                  <a:lnTo>
                    <a:pt x="156972" y="4572"/>
                  </a:lnTo>
                  <a:lnTo>
                    <a:pt x="160020" y="4572"/>
                  </a:lnTo>
                  <a:lnTo>
                    <a:pt x="160020" y="0"/>
                  </a:lnTo>
                  <a:close/>
                </a:path>
                <a:path w="647700" h="5079">
                  <a:moveTo>
                    <a:pt x="167640" y="0"/>
                  </a:moveTo>
                  <a:lnTo>
                    <a:pt x="164592" y="0"/>
                  </a:lnTo>
                  <a:lnTo>
                    <a:pt x="164592" y="4572"/>
                  </a:lnTo>
                  <a:lnTo>
                    <a:pt x="167640" y="4572"/>
                  </a:lnTo>
                  <a:lnTo>
                    <a:pt x="167640" y="0"/>
                  </a:lnTo>
                  <a:close/>
                </a:path>
                <a:path w="647700" h="5079">
                  <a:moveTo>
                    <a:pt x="173736" y="0"/>
                  </a:moveTo>
                  <a:lnTo>
                    <a:pt x="170688" y="0"/>
                  </a:lnTo>
                  <a:lnTo>
                    <a:pt x="170688" y="4572"/>
                  </a:lnTo>
                  <a:lnTo>
                    <a:pt x="173736" y="4572"/>
                  </a:lnTo>
                  <a:lnTo>
                    <a:pt x="173736" y="0"/>
                  </a:lnTo>
                  <a:close/>
                </a:path>
                <a:path w="647700" h="5079">
                  <a:moveTo>
                    <a:pt x="181356" y="0"/>
                  </a:moveTo>
                  <a:lnTo>
                    <a:pt x="178308" y="0"/>
                  </a:lnTo>
                  <a:lnTo>
                    <a:pt x="178308" y="4572"/>
                  </a:lnTo>
                  <a:lnTo>
                    <a:pt x="181356" y="4572"/>
                  </a:lnTo>
                  <a:lnTo>
                    <a:pt x="181356" y="0"/>
                  </a:lnTo>
                  <a:close/>
                </a:path>
                <a:path w="647700" h="5079">
                  <a:moveTo>
                    <a:pt x="187452" y="0"/>
                  </a:moveTo>
                  <a:lnTo>
                    <a:pt x="184404" y="0"/>
                  </a:lnTo>
                  <a:lnTo>
                    <a:pt x="184404" y="4572"/>
                  </a:lnTo>
                  <a:lnTo>
                    <a:pt x="187452" y="4572"/>
                  </a:lnTo>
                  <a:lnTo>
                    <a:pt x="187452" y="0"/>
                  </a:lnTo>
                  <a:close/>
                </a:path>
                <a:path w="647700" h="5079">
                  <a:moveTo>
                    <a:pt x="195072" y="0"/>
                  </a:moveTo>
                  <a:lnTo>
                    <a:pt x="192024" y="0"/>
                  </a:lnTo>
                  <a:lnTo>
                    <a:pt x="192024" y="4572"/>
                  </a:lnTo>
                  <a:lnTo>
                    <a:pt x="195072" y="4572"/>
                  </a:lnTo>
                  <a:lnTo>
                    <a:pt x="195072" y="0"/>
                  </a:lnTo>
                  <a:close/>
                </a:path>
                <a:path w="647700" h="5079">
                  <a:moveTo>
                    <a:pt x="201168" y="0"/>
                  </a:moveTo>
                  <a:lnTo>
                    <a:pt x="198120" y="0"/>
                  </a:lnTo>
                  <a:lnTo>
                    <a:pt x="198120" y="4572"/>
                  </a:lnTo>
                  <a:lnTo>
                    <a:pt x="201168" y="4572"/>
                  </a:lnTo>
                  <a:lnTo>
                    <a:pt x="201168" y="0"/>
                  </a:lnTo>
                  <a:close/>
                </a:path>
                <a:path w="647700" h="5079">
                  <a:moveTo>
                    <a:pt x="208788" y="0"/>
                  </a:moveTo>
                  <a:lnTo>
                    <a:pt x="205740" y="0"/>
                  </a:lnTo>
                  <a:lnTo>
                    <a:pt x="205740" y="4572"/>
                  </a:lnTo>
                  <a:lnTo>
                    <a:pt x="208788" y="4572"/>
                  </a:lnTo>
                  <a:lnTo>
                    <a:pt x="208788" y="0"/>
                  </a:lnTo>
                  <a:close/>
                </a:path>
                <a:path w="647700" h="5079">
                  <a:moveTo>
                    <a:pt x="214884" y="0"/>
                  </a:moveTo>
                  <a:lnTo>
                    <a:pt x="211836" y="0"/>
                  </a:lnTo>
                  <a:lnTo>
                    <a:pt x="211836" y="4572"/>
                  </a:lnTo>
                  <a:lnTo>
                    <a:pt x="214884" y="4572"/>
                  </a:lnTo>
                  <a:lnTo>
                    <a:pt x="214884" y="0"/>
                  </a:lnTo>
                  <a:close/>
                </a:path>
                <a:path w="647700" h="5079">
                  <a:moveTo>
                    <a:pt x="222504" y="0"/>
                  </a:moveTo>
                  <a:lnTo>
                    <a:pt x="219456" y="0"/>
                  </a:lnTo>
                  <a:lnTo>
                    <a:pt x="219456" y="4572"/>
                  </a:lnTo>
                  <a:lnTo>
                    <a:pt x="222504" y="4572"/>
                  </a:lnTo>
                  <a:lnTo>
                    <a:pt x="222504" y="0"/>
                  </a:lnTo>
                  <a:close/>
                </a:path>
                <a:path w="647700" h="5079">
                  <a:moveTo>
                    <a:pt x="228600" y="0"/>
                  </a:moveTo>
                  <a:lnTo>
                    <a:pt x="225552" y="0"/>
                  </a:lnTo>
                  <a:lnTo>
                    <a:pt x="225552" y="4572"/>
                  </a:lnTo>
                  <a:lnTo>
                    <a:pt x="228600" y="4572"/>
                  </a:lnTo>
                  <a:lnTo>
                    <a:pt x="228600" y="0"/>
                  </a:lnTo>
                  <a:close/>
                </a:path>
                <a:path w="647700" h="5079">
                  <a:moveTo>
                    <a:pt x="236220" y="0"/>
                  </a:moveTo>
                  <a:lnTo>
                    <a:pt x="233172" y="0"/>
                  </a:lnTo>
                  <a:lnTo>
                    <a:pt x="233172" y="4572"/>
                  </a:lnTo>
                  <a:lnTo>
                    <a:pt x="236220" y="4572"/>
                  </a:lnTo>
                  <a:lnTo>
                    <a:pt x="236220" y="0"/>
                  </a:lnTo>
                  <a:close/>
                </a:path>
                <a:path w="647700" h="5079">
                  <a:moveTo>
                    <a:pt x="242316" y="0"/>
                  </a:moveTo>
                  <a:lnTo>
                    <a:pt x="239268" y="0"/>
                  </a:lnTo>
                  <a:lnTo>
                    <a:pt x="239268" y="4572"/>
                  </a:lnTo>
                  <a:lnTo>
                    <a:pt x="242316" y="4572"/>
                  </a:lnTo>
                  <a:lnTo>
                    <a:pt x="242316" y="0"/>
                  </a:lnTo>
                  <a:close/>
                </a:path>
                <a:path w="647700" h="5079">
                  <a:moveTo>
                    <a:pt x="249936" y="0"/>
                  </a:moveTo>
                  <a:lnTo>
                    <a:pt x="246888" y="0"/>
                  </a:lnTo>
                  <a:lnTo>
                    <a:pt x="246888" y="4572"/>
                  </a:lnTo>
                  <a:lnTo>
                    <a:pt x="249936" y="4572"/>
                  </a:lnTo>
                  <a:lnTo>
                    <a:pt x="249936" y="0"/>
                  </a:lnTo>
                  <a:close/>
                </a:path>
                <a:path w="647700" h="5079">
                  <a:moveTo>
                    <a:pt x="420624" y="0"/>
                  </a:moveTo>
                  <a:lnTo>
                    <a:pt x="419100" y="0"/>
                  </a:lnTo>
                  <a:lnTo>
                    <a:pt x="419100" y="4572"/>
                  </a:lnTo>
                  <a:lnTo>
                    <a:pt x="420624" y="4572"/>
                  </a:lnTo>
                  <a:lnTo>
                    <a:pt x="420624" y="0"/>
                  </a:lnTo>
                  <a:close/>
                </a:path>
                <a:path w="647700" h="5079">
                  <a:moveTo>
                    <a:pt x="428244" y="0"/>
                  </a:moveTo>
                  <a:lnTo>
                    <a:pt x="425196" y="0"/>
                  </a:lnTo>
                  <a:lnTo>
                    <a:pt x="425196" y="4572"/>
                  </a:lnTo>
                  <a:lnTo>
                    <a:pt x="428244" y="4572"/>
                  </a:lnTo>
                  <a:lnTo>
                    <a:pt x="428244" y="0"/>
                  </a:lnTo>
                  <a:close/>
                </a:path>
                <a:path w="647700" h="5079">
                  <a:moveTo>
                    <a:pt x="434340" y="0"/>
                  </a:moveTo>
                  <a:lnTo>
                    <a:pt x="431292" y="0"/>
                  </a:lnTo>
                  <a:lnTo>
                    <a:pt x="431292" y="4572"/>
                  </a:lnTo>
                  <a:lnTo>
                    <a:pt x="434340" y="4572"/>
                  </a:lnTo>
                  <a:lnTo>
                    <a:pt x="434340" y="0"/>
                  </a:lnTo>
                  <a:close/>
                </a:path>
                <a:path w="647700" h="5079">
                  <a:moveTo>
                    <a:pt x="441960" y="0"/>
                  </a:moveTo>
                  <a:lnTo>
                    <a:pt x="438912" y="0"/>
                  </a:lnTo>
                  <a:lnTo>
                    <a:pt x="438912" y="4572"/>
                  </a:lnTo>
                  <a:lnTo>
                    <a:pt x="441960" y="4572"/>
                  </a:lnTo>
                  <a:lnTo>
                    <a:pt x="441960" y="0"/>
                  </a:lnTo>
                  <a:close/>
                </a:path>
                <a:path w="647700" h="5079">
                  <a:moveTo>
                    <a:pt x="448056" y="0"/>
                  </a:moveTo>
                  <a:lnTo>
                    <a:pt x="445008" y="0"/>
                  </a:lnTo>
                  <a:lnTo>
                    <a:pt x="445008" y="4572"/>
                  </a:lnTo>
                  <a:lnTo>
                    <a:pt x="448056" y="4572"/>
                  </a:lnTo>
                  <a:lnTo>
                    <a:pt x="448056" y="0"/>
                  </a:lnTo>
                  <a:close/>
                </a:path>
                <a:path w="647700" h="5079">
                  <a:moveTo>
                    <a:pt x="455676" y="0"/>
                  </a:moveTo>
                  <a:lnTo>
                    <a:pt x="452628" y="0"/>
                  </a:lnTo>
                  <a:lnTo>
                    <a:pt x="452628" y="4572"/>
                  </a:lnTo>
                  <a:lnTo>
                    <a:pt x="455676" y="4572"/>
                  </a:lnTo>
                  <a:lnTo>
                    <a:pt x="455676" y="0"/>
                  </a:lnTo>
                  <a:close/>
                </a:path>
                <a:path w="647700" h="5079">
                  <a:moveTo>
                    <a:pt x="461772" y="0"/>
                  </a:moveTo>
                  <a:lnTo>
                    <a:pt x="458724" y="0"/>
                  </a:lnTo>
                  <a:lnTo>
                    <a:pt x="458724" y="4572"/>
                  </a:lnTo>
                  <a:lnTo>
                    <a:pt x="461772" y="4572"/>
                  </a:lnTo>
                  <a:lnTo>
                    <a:pt x="461772" y="0"/>
                  </a:lnTo>
                  <a:close/>
                </a:path>
                <a:path w="647700" h="5079">
                  <a:moveTo>
                    <a:pt x="469392" y="0"/>
                  </a:moveTo>
                  <a:lnTo>
                    <a:pt x="466344" y="0"/>
                  </a:lnTo>
                  <a:lnTo>
                    <a:pt x="466344" y="4572"/>
                  </a:lnTo>
                  <a:lnTo>
                    <a:pt x="469392" y="4572"/>
                  </a:lnTo>
                  <a:lnTo>
                    <a:pt x="469392" y="0"/>
                  </a:lnTo>
                  <a:close/>
                </a:path>
                <a:path w="647700" h="5079">
                  <a:moveTo>
                    <a:pt x="475488" y="0"/>
                  </a:moveTo>
                  <a:lnTo>
                    <a:pt x="472440" y="0"/>
                  </a:lnTo>
                  <a:lnTo>
                    <a:pt x="472440" y="4572"/>
                  </a:lnTo>
                  <a:lnTo>
                    <a:pt x="475488" y="4572"/>
                  </a:lnTo>
                  <a:lnTo>
                    <a:pt x="475488" y="0"/>
                  </a:lnTo>
                  <a:close/>
                </a:path>
                <a:path w="647700" h="5079">
                  <a:moveTo>
                    <a:pt x="483108" y="0"/>
                  </a:moveTo>
                  <a:lnTo>
                    <a:pt x="480060" y="0"/>
                  </a:lnTo>
                  <a:lnTo>
                    <a:pt x="480060" y="4572"/>
                  </a:lnTo>
                  <a:lnTo>
                    <a:pt x="483108" y="4572"/>
                  </a:lnTo>
                  <a:lnTo>
                    <a:pt x="483108" y="0"/>
                  </a:lnTo>
                  <a:close/>
                </a:path>
                <a:path w="647700" h="5079">
                  <a:moveTo>
                    <a:pt x="489204" y="0"/>
                  </a:moveTo>
                  <a:lnTo>
                    <a:pt x="486156" y="0"/>
                  </a:lnTo>
                  <a:lnTo>
                    <a:pt x="486156" y="4572"/>
                  </a:lnTo>
                  <a:lnTo>
                    <a:pt x="489204" y="4572"/>
                  </a:lnTo>
                  <a:lnTo>
                    <a:pt x="489204" y="0"/>
                  </a:lnTo>
                  <a:close/>
                </a:path>
                <a:path w="647700" h="5079">
                  <a:moveTo>
                    <a:pt x="496824" y="0"/>
                  </a:moveTo>
                  <a:lnTo>
                    <a:pt x="493776" y="0"/>
                  </a:lnTo>
                  <a:lnTo>
                    <a:pt x="493776" y="4572"/>
                  </a:lnTo>
                  <a:lnTo>
                    <a:pt x="496824" y="4572"/>
                  </a:lnTo>
                  <a:lnTo>
                    <a:pt x="496824" y="0"/>
                  </a:lnTo>
                  <a:close/>
                </a:path>
                <a:path w="647700" h="5079">
                  <a:moveTo>
                    <a:pt x="502920" y="0"/>
                  </a:moveTo>
                  <a:lnTo>
                    <a:pt x="499872" y="0"/>
                  </a:lnTo>
                  <a:lnTo>
                    <a:pt x="499872" y="4572"/>
                  </a:lnTo>
                  <a:lnTo>
                    <a:pt x="502920" y="4572"/>
                  </a:lnTo>
                  <a:lnTo>
                    <a:pt x="502920" y="0"/>
                  </a:lnTo>
                  <a:close/>
                </a:path>
                <a:path w="647700" h="5079">
                  <a:moveTo>
                    <a:pt x="510540" y="0"/>
                  </a:moveTo>
                  <a:lnTo>
                    <a:pt x="505968" y="0"/>
                  </a:lnTo>
                  <a:lnTo>
                    <a:pt x="505968" y="4572"/>
                  </a:lnTo>
                  <a:lnTo>
                    <a:pt x="510540" y="4572"/>
                  </a:lnTo>
                  <a:lnTo>
                    <a:pt x="510540" y="0"/>
                  </a:lnTo>
                  <a:close/>
                </a:path>
                <a:path w="647700" h="5079">
                  <a:moveTo>
                    <a:pt x="516636" y="0"/>
                  </a:moveTo>
                  <a:lnTo>
                    <a:pt x="513588" y="0"/>
                  </a:lnTo>
                  <a:lnTo>
                    <a:pt x="513588" y="4572"/>
                  </a:lnTo>
                  <a:lnTo>
                    <a:pt x="516636" y="4572"/>
                  </a:lnTo>
                  <a:lnTo>
                    <a:pt x="516636" y="0"/>
                  </a:lnTo>
                  <a:close/>
                </a:path>
                <a:path w="647700" h="5079">
                  <a:moveTo>
                    <a:pt x="524256" y="0"/>
                  </a:moveTo>
                  <a:lnTo>
                    <a:pt x="519684" y="0"/>
                  </a:lnTo>
                  <a:lnTo>
                    <a:pt x="519684" y="4572"/>
                  </a:lnTo>
                  <a:lnTo>
                    <a:pt x="524256" y="4572"/>
                  </a:lnTo>
                  <a:lnTo>
                    <a:pt x="524256" y="0"/>
                  </a:lnTo>
                  <a:close/>
                </a:path>
                <a:path w="647700" h="5079">
                  <a:moveTo>
                    <a:pt x="530352" y="0"/>
                  </a:moveTo>
                  <a:lnTo>
                    <a:pt x="527304" y="0"/>
                  </a:lnTo>
                  <a:lnTo>
                    <a:pt x="527304" y="4572"/>
                  </a:lnTo>
                  <a:lnTo>
                    <a:pt x="530352" y="4572"/>
                  </a:lnTo>
                  <a:lnTo>
                    <a:pt x="530352" y="0"/>
                  </a:lnTo>
                  <a:close/>
                </a:path>
                <a:path w="647700" h="5079">
                  <a:moveTo>
                    <a:pt x="537972" y="0"/>
                  </a:moveTo>
                  <a:lnTo>
                    <a:pt x="533400" y="0"/>
                  </a:lnTo>
                  <a:lnTo>
                    <a:pt x="533400" y="4572"/>
                  </a:lnTo>
                  <a:lnTo>
                    <a:pt x="537972" y="4572"/>
                  </a:lnTo>
                  <a:lnTo>
                    <a:pt x="537972" y="0"/>
                  </a:lnTo>
                  <a:close/>
                </a:path>
                <a:path w="647700" h="5079">
                  <a:moveTo>
                    <a:pt x="544068" y="0"/>
                  </a:moveTo>
                  <a:lnTo>
                    <a:pt x="541020" y="0"/>
                  </a:lnTo>
                  <a:lnTo>
                    <a:pt x="541020" y="4572"/>
                  </a:lnTo>
                  <a:lnTo>
                    <a:pt x="544068" y="4572"/>
                  </a:lnTo>
                  <a:lnTo>
                    <a:pt x="544068" y="0"/>
                  </a:lnTo>
                  <a:close/>
                </a:path>
                <a:path w="647700" h="5079">
                  <a:moveTo>
                    <a:pt x="551688" y="0"/>
                  </a:moveTo>
                  <a:lnTo>
                    <a:pt x="547116" y="0"/>
                  </a:lnTo>
                  <a:lnTo>
                    <a:pt x="547116" y="4572"/>
                  </a:lnTo>
                  <a:lnTo>
                    <a:pt x="551688" y="4572"/>
                  </a:lnTo>
                  <a:lnTo>
                    <a:pt x="551688" y="0"/>
                  </a:lnTo>
                  <a:close/>
                </a:path>
                <a:path w="647700" h="5079">
                  <a:moveTo>
                    <a:pt x="557784" y="0"/>
                  </a:moveTo>
                  <a:lnTo>
                    <a:pt x="554736" y="0"/>
                  </a:lnTo>
                  <a:lnTo>
                    <a:pt x="554736" y="4572"/>
                  </a:lnTo>
                  <a:lnTo>
                    <a:pt x="557784" y="4572"/>
                  </a:lnTo>
                  <a:lnTo>
                    <a:pt x="557784" y="0"/>
                  </a:lnTo>
                  <a:close/>
                </a:path>
                <a:path w="647700" h="5079">
                  <a:moveTo>
                    <a:pt x="565404" y="0"/>
                  </a:moveTo>
                  <a:lnTo>
                    <a:pt x="560832" y="0"/>
                  </a:lnTo>
                  <a:lnTo>
                    <a:pt x="560832" y="4572"/>
                  </a:lnTo>
                  <a:lnTo>
                    <a:pt x="565404" y="4572"/>
                  </a:lnTo>
                  <a:lnTo>
                    <a:pt x="565404" y="0"/>
                  </a:lnTo>
                  <a:close/>
                </a:path>
                <a:path w="647700" h="5079">
                  <a:moveTo>
                    <a:pt x="571500" y="0"/>
                  </a:moveTo>
                  <a:lnTo>
                    <a:pt x="568452" y="0"/>
                  </a:lnTo>
                  <a:lnTo>
                    <a:pt x="568452" y="4572"/>
                  </a:lnTo>
                  <a:lnTo>
                    <a:pt x="571500" y="4572"/>
                  </a:lnTo>
                  <a:lnTo>
                    <a:pt x="571500" y="0"/>
                  </a:lnTo>
                  <a:close/>
                </a:path>
                <a:path w="647700" h="5079">
                  <a:moveTo>
                    <a:pt x="579120" y="0"/>
                  </a:moveTo>
                  <a:lnTo>
                    <a:pt x="574548" y="0"/>
                  </a:lnTo>
                  <a:lnTo>
                    <a:pt x="574548" y="4572"/>
                  </a:lnTo>
                  <a:lnTo>
                    <a:pt x="579120" y="4572"/>
                  </a:lnTo>
                  <a:lnTo>
                    <a:pt x="579120" y="0"/>
                  </a:lnTo>
                  <a:close/>
                </a:path>
                <a:path w="647700" h="5079">
                  <a:moveTo>
                    <a:pt x="585216" y="0"/>
                  </a:moveTo>
                  <a:lnTo>
                    <a:pt x="582168" y="0"/>
                  </a:lnTo>
                  <a:lnTo>
                    <a:pt x="582168" y="4572"/>
                  </a:lnTo>
                  <a:lnTo>
                    <a:pt x="585216" y="4572"/>
                  </a:lnTo>
                  <a:lnTo>
                    <a:pt x="585216" y="0"/>
                  </a:lnTo>
                  <a:close/>
                </a:path>
                <a:path w="647700" h="5079">
                  <a:moveTo>
                    <a:pt x="592836" y="0"/>
                  </a:moveTo>
                  <a:lnTo>
                    <a:pt x="588264" y="0"/>
                  </a:lnTo>
                  <a:lnTo>
                    <a:pt x="588264" y="4572"/>
                  </a:lnTo>
                  <a:lnTo>
                    <a:pt x="592836" y="4572"/>
                  </a:lnTo>
                  <a:lnTo>
                    <a:pt x="592836" y="0"/>
                  </a:lnTo>
                  <a:close/>
                </a:path>
                <a:path w="647700" h="5079">
                  <a:moveTo>
                    <a:pt x="598932" y="0"/>
                  </a:moveTo>
                  <a:lnTo>
                    <a:pt x="595884" y="0"/>
                  </a:lnTo>
                  <a:lnTo>
                    <a:pt x="595884" y="4572"/>
                  </a:lnTo>
                  <a:lnTo>
                    <a:pt x="598932" y="4572"/>
                  </a:lnTo>
                  <a:lnTo>
                    <a:pt x="598932" y="0"/>
                  </a:lnTo>
                  <a:close/>
                </a:path>
                <a:path w="647700" h="5079">
                  <a:moveTo>
                    <a:pt x="606552" y="0"/>
                  </a:moveTo>
                  <a:lnTo>
                    <a:pt x="601980" y="0"/>
                  </a:lnTo>
                  <a:lnTo>
                    <a:pt x="601980" y="4572"/>
                  </a:lnTo>
                  <a:lnTo>
                    <a:pt x="606552" y="4572"/>
                  </a:lnTo>
                  <a:lnTo>
                    <a:pt x="606552" y="0"/>
                  </a:lnTo>
                  <a:close/>
                </a:path>
                <a:path w="647700" h="5079">
                  <a:moveTo>
                    <a:pt x="612648" y="0"/>
                  </a:moveTo>
                  <a:lnTo>
                    <a:pt x="609600" y="0"/>
                  </a:lnTo>
                  <a:lnTo>
                    <a:pt x="609600" y="4572"/>
                  </a:lnTo>
                  <a:lnTo>
                    <a:pt x="612648" y="4572"/>
                  </a:lnTo>
                  <a:lnTo>
                    <a:pt x="612648" y="0"/>
                  </a:lnTo>
                  <a:close/>
                </a:path>
                <a:path w="647700" h="5079">
                  <a:moveTo>
                    <a:pt x="620268" y="0"/>
                  </a:moveTo>
                  <a:lnTo>
                    <a:pt x="615696" y="0"/>
                  </a:lnTo>
                  <a:lnTo>
                    <a:pt x="615696" y="4572"/>
                  </a:lnTo>
                  <a:lnTo>
                    <a:pt x="620268" y="4572"/>
                  </a:lnTo>
                  <a:lnTo>
                    <a:pt x="620268" y="0"/>
                  </a:lnTo>
                  <a:close/>
                </a:path>
                <a:path w="647700" h="5079">
                  <a:moveTo>
                    <a:pt x="626364" y="0"/>
                  </a:moveTo>
                  <a:lnTo>
                    <a:pt x="623316" y="0"/>
                  </a:lnTo>
                  <a:lnTo>
                    <a:pt x="623316" y="4572"/>
                  </a:lnTo>
                  <a:lnTo>
                    <a:pt x="626364" y="4572"/>
                  </a:lnTo>
                  <a:lnTo>
                    <a:pt x="626364" y="0"/>
                  </a:lnTo>
                  <a:close/>
                </a:path>
                <a:path w="647700" h="5079">
                  <a:moveTo>
                    <a:pt x="633984" y="0"/>
                  </a:moveTo>
                  <a:lnTo>
                    <a:pt x="629412" y="0"/>
                  </a:lnTo>
                  <a:lnTo>
                    <a:pt x="629412" y="4572"/>
                  </a:lnTo>
                  <a:lnTo>
                    <a:pt x="633984" y="4572"/>
                  </a:lnTo>
                  <a:lnTo>
                    <a:pt x="633984" y="0"/>
                  </a:lnTo>
                  <a:close/>
                </a:path>
                <a:path w="647700" h="5079">
                  <a:moveTo>
                    <a:pt x="640080" y="0"/>
                  </a:moveTo>
                  <a:lnTo>
                    <a:pt x="637032" y="0"/>
                  </a:lnTo>
                  <a:lnTo>
                    <a:pt x="637032" y="4572"/>
                  </a:lnTo>
                  <a:lnTo>
                    <a:pt x="640080" y="4572"/>
                  </a:lnTo>
                  <a:lnTo>
                    <a:pt x="640080" y="0"/>
                  </a:lnTo>
                  <a:close/>
                </a:path>
                <a:path w="647700" h="5079">
                  <a:moveTo>
                    <a:pt x="647700" y="0"/>
                  </a:moveTo>
                  <a:lnTo>
                    <a:pt x="643128" y="0"/>
                  </a:lnTo>
                  <a:lnTo>
                    <a:pt x="643128" y="4572"/>
                  </a:lnTo>
                  <a:lnTo>
                    <a:pt x="647700" y="4572"/>
                  </a:lnTo>
                  <a:lnTo>
                    <a:pt x="647700" y="0"/>
                  </a:lnTo>
                  <a:close/>
                </a:path>
              </a:pathLst>
            </a:custGeom>
            <a:solidFill>
              <a:srgbClr val="D8D8D8"/>
            </a:solidFill>
          </p:spPr>
          <p:txBody>
            <a:bodyPr wrap="square" lIns="0" tIns="0" rIns="0" bIns="0" rtlCol="0"/>
            <a:lstStyle/>
            <a:p>
              <a:endParaRPr sz="1539"/>
            </a:p>
          </p:txBody>
        </p:sp>
        <p:sp>
          <p:nvSpPr>
            <p:cNvPr id="71" name="object 71"/>
            <p:cNvSpPr/>
            <p:nvPr/>
          </p:nvSpPr>
          <p:spPr>
            <a:xfrm>
              <a:off x="2455164" y="3960875"/>
              <a:ext cx="32384" cy="5080"/>
            </a:xfrm>
            <a:custGeom>
              <a:avLst/>
              <a:gdLst/>
              <a:ahLst/>
              <a:cxnLst/>
              <a:rect l="l" t="t" r="r" b="b"/>
              <a:pathLst>
                <a:path w="32385" h="5079">
                  <a:moveTo>
                    <a:pt x="4572" y="0"/>
                  </a:moveTo>
                  <a:lnTo>
                    <a:pt x="0" y="0"/>
                  </a:lnTo>
                  <a:lnTo>
                    <a:pt x="0" y="4572"/>
                  </a:lnTo>
                  <a:lnTo>
                    <a:pt x="4572" y="4572"/>
                  </a:lnTo>
                  <a:lnTo>
                    <a:pt x="4572" y="0"/>
                  </a:lnTo>
                  <a:close/>
                </a:path>
                <a:path w="32385" h="5079">
                  <a:moveTo>
                    <a:pt x="10668" y="0"/>
                  </a:moveTo>
                  <a:lnTo>
                    <a:pt x="7620" y="0"/>
                  </a:lnTo>
                  <a:lnTo>
                    <a:pt x="7620" y="4572"/>
                  </a:lnTo>
                  <a:lnTo>
                    <a:pt x="10668" y="4572"/>
                  </a:lnTo>
                  <a:lnTo>
                    <a:pt x="10668" y="0"/>
                  </a:lnTo>
                  <a:close/>
                </a:path>
                <a:path w="32385" h="5079">
                  <a:moveTo>
                    <a:pt x="18288" y="0"/>
                  </a:moveTo>
                  <a:lnTo>
                    <a:pt x="13716" y="0"/>
                  </a:lnTo>
                  <a:lnTo>
                    <a:pt x="13716" y="4572"/>
                  </a:lnTo>
                  <a:lnTo>
                    <a:pt x="18288" y="4572"/>
                  </a:lnTo>
                  <a:lnTo>
                    <a:pt x="18288" y="0"/>
                  </a:lnTo>
                  <a:close/>
                </a:path>
                <a:path w="32385" h="5079">
                  <a:moveTo>
                    <a:pt x="24384" y="0"/>
                  </a:moveTo>
                  <a:lnTo>
                    <a:pt x="21336" y="0"/>
                  </a:lnTo>
                  <a:lnTo>
                    <a:pt x="21336" y="4572"/>
                  </a:lnTo>
                  <a:lnTo>
                    <a:pt x="24384" y="4572"/>
                  </a:lnTo>
                  <a:lnTo>
                    <a:pt x="24384" y="0"/>
                  </a:lnTo>
                  <a:close/>
                </a:path>
                <a:path w="32385" h="5079">
                  <a:moveTo>
                    <a:pt x="32004" y="0"/>
                  </a:moveTo>
                  <a:lnTo>
                    <a:pt x="27432" y="0"/>
                  </a:lnTo>
                  <a:lnTo>
                    <a:pt x="27432" y="4572"/>
                  </a:lnTo>
                  <a:lnTo>
                    <a:pt x="32004" y="4572"/>
                  </a:lnTo>
                  <a:lnTo>
                    <a:pt x="32004" y="0"/>
                  </a:lnTo>
                  <a:close/>
                </a:path>
              </a:pathLst>
            </a:custGeom>
            <a:solidFill>
              <a:srgbClr val="D8D8D8"/>
            </a:solidFill>
          </p:spPr>
          <p:txBody>
            <a:bodyPr wrap="square" lIns="0" tIns="0" rIns="0" bIns="0" rtlCol="0"/>
            <a:lstStyle/>
            <a:p>
              <a:endParaRPr sz="1539"/>
            </a:p>
          </p:txBody>
        </p:sp>
        <p:sp>
          <p:nvSpPr>
            <p:cNvPr id="72" name="object 72"/>
            <p:cNvSpPr/>
            <p:nvPr/>
          </p:nvSpPr>
          <p:spPr>
            <a:xfrm>
              <a:off x="2656331" y="3963162"/>
              <a:ext cx="256540" cy="0"/>
            </a:xfrm>
            <a:custGeom>
              <a:avLst/>
              <a:gdLst/>
              <a:ahLst/>
              <a:cxnLst/>
              <a:rect l="l" t="t" r="r" b="b"/>
              <a:pathLst>
                <a:path w="256539">
                  <a:moveTo>
                    <a:pt x="0" y="0"/>
                  </a:moveTo>
                  <a:lnTo>
                    <a:pt x="256031" y="0"/>
                  </a:lnTo>
                </a:path>
              </a:pathLst>
            </a:custGeom>
            <a:ln w="4572">
              <a:solidFill>
                <a:srgbClr val="D8D8D8"/>
              </a:solidFill>
              <a:prstDash val="sysDot"/>
            </a:ln>
          </p:spPr>
          <p:txBody>
            <a:bodyPr wrap="square" lIns="0" tIns="0" rIns="0" bIns="0" rtlCol="0"/>
            <a:lstStyle/>
            <a:p>
              <a:endParaRPr sz="1539"/>
            </a:p>
          </p:txBody>
        </p:sp>
        <p:sp>
          <p:nvSpPr>
            <p:cNvPr id="73" name="object 73"/>
            <p:cNvSpPr/>
            <p:nvPr/>
          </p:nvSpPr>
          <p:spPr>
            <a:xfrm>
              <a:off x="3081528" y="3960875"/>
              <a:ext cx="254635" cy="5080"/>
            </a:xfrm>
            <a:custGeom>
              <a:avLst/>
              <a:gdLst/>
              <a:ahLst/>
              <a:cxnLst/>
              <a:rect l="l" t="t" r="r" b="b"/>
              <a:pathLst>
                <a:path w="254635" h="5079">
                  <a:moveTo>
                    <a:pt x="1524" y="0"/>
                  </a:moveTo>
                  <a:lnTo>
                    <a:pt x="0" y="0"/>
                  </a:lnTo>
                  <a:lnTo>
                    <a:pt x="0" y="4572"/>
                  </a:lnTo>
                  <a:lnTo>
                    <a:pt x="1524" y="4572"/>
                  </a:lnTo>
                  <a:lnTo>
                    <a:pt x="1524" y="0"/>
                  </a:lnTo>
                  <a:close/>
                </a:path>
                <a:path w="254635" h="5079">
                  <a:moveTo>
                    <a:pt x="7620" y="0"/>
                  </a:moveTo>
                  <a:lnTo>
                    <a:pt x="4572" y="0"/>
                  </a:lnTo>
                  <a:lnTo>
                    <a:pt x="4572" y="4572"/>
                  </a:lnTo>
                  <a:lnTo>
                    <a:pt x="7620" y="4572"/>
                  </a:lnTo>
                  <a:lnTo>
                    <a:pt x="7620" y="0"/>
                  </a:lnTo>
                  <a:close/>
                </a:path>
                <a:path w="254635" h="5079">
                  <a:moveTo>
                    <a:pt x="15240" y="0"/>
                  </a:moveTo>
                  <a:lnTo>
                    <a:pt x="12192" y="0"/>
                  </a:lnTo>
                  <a:lnTo>
                    <a:pt x="12192" y="4572"/>
                  </a:lnTo>
                  <a:lnTo>
                    <a:pt x="15240" y="4572"/>
                  </a:lnTo>
                  <a:lnTo>
                    <a:pt x="15240" y="0"/>
                  </a:lnTo>
                  <a:close/>
                </a:path>
                <a:path w="254635" h="5079">
                  <a:moveTo>
                    <a:pt x="21336" y="0"/>
                  </a:moveTo>
                  <a:lnTo>
                    <a:pt x="18288" y="0"/>
                  </a:lnTo>
                  <a:lnTo>
                    <a:pt x="18288" y="4572"/>
                  </a:lnTo>
                  <a:lnTo>
                    <a:pt x="21336" y="4572"/>
                  </a:lnTo>
                  <a:lnTo>
                    <a:pt x="21336" y="0"/>
                  </a:lnTo>
                  <a:close/>
                </a:path>
                <a:path w="254635" h="5079">
                  <a:moveTo>
                    <a:pt x="28956" y="0"/>
                  </a:moveTo>
                  <a:lnTo>
                    <a:pt x="25908" y="0"/>
                  </a:lnTo>
                  <a:lnTo>
                    <a:pt x="25908" y="4572"/>
                  </a:lnTo>
                  <a:lnTo>
                    <a:pt x="28956" y="4572"/>
                  </a:lnTo>
                  <a:lnTo>
                    <a:pt x="28956" y="0"/>
                  </a:lnTo>
                  <a:close/>
                </a:path>
                <a:path w="254635" h="5079">
                  <a:moveTo>
                    <a:pt x="35052" y="0"/>
                  </a:moveTo>
                  <a:lnTo>
                    <a:pt x="32004" y="0"/>
                  </a:lnTo>
                  <a:lnTo>
                    <a:pt x="32004" y="4572"/>
                  </a:lnTo>
                  <a:lnTo>
                    <a:pt x="35052" y="4572"/>
                  </a:lnTo>
                  <a:lnTo>
                    <a:pt x="35052" y="0"/>
                  </a:lnTo>
                  <a:close/>
                </a:path>
                <a:path w="254635" h="5079">
                  <a:moveTo>
                    <a:pt x="42672" y="0"/>
                  </a:moveTo>
                  <a:lnTo>
                    <a:pt x="39624" y="0"/>
                  </a:lnTo>
                  <a:lnTo>
                    <a:pt x="39624" y="4572"/>
                  </a:lnTo>
                  <a:lnTo>
                    <a:pt x="42672" y="4572"/>
                  </a:lnTo>
                  <a:lnTo>
                    <a:pt x="42672" y="0"/>
                  </a:lnTo>
                  <a:close/>
                </a:path>
                <a:path w="254635" h="5079">
                  <a:moveTo>
                    <a:pt x="48768" y="0"/>
                  </a:moveTo>
                  <a:lnTo>
                    <a:pt x="45720" y="0"/>
                  </a:lnTo>
                  <a:lnTo>
                    <a:pt x="45720" y="4572"/>
                  </a:lnTo>
                  <a:lnTo>
                    <a:pt x="48768" y="4572"/>
                  </a:lnTo>
                  <a:lnTo>
                    <a:pt x="48768" y="0"/>
                  </a:lnTo>
                  <a:close/>
                </a:path>
                <a:path w="254635" h="5079">
                  <a:moveTo>
                    <a:pt x="56388" y="0"/>
                  </a:moveTo>
                  <a:lnTo>
                    <a:pt x="53340" y="0"/>
                  </a:lnTo>
                  <a:lnTo>
                    <a:pt x="53340" y="4572"/>
                  </a:lnTo>
                  <a:lnTo>
                    <a:pt x="56388" y="4572"/>
                  </a:lnTo>
                  <a:lnTo>
                    <a:pt x="56388" y="0"/>
                  </a:lnTo>
                  <a:close/>
                </a:path>
                <a:path w="254635" h="5079">
                  <a:moveTo>
                    <a:pt x="62484" y="0"/>
                  </a:moveTo>
                  <a:lnTo>
                    <a:pt x="59436" y="0"/>
                  </a:lnTo>
                  <a:lnTo>
                    <a:pt x="59436" y="4572"/>
                  </a:lnTo>
                  <a:lnTo>
                    <a:pt x="62484" y="4572"/>
                  </a:lnTo>
                  <a:lnTo>
                    <a:pt x="62484" y="0"/>
                  </a:lnTo>
                  <a:close/>
                </a:path>
                <a:path w="254635" h="5079">
                  <a:moveTo>
                    <a:pt x="70104" y="0"/>
                  </a:moveTo>
                  <a:lnTo>
                    <a:pt x="67056" y="0"/>
                  </a:lnTo>
                  <a:lnTo>
                    <a:pt x="67056" y="4572"/>
                  </a:lnTo>
                  <a:lnTo>
                    <a:pt x="70104" y="4572"/>
                  </a:lnTo>
                  <a:lnTo>
                    <a:pt x="70104" y="0"/>
                  </a:lnTo>
                  <a:close/>
                </a:path>
                <a:path w="254635" h="5079">
                  <a:moveTo>
                    <a:pt x="76200" y="0"/>
                  </a:moveTo>
                  <a:lnTo>
                    <a:pt x="73152" y="0"/>
                  </a:lnTo>
                  <a:lnTo>
                    <a:pt x="73152" y="4572"/>
                  </a:lnTo>
                  <a:lnTo>
                    <a:pt x="76200" y="4572"/>
                  </a:lnTo>
                  <a:lnTo>
                    <a:pt x="76200" y="0"/>
                  </a:lnTo>
                  <a:close/>
                </a:path>
                <a:path w="254635" h="5079">
                  <a:moveTo>
                    <a:pt x="83820" y="0"/>
                  </a:moveTo>
                  <a:lnTo>
                    <a:pt x="80772" y="0"/>
                  </a:lnTo>
                  <a:lnTo>
                    <a:pt x="80772" y="4572"/>
                  </a:lnTo>
                  <a:lnTo>
                    <a:pt x="83820" y="4572"/>
                  </a:lnTo>
                  <a:lnTo>
                    <a:pt x="83820" y="0"/>
                  </a:lnTo>
                  <a:close/>
                </a:path>
                <a:path w="254635" h="5079">
                  <a:moveTo>
                    <a:pt x="89916" y="0"/>
                  </a:moveTo>
                  <a:lnTo>
                    <a:pt x="86868" y="0"/>
                  </a:lnTo>
                  <a:lnTo>
                    <a:pt x="86868" y="4572"/>
                  </a:lnTo>
                  <a:lnTo>
                    <a:pt x="89916" y="4572"/>
                  </a:lnTo>
                  <a:lnTo>
                    <a:pt x="89916" y="0"/>
                  </a:lnTo>
                  <a:close/>
                </a:path>
                <a:path w="254635" h="5079">
                  <a:moveTo>
                    <a:pt x="97536" y="0"/>
                  </a:moveTo>
                  <a:lnTo>
                    <a:pt x="94488" y="0"/>
                  </a:lnTo>
                  <a:lnTo>
                    <a:pt x="94488" y="4572"/>
                  </a:lnTo>
                  <a:lnTo>
                    <a:pt x="97536" y="4572"/>
                  </a:lnTo>
                  <a:lnTo>
                    <a:pt x="97536" y="0"/>
                  </a:lnTo>
                  <a:close/>
                </a:path>
                <a:path w="254635" h="5079">
                  <a:moveTo>
                    <a:pt x="103632" y="0"/>
                  </a:moveTo>
                  <a:lnTo>
                    <a:pt x="100584" y="0"/>
                  </a:lnTo>
                  <a:lnTo>
                    <a:pt x="100584" y="4572"/>
                  </a:lnTo>
                  <a:lnTo>
                    <a:pt x="103632" y="4572"/>
                  </a:lnTo>
                  <a:lnTo>
                    <a:pt x="103632" y="0"/>
                  </a:lnTo>
                  <a:close/>
                </a:path>
                <a:path w="254635" h="5079">
                  <a:moveTo>
                    <a:pt x="111252" y="0"/>
                  </a:moveTo>
                  <a:lnTo>
                    <a:pt x="108204" y="0"/>
                  </a:lnTo>
                  <a:lnTo>
                    <a:pt x="108204" y="4572"/>
                  </a:lnTo>
                  <a:lnTo>
                    <a:pt x="111252" y="4572"/>
                  </a:lnTo>
                  <a:lnTo>
                    <a:pt x="111252" y="0"/>
                  </a:lnTo>
                  <a:close/>
                </a:path>
                <a:path w="254635" h="5079">
                  <a:moveTo>
                    <a:pt x="117348" y="0"/>
                  </a:moveTo>
                  <a:lnTo>
                    <a:pt x="114300" y="0"/>
                  </a:lnTo>
                  <a:lnTo>
                    <a:pt x="114300" y="4572"/>
                  </a:lnTo>
                  <a:lnTo>
                    <a:pt x="117348" y="4572"/>
                  </a:lnTo>
                  <a:lnTo>
                    <a:pt x="117348" y="0"/>
                  </a:lnTo>
                  <a:close/>
                </a:path>
                <a:path w="254635" h="5079">
                  <a:moveTo>
                    <a:pt x="124968" y="0"/>
                  </a:moveTo>
                  <a:lnTo>
                    <a:pt x="121920" y="0"/>
                  </a:lnTo>
                  <a:lnTo>
                    <a:pt x="121920" y="4572"/>
                  </a:lnTo>
                  <a:lnTo>
                    <a:pt x="124968" y="4572"/>
                  </a:lnTo>
                  <a:lnTo>
                    <a:pt x="124968" y="0"/>
                  </a:lnTo>
                  <a:close/>
                </a:path>
                <a:path w="254635" h="5079">
                  <a:moveTo>
                    <a:pt x="131064" y="0"/>
                  </a:moveTo>
                  <a:lnTo>
                    <a:pt x="128016" y="0"/>
                  </a:lnTo>
                  <a:lnTo>
                    <a:pt x="128016" y="4572"/>
                  </a:lnTo>
                  <a:lnTo>
                    <a:pt x="131064" y="4572"/>
                  </a:lnTo>
                  <a:lnTo>
                    <a:pt x="131064" y="0"/>
                  </a:lnTo>
                  <a:close/>
                </a:path>
                <a:path w="254635" h="5079">
                  <a:moveTo>
                    <a:pt x="138684" y="0"/>
                  </a:moveTo>
                  <a:lnTo>
                    <a:pt x="135636" y="0"/>
                  </a:lnTo>
                  <a:lnTo>
                    <a:pt x="135636" y="4572"/>
                  </a:lnTo>
                  <a:lnTo>
                    <a:pt x="138684" y="4572"/>
                  </a:lnTo>
                  <a:lnTo>
                    <a:pt x="138684" y="0"/>
                  </a:lnTo>
                  <a:close/>
                </a:path>
                <a:path w="254635" h="5079">
                  <a:moveTo>
                    <a:pt x="144780" y="0"/>
                  </a:moveTo>
                  <a:lnTo>
                    <a:pt x="141732" y="0"/>
                  </a:lnTo>
                  <a:lnTo>
                    <a:pt x="141732" y="4572"/>
                  </a:lnTo>
                  <a:lnTo>
                    <a:pt x="144780" y="4572"/>
                  </a:lnTo>
                  <a:lnTo>
                    <a:pt x="144780" y="0"/>
                  </a:lnTo>
                  <a:close/>
                </a:path>
                <a:path w="254635" h="5079">
                  <a:moveTo>
                    <a:pt x="152400" y="0"/>
                  </a:moveTo>
                  <a:lnTo>
                    <a:pt x="149352" y="0"/>
                  </a:lnTo>
                  <a:lnTo>
                    <a:pt x="149352" y="4572"/>
                  </a:lnTo>
                  <a:lnTo>
                    <a:pt x="152400" y="4572"/>
                  </a:lnTo>
                  <a:lnTo>
                    <a:pt x="152400" y="0"/>
                  </a:lnTo>
                  <a:close/>
                </a:path>
                <a:path w="254635" h="5079">
                  <a:moveTo>
                    <a:pt x="158496" y="0"/>
                  </a:moveTo>
                  <a:lnTo>
                    <a:pt x="155448" y="0"/>
                  </a:lnTo>
                  <a:lnTo>
                    <a:pt x="155448" y="4572"/>
                  </a:lnTo>
                  <a:lnTo>
                    <a:pt x="158496" y="4572"/>
                  </a:lnTo>
                  <a:lnTo>
                    <a:pt x="158496" y="0"/>
                  </a:lnTo>
                  <a:close/>
                </a:path>
                <a:path w="254635" h="5079">
                  <a:moveTo>
                    <a:pt x="166116" y="0"/>
                  </a:moveTo>
                  <a:lnTo>
                    <a:pt x="163068" y="0"/>
                  </a:lnTo>
                  <a:lnTo>
                    <a:pt x="163068" y="4572"/>
                  </a:lnTo>
                  <a:lnTo>
                    <a:pt x="166116" y="4572"/>
                  </a:lnTo>
                  <a:lnTo>
                    <a:pt x="166116" y="0"/>
                  </a:lnTo>
                  <a:close/>
                </a:path>
                <a:path w="254635" h="5079">
                  <a:moveTo>
                    <a:pt x="172212" y="0"/>
                  </a:moveTo>
                  <a:lnTo>
                    <a:pt x="169164" y="0"/>
                  </a:lnTo>
                  <a:lnTo>
                    <a:pt x="169164" y="4572"/>
                  </a:lnTo>
                  <a:lnTo>
                    <a:pt x="172212" y="4572"/>
                  </a:lnTo>
                  <a:lnTo>
                    <a:pt x="172212" y="0"/>
                  </a:lnTo>
                  <a:close/>
                </a:path>
                <a:path w="254635" h="5079">
                  <a:moveTo>
                    <a:pt x="179832" y="0"/>
                  </a:moveTo>
                  <a:lnTo>
                    <a:pt x="176784" y="0"/>
                  </a:lnTo>
                  <a:lnTo>
                    <a:pt x="176784" y="4572"/>
                  </a:lnTo>
                  <a:lnTo>
                    <a:pt x="179832" y="4572"/>
                  </a:lnTo>
                  <a:lnTo>
                    <a:pt x="179832" y="0"/>
                  </a:lnTo>
                  <a:close/>
                </a:path>
                <a:path w="254635" h="5079">
                  <a:moveTo>
                    <a:pt x="185915" y="0"/>
                  </a:moveTo>
                  <a:lnTo>
                    <a:pt x="182880" y="0"/>
                  </a:lnTo>
                  <a:lnTo>
                    <a:pt x="182880" y="4572"/>
                  </a:lnTo>
                  <a:lnTo>
                    <a:pt x="185915" y="4572"/>
                  </a:lnTo>
                  <a:lnTo>
                    <a:pt x="185915" y="0"/>
                  </a:lnTo>
                  <a:close/>
                </a:path>
                <a:path w="254635" h="5079">
                  <a:moveTo>
                    <a:pt x="193548" y="0"/>
                  </a:moveTo>
                  <a:lnTo>
                    <a:pt x="190500" y="0"/>
                  </a:lnTo>
                  <a:lnTo>
                    <a:pt x="190500" y="4572"/>
                  </a:lnTo>
                  <a:lnTo>
                    <a:pt x="193548" y="4572"/>
                  </a:lnTo>
                  <a:lnTo>
                    <a:pt x="193548" y="0"/>
                  </a:lnTo>
                  <a:close/>
                </a:path>
                <a:path w="254635" h="5079">
                  <a:moveTo>
                    <a:pt x="199644" y="0"/>
                  </a:moveTo>
                  <a:lnTo>
                    <a:pt x="196596" y="0"/>
                  </a:lnTo>
                  <a:lnTo>
                    <a:pt x="196596" y="4572"/>
                  </a:lnTo>
                  <a:lnTo>
                    <a:pt x="199644" y="4572"/>
                  </a:lnTo>
                  <a:lnTo>
                    <a:pt x="199644" y="0"/>
                  </a:lnTo>
                  <a:close/>
                </a:path>
                <a:path w="254635" h="5079">
                  <a:moveTo>
                    <a:pt x="207251" y="0"/>
                  </a:moveTo>
                  <a:lnTo>
                    <a:pt x="204216" y="0"/>
                  </a:lnTo>
                  <a:lnTo>
                    <a:pt x="204216" y="4572"/>
                  </a:lnTo>
                  <a:lnTo>
                    <a:pt x="207251" y="4572"/>
                  </a:lnTo>
                  <a:lnTo>
                    <a:pt x="207251" y="0"/>
                  </a:lnTo>
                  <a:close/>
                </a:path>
                <a:path w="254635" h="5079">
                  <a:moveTo>
                    <a:pt x="213360" y="0"/>
                  </a:moveTo>
                  <a:lnTo>
                    <a:pt x="210312" y="0"/>
                  </a:lnTo>
                  <a:lnTo>
                    <a:pt x="210312" y="4572"/>
                  </a:lnTo>
                  <a:lnTo>
                    <a:pt x="213360" y="4572"/>
                  </a:lnTo>
                  <a:lnTo>
                    <a:pt x="213360" y="0"/>
                  </a:lnTo>
                  <a:close/>
                </a:path>
                <a:path w="254635" h="5079">
                  <a:moveTo>
                    <a:pt x="220980" y="0"/>
                  </a:moveTo>
                  <a:lnTo>
                    <a:pt x="217932" y="0"/>
                  </a:lnTo>
                  <a:lnTo>
                    <a:pt x="217932" y="4572"/>
                  </a:lnTo>
                  <a:lnTo>
                    <a:pt x="220980" y="4572"/>
                  </a:lnTo>
                  <a:lnTo>
                    <a:pt x="220980" y="0"/>
                  </a:lnTo>
                  <a:close/>
                </a:path>
                <a:path w="254635" h="5079">
                  <a:moveTo>
                    <a:pt x="227063" y="0"/>
                  </a:moveTo>
                  <a:lnTo>
                    <a:pt x="224015" y="0"/>
                  </a:lnTo>
                  <a:lnTo>
                    <a:pt x="224015" y="4572"/>
                  </a:lnTo>
                  <a:lnTo>
                    <a:pt x="227063" y="4572"/>
                  </a:lnTo>
                  <a:lnTo>
                    <a:pt x="227063" y="0"/>
                  </a:lnTo>
                  <a:close/>
                </a:path>
                <a:path w="254635" h="5079">
                  <a:moveTo>
                    <a:pt x="234696" y="0"/>
                  </a:moveTo>
                  <a:lnTo>
                    <a:pt x="231648" y="0"/>
                  </a:lnTo>
                  <a:lnTo>
                    <a:pt x="231648" y="4572"/>
                  </a:lnTo>
                  <a:lnTo>
                    <a:pt x="234696" y="4572"/>
                  </a:lnTo>
                  <a:lnTo>
                    <a:pt x="234696" y="0"/>
                  </a:lnTo>
                  <a:close/>
                </a:path>
                <a:path w="254635" h="5079">
                  <a:moveTo>
                    <a:pt x="240792" y="0"/>
                  </a:moveTo>
                  <a:lnTo>
                    <a:pt x="237744" y="0"/>
                  </a:lnTo>
                  <a:lnTo>
                    <a:pt x="237744" y="4572"/>
                  </a:lnTo>
                  <a:lnTo>
                    <a:pt x="240792" y="4572"/>
                  </a:lnTo>
                  <a:lnTo>
                    <a:pt x="240792" y="0"/>
                  </a:lnTo>
                  <a:close/>
                </a:path>
                <a:path w="254635" h="5079">
                  <a:moveTo>
                    <a:pt x="248412" y="0"/>
                  </a:moveTo>
                  <a:lnTo>
                    <a:pt x="245351" y="0"/>
                  </a:lnTo>
                  <a:lnTo>
                    <a:pt x="245351" y="4572"/>
                  </a:lnTo>
                  <a:lnTo>
                    <a:pt x="248412" y="4572"/>
                  </a:lnTo>
                  <a:lnTo>
                    <a:pt x="248412" y="0"/>
                  </a:lnTo>
                  <a:close/>
                </a:path>
                <a:path w="254635" h="5079">
                  <a:moveTo>
                    <a:pt x="254508" y="0"/>
                  </a:moveTo>
                  <a:lnTo>
                    <a:pt x="251460" y="0"/>
                  </a:lnTo>
                  <a:lnTo>
                    <a:pt x="251460" y="4572"/>
                  </a:lnTo>
                  <a:lnTo>
                    <a:pt x="254508" y="4572"/>
                  </a:lnTo>
                  <a:lnTo>
                    <a:pt x="254508" y="0"/>
                  </a:lnTo>
                  <a:close/>
                </a:path>
              </a:pathLst>
            </a:custGeom>
            <a:solidFill>
              <a:srgbClr val="D8D8D8"/>
            </a:solidFill>
          </p:spPr>
          <p:txBody>
            <a:bodyPr wrap="square" lIns="0" tIns="0" rIns="0" bIns="0" rtlCol="0"/>
            <a:lstStyle/>
            <a:p>
              <a:endParaRPr sz="1539"/>
            </a:p>
          </p:txBody>
        </p:sp>
        <p:sp>
          <p:nvSpPr>
            <p:cNvPr id="74" name="object 74"/>
            <p:cNvSpPr/>
            <p:nvPr/>
          </p:nvSpPr>
          <p:spPr>
            <a:xfrm>
              <a:off x="3506724" y="3963162"/>
              <a:ext cx="254635" cy="0"/>
            </a:xfrm>
            <a:custGeom>
              <a:avLst/>
              <a:gdLst/>
              <a:ahLst/>
              <a:cxnLst/>
              <a:rect l="l" t="t" r="r" b="b"/>
              <a:pathLst>
                <a:path w="254635">
                  <a:moveTo>
                    <a:pt x="0" y="0"/>
                  </a:moveTo>
                  <a:lnTo>
                    <a:pt x="254508" y="0"/>
                  </a:lnTo>
                </a:path>
              </a:pathLst>
            </a:custGeom>
            <a:ln w="4572">
              <a:solidFill>
                <a:srgbClr val="D8D8D8"/>
              </a:solidFill>
              <a:prstDash val="sysDot"/>
            </a:ln>
          </p:spPr>
          <p:txBody>
            <a:bodyPr wrap="square" lIns="0" tIns="0" rIns="0" bIns="0" rtlCol="0"/>
            <a:lstStyle/>
            <a:p>
              <a:endParaRPr sz="1539"/>
            </a:p>
          </p:txBody>
        </p:sp>
        <p:sp>
          <p:nvSpPr>
            <p:cNvPr id="75" name="object 75"/>
            <p:cNvSpPr/>
            <p:nvPr/>
          </p:nvSpPr>
          <p:spPr>
            <a:xfrm>
              <a:off x="3931920" y="3960875"/>
              <a:ext cx="652780" cy="5080"/>
            </a:xfrm>
            <a:custGeom>
              <a:avLst/>
              <a:gdLst/>
              <a:ahLst/>
              <a:cxnLst/>
              <a:rect l="l" t="t" r="r" b="b"/>
              <a:pathLst>
                <a:path w="652779" h="5079">
                  <a:moveTo>
                    <a:pt x="1524" y="0"/>
                  </a:moveTo>
                  <a:lnTo>
                    <a:pt x="0" y="0"/>
                  </a:lnTo>
                  <a:lnTo>
                    <a:pt x="0" y="4572"/>
                  </a:lnTo>
                  <a:lnTo>
                    <a:pt x="1524" y="4572"/>
                  </a:lnTo>
                  <a:lnTo>
                    <a:pt x="1524" y="0"/>
                  </a:lnTo>
                  <a:close/>
                </a:path>
                <a:path w="652779" h="5079">
                  <a:moveTo>
                    <a:pt x="7620" y="0"/>
                  </a:moveTo>
                  <a:lnTo>
                    <a:pt x="4572" y="0"/>
                  </a:lnTo>
                  <a:lnTo>
                    <a:pt x="4572" y="4572"/>
                  </a:lnTo>
                  <a:lnTo>
                    <a:pt x="7620" y="4572"/>
                  </a:lnTo>
                  <a:lnTo>
                    <a:pt x="7620" y="0"/>
                  </a:lnTo>
                  <a:close/>
                </a:path>
                <a:path w="652779" h="5079">
                  <a:moveTo>
                    <a:pt x="15240" y="0"/>
                  </a:moveTo>
                  <a:lnTo>
                    <a:pt x="10668" y="0"/>
                  </a:lnTo>
                  <a:lnTo>
                    <a:pt x="10668" y="4572"/>
                  </a:lnTo>
                  <a:lnTo>
                    <a:pt x="15240" y="4572"/>
                  </a:lnTo>
                  <a:lnTo>
                    <a:pt x="15240" y="0"/>
                  </a:lnTo>
                  <a:close/>
                </a:path>
                <a:path w="652779" h="5079">
                  <a:moveTo>
                    <a:pt x="21336" y="0"/>
                  </a:moveTo>
                  <a:lnTo>
                    <a:pt x="18288" y="0"/>
                  </a:lnTo>
                  <a:lnTo>
                    <a:pt x="18288" y="4572"/>
                  </a:lnTo>
                  <a:lnTo>
                    <a:pt x="21336" y="4572"/>
                  </a:lnTo>
                  <a:lnTo>
                    <a:pt x="21336" y="0"/>
                  </a:lnTo>
                  <a:close/>
                </a:path>
                <a:path w="652779" h="5079">
                  <a:moveTo>
                    <a:pt x="28956" y="0"/>
                  </a:moveTo>
                  <a:lnTo>
                    <a:pt x="24384" y="0"/>
                  </a:lnTo>
                  <a:lnTo>
                    <a:pt x="24384" y="4572"/>
                  </a:lnTo>
                  <a:lnTo>
                    <a:pt x="28956" y="4572"/>
                  </a:lnTo>
                  <a:lnTo>
                    <a:pt x="28956" y="0"/>
                  </a:lnTo>
                  <a:close/>
                </a:path>
                <a:path w="652779" h="5079">
                  <a:moveTo>
                    <a:pt x="35052" y="0"/>
                  </a:moveTo>
                  <a:lnTo>
                    <a:pt x="32004" y="0"/>
                  </a:lnTo>
                  <a:lnTo>
                    <a:pt x="32004" y="4572"/>
                  </a:lnTo>
                  <a:lnTo>
                    <a:pt x="35052" y="4572"/>
                  </a:lnTo>
                  <a:lnTo>
                    <a:pt x="35052" y="0"/>
                  </a:lnTo>
                  <a:close/>
                </a:path>
                <a:path w="652779" h="5079">
                  <a:moveTo>
                    <a:pt x="42672" y="0"/>
                  </a:moveTo>
                  <a:lnTo>
                    <a:pt x="38100" y="0"/>
                  </a:lnTo>
                  <a:lnTo>
                    <a:pt x="38100" y="4572"/>
                  </a:lnTo>
                  <a:lnTo>
                    <a:pt x="42672" y="4572"/>
                  </a:lnTo>
                  <a:lnTo>
                    <a:pt x="42672" y="0"/>
                  </a:lnTo>
                  <a:close/>
                </a:path>
                <a:path w="652779" h="5079">
                  <a:moveTo>
                    <a:pt x="48768" y="0"/>
                  </a:moveTo>
                  <a:lnTo>
                    <a:pt x="45720" y="0"/>
                  </a:lnTo>
                  <a:lnTo>
                    <a:pt x="45720" y="4572"/>
                  </a:lnTo>
                  <a:lnTo>
                    <a:pt x="48768" y="4572"/>
                  </a:lnTo>
                  <a:lnTo>
                    <a:pt x="48768" y="0"/>
                  </a:lnTo>
                  <a:close/>
                </a:path>
                <a:path w="652779" h="5079">
                  <a:moveTo>
                    <a:pt x="56388" y="0"/>
                  </a:moveTo>
                  <a:lnTo>
                    <a:pt x="51816" y="0"/>
                  </a:lnTo>
                  <a:lnTo>
                    <a:pt x="51816" y="4572"/>
                  </a:lnTo>
                  <a:lnTo>
                    <a:pt x="56388" y="4572"/>
                  </a:lnTo>
                  <a:lnTo>
                    <a:pt x="56388" y="0"/>
                  </a:lnTo>
                  <a:close/>
                </a:path>
                <a:path w="652779" h="5079">
                  <a:moveTo>
                    <a:pt x="62484" y="0"/>
                  </a:moveTo>
                  <a:lnTo>
                    <a:pt x="59436" y="0"/>
                  </a:lnTo>
                  <a:lnTo>
                    <a:pt x="59436" y="4572"/>
                  </a:lnTo>
                  <a:lnTo>
                    <a:pt x="62484" y="4572"/>
                  </a:lnTo>
                  <a:lnTo>
                    <a:pt x="62484" y="0"/>
                  </a:lnTo>
                  <a:close/>
                </a:path>
                <a:path w="652779" h="5079">
                  <a:moveTo>
                    <a:pt x="70104" y="0"/>
                  </a:moveTo>
                  <a:lnTo>
                    <a:pt x="65532" y="0"/>
                  </a:lnTo>
                  <a:lnTo>
                    <a:pt x="65532" y="4572"/>
                  </a:lnTo>
                  <a:lnTo>
                    <a:pt x="70104" y="4572"/>
                  </a:lnTo>
                  <a:lnTo>
                    <a:pt x="70104" y="0"/>
                  </a:lnTo>
                  <a:close/>
                </a:path>
                <a:path w="652779" h="5079">
                  <a:moveTo>
                    <a:pt x="76200" y="0"/>
                  </a:moveTo>
                  <a:lnTo>
                    <a:pt x="73152" y="0"/>
                  </a:lnTo>
                  <a:lnTo>
                    <a:pt x="73152" y="4572"/>
                  </a:lnTo>
                  <a:lnTo>
                    <a:pt x="76200" y="4572"/>
                  </a:lnTo>
                  <a:lnTo>
                    <a:pt x="76200" y="0"/>
                  </a:lnTo>
                  <a:close/>
                </a:path>
                <a:path w="652779" h="5079">
                  <a:moveTo>
                    <a:pt x="83820" y="0"/>
                  </a:moveTo>
                  <a:lnTo>
                    <a:pt x="79248" y="0"/>
                  </a:lnTo>
                  <a:lnTo>
                    <a:pt x="79248" y="4572"/>
                  </a:lnTo>
                  <a:lnTo>
                    <a:pt x="83820" y="4572"/>
                  </a:lnTo>
                  <a:lnTo>
                    <a:pt x="83820" y="0"/>
                  </a:lnTo>
                  <a:close/>
                </a:path>
                <a:path w="652779" h="5079">
                  <a:moveTo>
                    <a:pt x="89916" y="0"/>
                  </a:moveTo>
                  <a:lnTo>
                    <a:pt x="86868" y="0"/>
                  </a:lnTo>
                  <a:lnTo>
                    <a:pt x="86868" y="4572"/>
                  </a:lnTo>
                  <a:lnTo>
                    <a:pt x="89916" y="4572"/>
                  </a:lnTo>
                  <a:lnTo>
                    <a:pt x="89916" y="0"/>
                  </a:lnTo>
                  <a:close/>
                </a:path>
                <a:path w="652779" h="5079">
                  <a:moveTo>
                    <a:pt x="97536" y="0"/>
                  </a:moveTo>
                  <a:lnTo>
                    <a:pt x="92964" y="0"/>
                  </a:lnTo>
                  <a:lnTo>
                    <a:pt x="92964" y="4572"/>
                  </a:lnTo>
                  <a:lnTo>
                    <a:pt x="97536" y="4572"/>
                  </a:lnTo>
                  <a:lnTo>
                    <a:pt x="97536" y="0"/>
                  </a:lnTo>
                  <a:close/>
                </a:path>
                <a:path w="652779" h="5079">
                  <a:moveTo>
                    <a:pt x="103632" y="0"/>
                  </a:moveTo>
                  <a:lnTo>
                    <a:pt x="100584" y="0"/>
                  </a:lnTo>
                  <a:lnTo>
                    <a:pt x="100584" y="4572"/>
                  </a:lnTo>
                  <a:lnTo>
                    <a:pt x="103632" y="4572"/>
                  </a:lnTo>
                  <a:lnTo>
                    <a:pt x="103632" y="0"/>
                  </a:lnTo>
                  <a:close/>
                </a:path>
                <a:path w="652779" h="5079">
                  <a:moveTo>
                    <a:pt x="111252" y="0"/>
                  </a:moveTo>
                  <a:lnTo>
                    <a:pt x="106680" y="0"/>
                  </a:lnTo>
                  <a:lnTo>
                    <a:pt x="106680" y="4572"/>
                  </a:lnTo>
                  <a:lnTo>
                    <a:pt x="111252" y="4572"/>
                  </a:lnTo>
                  <a:lnTo>
                    <a:pt x="111252" y="0"/>
                  </a:lnTo>
                  <a:close/>
                </a:path>
                <a:path w="652779" h="5079">
                  <a:moveTo>
                    <a:pt x="117348" y="0"/>
                  </a:moveTo>
                  <a:lnTo>
                    <a:pt x="114300" y="0"/>
                  </a:lnTo>
                  <a:lnTo>
                    <a:pt x="114300" y="4572"/>
                  </a:lnTo>
                  <a:lnTo>
                    <a:pt x="117348" y="4572"/>
                  </a:lnTo>
                  <a:lnTo>
                    <a:pt x="117348" y="0"/>
                  </a:lnTo>
                  <a:close/>
                </a:path>
                <a:path w="652779" h="5079">
                  <a:moveTo>
                    <a:pt x="124968" y="0"/>
                  </a:moveTo>
                  <a:lnTo>
                    <a:pt x="120396" y="0"/>
                  </a:lnTo>
                  <a:lnTo>
                    <a:pt x="120396" y="4572"/>
                  </a:lnTo>
                  <a:lnTo>
                    <a:pt x="124968" y="4572"/>
                  </a:lnTo>
                  <a:lnTo>
                    <a:pt x="124968" y="0"/>
                  </a:lnTo>
                  <a:close/>
                </a:path>
                <a:path w="652779" h="5079">
                  <a:moveTo>
                    <a:pt x="131064" y="0"/>
                  </a:moveTo>
                  <a:lnTo>
                    <a:pt x="128016" y="0"/>
                  </a:lnTo>
                  <a:lnTo>
                    <a:pt x="128016" y="4572"/>
                  </a:lnTo>
                  <a:lnTo>
                    <a:pt x="131064" y="4572"/>
                  </a:lnTo>
                  <a:lnTo>
                    <a:pt x="131064" y="0"/>
                  </a:lnTo>
                  <a:close/>
                </a:path>
                <a:path w="652779" h="5079">
                  <a:moveTo>
                    <a:pt x="138684" y="0"/>
                  </a:moveTo>
                  <a:lnTo>
                    <a:pt x="134112" y="0"/>
                  </a:lnTo>
                  <a:lnTo>
                    <a:pt x="134112" y="4572"/>
                  </a:lnTo>
                  <a:lnTo>
                    <a:pt x="138684" y="4572"/>
                  </a:lnTo>
                  <a:lnTo>
                    <a:pt x="138684" y="0"/>
                  </a:lnTo>
                  <a:close/>
                </a:path>
                <a:path w="652779" h="5079">
                  <a:moveTo>
                    <a:pt x="144780" y="0"/>
                  </a:moveTo>
                  <a:lnTo>
                    <a:pt x="141732" y="0"/>
                  </a:lnTo>
                  <a:lnTo>
                    <a:pt x="141732" y="4572"/>
                  </a:lnTo>
                  <a:lnTo>
                    <a:pt x="144780" y="4572"/>
                  </a:lnTo>
                  <a:lnTo>
                    <a:pt x="144780" y="0"/>
                  </a:lnTo>
                  <a:close/>
                </a:path>
                <a:path w="652779" h="5079">
                  <a:moveTo>
                    <a:pt x="152400" y="0"/>
                  </a:moveTo>
                  <a:lnTo>
                    <a:pt x="147828" y="0"/>
                  </a:lnTo>
                  <a:lnTo>
                    <a:pt x="147828" y="4572"/>
                  </a:lnTo>
                  <a:lnTo>
                    <a:pt x="152400" y="4572"/>
                  </a:lnTo>
                  <a:lnTo>
                    <a:pt x="152400" y="0"/>
                  </a:lnTo>
                  <a:close/>
                </a:path>
                <a:path w="652779" h="5079">
                  <a:moveTo>
                    <a:pt x="158496" y="0"/>
                  </a:moveTo>
                  <a:lnTo>
                    <a:pt x="155448" y="0"/>
                  </a:lnTo>
                  <a:lnTo>
                    <a:pt x="155448" y="4572"/>
                  </a:lnTo>
                  <a:lnTo>
                    <a:pt x="158496" y="4572"/>
                  </a:lnTo>
                  <a:lnTo>
                    <a:pt x="158496" y="0"/>
                  </a:lnTo>
                  <a:close/>
                </a:path>
                <a:path w="652779" h="5079">
                  <a:moveTo>
                    <a:pt x="166116" y="0"/>
                  </a:moveTo>
                  <a:lnTo>
                    <a:pt x="161544" y="0"/>
                  </a:lnTo>
                  <a:lnTo>
                    <a:pt x="161544" y="4572"/>
                  </a:lnTo>
                  <a:lnTo>
                    <a:pt x="166116" y="4572"/>
                  </a:lnTo>
                  <a:lnTo>
                    <a:pt x="166116" y="0"/>
                  </a:lnTo>
                  <a:close/>
                </a:path>
                <a:path w="652779" h="5079">
                  <a:moveTo>
                    <a:pt x="172212" y="0"/>
                  </a:moveTo>
                  <a:lnTo>
                    <a:pt x="169164" y="0"/>
                  </a:lnTo>
                  <a:lnTo>
                    <a:pt x="169164" y="4572"/>
                  </a:lnTo>
                  <a:lnTo>
                    <a:pt x="172212" y="4572"/>
                  </a:lnTo>
                  <a:lnTo>
                    <a:pt x="172212" y="0"/>
                  </a:lnTo>
                  <a:close/>
                </a:path>
                <a:path w="652779" h="5079">
                  <a:moveTo>
                    <a:pt x="179832" y="0"/>
                  </a:moveTo>
                  <a:lnTo>
                    <a:pt x="175260" y="0"/>
                  </a:lnTo>
                  <a:lnTo>
                    <a:pt x="175260" y="4572"/>
                  </a:lnTo>
                  <a:lnTo>
                    <a:pt x="179832" y="4572"/>
                  </a:lnTo>
                  <a:lnTo>
                    <a:pt x="179832" y="0"/>
                  </a:lnTo>
                  <a:close/>
                </a:path>
                <a:path w="652779" h="5079">
                  <a:moveTo>
                    <a:pt x="185928" y="0"/>
                  </a:moveTo>
                  <a:lnTo>
                    <a:pt x="182880" y="0"/>
                  </a:lnTo>
                  <a:lnTo>
                    <a:pt x="182880" y="4572"/>
                  </a:lnTo>
                  <a:lnTo>
                    <a:pt x="185928" y="4572"/>
                  </a:lnTo>
                  <a:lnTo>
                    <a:pt x="185928" y="0"/>
                  </a:lnTo>
                  <a:close/>
                </a:path>
                <a:path w="652779" h="5079">
                  <a:moveTo>
                    <a:pt x="193548" y="0"/>
                  </a:moveTo>
                  <a:lnTo>
                    <a:pt x="188976" y="0"/>
                  </a:lnTo>
                  <a:lnTo>
                    <a:pt x="188976" y="4572"/>
                  </a:lnTo>
                  <a:lnTo>
                    <a:pt x="193548" y="4572"/>
                  </a:lnTo>
                  <a:lnTo>
                    <a:pt x="193548" y="0"/>
                  </a:lnTo>
                  <a:close/>
                </a:path>
                <a:path w="652779" h="5079">
                  <a:moveTo>
                    <a:pt x="199644" y="0"/>
                  </a:moveTo>
                  <a:lnTo>
                    <a:pt x="196596" y="0"/>
                  </a:lnTo>
                  <a:lnTo>
                    <a:pt x="196596" y="4572"/>
                  </a:lnTo>
                  <a:lnTo>
                    <a:pt x="199644" y="4572"/>
                  </a:lnTo>
                  <a:lnTo>
                    <a:pt x="199644" y="0"/>
                  </a:lnTo>
                  <a:close/>
                </a:path>
                <a:path w="652779" h="5079">
                  <a:moveTo>
                    <a:pt x="205740" y="0"/>
                  </a:moveTo>
                  <a:lnTo>
                    <a:pt x="202692" y="0"/>
                  </a:lnTo>
                  <a:lnTo>
                    <a:pt x="202692" y="4572"/>
                  </a:lnTo>
                  <a:lnTo>
                    <a:pt x="205740" y="4572"/>
                  </a:lnTo>
                  <a:lnTo>
                    <a:pt x="205740" y="0"/>
                  </a:lnTo>
                  <a:close/>
                </a:path>
                <a:path w="652779" h="5079">
                  <a:moveTo>
                    <a:pt x="213360" y="0"/>
                  </a:moveTo>
                  <a:lnTo>
                    <a:pt x="210312" y="0"/>
                  </a:lnTo>
                  <a:lnTo>
                    <a:pt x="210312" y="4572"/>
                  </a:lnTo>
                  <a:lnTo>
                    <a:pt x="213360" y="4572"/>
                  </a:lnTo>
                  <a:lnTo>
                    <a:pt x="213360" y="0"/>
                  </a:lnTo>
                  <a:close/>
                </a:path>
                <a:path w="652779" h="5079">
                  <a:moveTo>
                    <a:pt x="219456" y="0"/>
                  </a:moveTo>
                  <a:lnTo>
                    <a:pt x="216408" y="0"/>
                  </a:lnTo>
                  <a:lnTo>
                    <a:pt x="216408" y="4572"/>
                  </a:lnTo>
                  <a:lnTo>
                    <a:pt x="219456" y="4572"/>
                  </a:lnTo>
                  <a:lnTo>
                    <a:pt x="219456" y="0"/>
                  </a:lnTo>
                  <a:close/>
                </a:path>
                <a:path w="652779" h="5079">
                  <a:moveTo>
                    <a:pt x="227076" y="0"/>
                  </a:moveTo>
                  <a:lnTo>
                    <a:pt x="224028" y="0"/>
                  </a:lnTo>
                  <a:lnTo>
                    <a:pt x="224028" y="4572"/>
                  </a:lnTo>
                  <a:lnTo>
                    <a:pt x="227076" y="4572"/>
                  </a:lnTo>
                  <a:lnTo>
                    <a:pt x="227076" y="0"/>
                  </a:lnTo>
                  <a:close/>
                </a:path>
                <a:path w="652779" h="5079">
                  <a:moveTo>
                    <a:pt x="233172" y="0"/>
                  </a:moveTo>
                  <a:lnTo>
                    <a:pt x="230124" y="0"/>
                  </a:lnTo>
                  <a:lnTo>
                    <a:pt x="230124" y="4572"/>
                  </a:lnTo>
                  <a:lnTo>
                    <a:pt x="233172" y="4572"/>
                  </a:lnTo>
                  <a:lnTo>
                    <a:pt x="233172" y="0"/>
                  </a:lnTo>
                  <a:close/>
                </a:path>
                <a:path w="652779" h="5079">
                  <a:moveTo>
                    <a:pt x="240792" y="0"/>
                  </a:moveTo>
                  <a:lnTo>
                    <a:pt x="237744" y="0"/>
                  </a:lnTo>
                  <a:lnTo>
                    <a:pt x="237744" y="4572"/>
                  </a:lnTo>
                  <a:lnTo>
                    <a:pt x="240792" y="4572"/>
                  </a:lnTo>
                  <a:lnTo>
                    <a:pt x="240792" y="0"/>
                  </a:lnTo>
                  <a:close/>
                </a:path>
                <a:path w="652779" h="5079">
                  <a:moveTo>
                    <a:pt x="246888" y="0"/>
                  </a:moveTo>
                  <a:lnTo>
                    <a:pt x="243840" y="0"/>
                  </a:lnTo>
                  <a:lnTo>
                    <a:pt x="243840" y="4572"/>
                  </a:lnTo>
                  <a:lnTo>
                    <a:pt x="246888" y="4572"/>
                  </a:lnTo>
                  <a:lnTo>
                    <a:pt x="246888" y="0"/>
                  </a:lnTo>
                  <a:close/>
                </a:path>
                <a:path w="652779" h="5079">
                  <a:moveTo>
                    <a:pt x="254508" y="0"/>
                  </a:moveTo>
                  <a:lnTo>
                    <a:pt x="251460" y="0"/>
                  </a:lnTo>
                  <a:lnTo>
                    <a:pt x="251460" y="4572"/>
                  </a:lnTo>
                  <a:lnTo>
                    <a:pt x="254508" y="4572"/>
                  </a:lnTo>
                  <a:lnTo>
                    <a:pt x="254508" y="0"/>
                  </a:lnTo>
                  <a:close/>
                </a:path>
                <a:path w="652779" h="5079">
                  <a:moveTo>
                    <a:pt x="432816" y="0"/>
                  </a:moveTo>
                  <a:lnTo>
                    <a:pt x="429768" y="0"/>
                  </a:lnTo>
                  <a:lnTo>
                    <a:pt x="429768" y="4572"/>
                  </a:lnTo>
                  <a:lnTo>
                    <a:pt x="432816" y="4572"/>
                  </a:lnTo>
                  <a:lnTo>
                    <a:pt x="432816" y="0"/>
                  </a:lnTo>
                  <a:close/>
                </a:path>
                <a:path w="652779" h="5079">
                  <a:moveTo>
                    <a:pt x="438912" y="0"/>
                  </a:moveTo>
                  <a:lnTo>
                    <a:pt x="435864" y="0"/>
                  </a:lnTo>
                  <a:lnTo>
                    <a:pt x="435864" y="4572"/>
                  </a:lnTo>
                  <a:lnTo>
                    <a:pt x="438912" y="4572"/>
                  </a:lnTo>
                  <a:lnTo>
                    <a:pt x="438912" y="0"/>
                  </a:lnTo>
                  <a:close/>
                </a:path>
                <a:path w="652779" h="5079">
                  <a:moveTo>
                    <a:pt x="446532" y="0"/>
                  </a:moveTo>
                  <a:lnTo>
                    <a:pt x="443484" y="0"/>
                  </a:lnTo>
                  <a:lnTo>
                    <a:pt x="443484" y="4572"/>
                  </a:lnTo>
                  <a:lnTo>
                    <a:pt x="446532" y="4572"/>
                  </a:lnTo>
                  <a:lnTo>
                    <a:pt x="446532" y="0"/>
                  </a:lnTo>
                  <a:close/>
                </a:path>
                <a:path w="652779" h="5079">
                  <a:moveTo>
                    <a:pt x="452628" y="0"/>
                  </a:moveTo>
                  <a:lnTo>
                    <a:pt x="449580" y="0"/>
                  </a:lnTo>
                  <a:lnTo>
                    <a:pt x="449580" y="4572"/>
                  </a:lnTo>
                  <a:lnTo>
                    <a:pt x="452628" y="4572"/>
                  </a:lnTo>
                  <a:lnTo>
                    <a:pt x="452628" y="0"/>
                  </a:lnTo>
                  <a:close/>
                </a:path>
                <a:path w="652779" h="5079">
                  <a:moveTo>
                    <a:pt x="460248" y="0"/>
                  </a:moveTo>
                  <a:lnTo>
                    <a:pt x="457200" y="0"/>
                  </a:lnTo>
                  <a:lnTo>
                    <a:pt x="457200" y="4572"/>
                  </a:lnTo>
                  <a:lnTo>
                    <a:pt x="460248" y="4572"/>
                  </a:lnTo>
                  <a:lnTo>
                    <a:pt x="460248" y="0"/>
                  </a:lnTo>
                  <a:close/>
                </a:path>
                <a:path w="652779" h="5079">
                  <a:moveTo>
                    <a:pt x="466344" y="0"/>
                  </a:moveTo>
                  <a:lnTo>
                    <a:pt x="463296" y="0"/>
                  </a:lnTo>
                  <a:lnTo>
                    <a:pt x="463296" y="4572"/>
                  </a:lnTo>
                  <a:lnTo>
                    <a:pt x="466344" y="4572"/>
                  </a:lnTo>
                  <a:lnTo>
                    <a:pt x="466344" y="0"/>
                  </a:lnTo>
                  <a:close/>
                </a:path>
                <a:path w="652779" h="5079">
                  <a:moveTo>
                    <a:pt x="473964" y="0"/>
                  </a:moveTo>
                  <a:lnTo>
                    <a:pt x="470916" y="0"/>
                  </a:lnTo>
                  <a:lnTo>
                    <a:pt x="470916" y="4572"/>
                  </a:lnTo>
                  <a:lnTo>
                    <a:pt x="473964" y="4572"/>
                  </a:lnTo>
                  <a:lnTo>
                    <a:pt x="473964" y="0"/>
                  </a:lnTo>
                  <a:close/>
                </a:path>
                <a:path w="652779" h="5079">
                  <a:moveTo>
                    <a:pt x="480060" y="0"/>
                  </a:moveTo>
                  <a:lnTo>
                    <a:pt x="477012" y="0"/>
                  </a:lnTo>
                  <a:lnTo>
                    <a:pt x="477012" y="4572"/>
                  </a:lnTo>
                  <a:lnTo>
                    <a:pt x="480060" y="4572"/>
                  </a:lnTo>
                  <a:lnTo>
                    <a:pt x="480060" y="0"/>
                  </a:lnTo>
                  <a:close/>
                </a:path>
                <a:path w="652779" h="5079">
                  <a:moveTo>
                    <a:pt x="487680" y="0"/>
                  </a:moveTo>
                  <a:lnTo>
                    <a:pt x="484632" y="0"/>
                  </a:lnTo>
                  <a:lnTo>
                    <a:pt x="484632" y="4572"/>
                  </a:lnTo>
                  <a:lnTo>
                    <a:pt x="487680" y="4572"/>
                  </a:lnTo>
                  <a:lnTo>
                    <a:pt x="487680" y="0"/>
                  </a:lnTo>
                  <a:close/>
                </a:path>
                <a:path w="652779" h="5079">
                  <a:moveTo>
                    <a:pt x="493776" y="0"/>
                  </a:moveTo>
                  <a:lnTo>
                    <a:pt x="490728" y="0"/>
                  </a:lnTo>
                  <a:lnTo>
                    <a:pt x="490728" y="4572"/>
                  </a:lnTo>
                  <a:lnTo>
                    <a:pt x="493776" y="4572"/>
                  </a:lnTo>
                  <a:lnTo>
                    <a:pt x="493776" y="0"/>
                  </a:lnTo>
                  <a:close/>
                </a:path>
                <a:path w="652779" h="5079">
                  <a:moveTo>
                    <a:pt x="501396" y="0"/>
                  </a:moveTo>
                  <a:lnTo>
                    <a:pt x="498348" y="0"/>
                  </a:lnTo>
                  <a:lnTo>
                    <a:pt x="498348" y="4572"/>
                  </a:lnTo>
                  <a:lnTo>
                    <a:pt x="501396" y="4572"/>
                  </a:lnTo>
                  <a:lnTo>
                    <a:pt x="501396" y="0"/>
                  </a:lnTo>
                  <a:close/>
                </a:path>
                <a:path w="652779" h="5079">
                  <a:moveTo>
                    <a:pt x="507492" y="0"/>
                  </a:moveTo>
                  <a:lnTo>
                    <a:pt x="504444" y="0"/>
                  </a:lnTo>
                  <a:lnTo>
                    <a:pt x="504444" y="4572"/>
                  </a:lnTo>
                  <a:lnTo>
                    <a:pt x="507492" y="4572"/>
                  </a:lnTo>
                  <a:lnTo>
                    <a:pt x="507492" y="0"/>
                  </a:lnTo>
                  <a:close/>
                </a:path>
                <a:path w="652779" h="5079">
                  <a:moveTo>
                    <a:pt x="515112" y="0"/>
                  </a:moveTo>
                  <a:lnTo>
                    <a:pt x="512064" y="0"/>
                  </a:lnTo>
                  <a:lnTo>
                    <a:pt x="512064" y="4572"/>
                  </a:lnTo>
                  <a:lnTo>
                    <a:pt x="515112" y="4572"/>
                  </a:lnTo>
                  <a:lnTo>
                    <a:pt x="515112" y="0"/>
                  </a:lnTo>
                  <a:close/>
                </a:path>
                <a:path w="652779" h="5079">
                  <a:moveTo>
                    <a:pt x="521208" y="0"/>
                  </a:moveTo>
                  <a:lnTo>
                    <a:pt x="518160" y="0"/>
                  </a:lnTo>
                  <a:lnTo>
                    <a:pt x="518160" y="4572"/>
                  </a:lnTo>
                  <a:lnTo>
                    <a:pt x="521208" y="4572"/>
                  </a:lnTo>
                  <a:lnTo>
                    <a:pt x="521208" y="0"/>
                  </a:lnTo>
                  <a:close/>
                </a:path>
                <a:path w="652779" h="5079">
                  <a:moveTo>
                    <a:pt x="528828" y="0"/>
                  </a:moveTo>
                  <a:lnTo>
                    <a:pt x="525780" y="0"/>
                  </a:lnTo>
                  <a:lnTo>
                    <a:pt x="525780" y="4572"/>
                  </a:lnTo>
                  <a:lnTo>
                    <a:pt x="528828" y="4572"/>
                  </a:lnTo>
                  <a:lnTo>
                    <a:pt x="528828" y="0"/>
                  </a:lnTo>
                  <a:close/>
                </a:path>
                <a:path w="652779" h="5079">
                  <a:moveTo>
                    <a:pt x="534924" y="0"/>
                  </a:moveTo>
                  <a:lnTo>
                    <a:pt x="531876" y="0"/>
                  </a:lnTo>
                  <a:lnTo>
                    <a:pt x="531876" y="4572"/>
                  </a:lnTo>
                  <a:lnTo>
                    <a:pt x="534924" y="4572"/>
                  </a:lnTo>
                  <a:lnTo>
                    <a:pt x="534924" y="0"/>
                  </a:lnTo>
                  <a:close/>
                </a:path>
                <a:path w="652779" h="5079">
                  <a:moveTo>
                    <a:pt x="542544" y="0"/>
                  </a:moveTo>
                  <a:lnTo>
                    <a:pt x="539496" y="0"/>
                  </a:lnTo>
                  <a:lnTo>
                    <a:pt x="539496" y="4572"/>
                  </a:lnTo>
                  <a:lnTo>
                    <a:pt x="542544" y="4572"/>
                  </a:lnTo>
                  <a:lnTo>
                    <a:pt x="542544" y="0"/>
                  </a:lnTo>
                  <a:close/>
                </a:path>
                <a:path w="652779" h="5079">
                  <a:moveTo>
                    <a:pt x="548640" y="0"/>
                  </a:moveTo>
                  <a:lnTo>
                    <a:pt x="545592" y="0"/>
                  </a:lnTo>
                  <a:lnTo>
                    <a:pt x="545592" y="4572"/>
                  </a:lnTo>
                  <a:lnTo>
                    <a:pt x="548640" y="4572"/>
                  </a:lnTo>
                  <a:lnTo>
                    <a:pt x="548640" y="0"/>
                  </a:lnTo>
                  <a:close/>
                </a:path>
                <a:path w="652779" h="5079">
                  <a:moveTo>
                    <a:pt x="556260" y="0"/>
                  </a:moveTo>
                  <a:lnTo>
                    <a:pt x="553212" y="0"/>
                  </a:lnTo>
                  <a:lnTo>
                    <a:pt x="553212" y="4572"/>
                  </a:lnTo>
                  <a:lnTo>
                    <a:pt x="556260" y="4572"/>
                  </a:lnTo>
                  <a:lnTo>
                    <a:pt x="556260" y="0"/>
                  </a:lnTo>
                  <a:close/>
                </a:path>
                <a:path w="652779" h="5079">
                  <a:moveTo>
                    <a:pt x="562356" y="0"/>
                  </a:moveTo>
                  <a:lnTo>
                    <a:pt x="559308" y="0"/>
                  </a:lnTo>
                  <a:lnTo>
                    <a:pt x="559308" y="4572"/>
                  </a:lnTo>
                  <a:lnTo>
                    <a:pt x="562356" y="4572"/>
                  </a:lnTo>
                  <a:lnTo>
                    <a:pt x="562356" y="0"/>
                  </a:lnTo>
                  <a:close/>
                </a:path>
                <a:path w="652779" h="5079">
                  <a:moveTo>
                    <a:pt x="569976" y="0"/>
                  </a:moveTo>
                  <a:lnTo>
                    <a:pt x="566928" y="0"/>
                  </a:lnTo>
                  <a:lnTo>
                    <a:pt x="566928" y="4572"/>
                  </a:lnTo>
                  <a:lnTo>
                    <a:pt x="569976" y="4572"/>
                  </a:lnTo>
                  <a:lnTo>
                    <a:pt x="569976" y="0"/>
                  </a:lnTo>
                  <a:close/>
                </a:path>
                <a:path w="652779" h="5079">
                  <a:moveTo>
                    <a:pt x="576072" y="0"/>
                  </a:moveTo>
                  <a:lnTo>
                    <a:pt x="573024" y="0"/>
                  </a:lnTo>
                  <a:lnTo>
                    <a:pt x="573024" y="4572"/>
                  </a:lnTo>
                  <a:lnTo>
                    <a:pt x="576072" y="4572"/>
                  </a:lnTo>
                  <a:lnTo>
                    <a:pt x="576072" y="0"/>
                  </a:lnTo>
                  <a:close/>
                </a:path>
                <a:path w="652779" h="5079">
                  <a:moveTo>
                    <a:pt x="583692" y="0"/>
                  </a:moveTo>
                  <a:lnTo>
                    <a:pt x="580644" y="0"/>
                  </a:lnTo>
                  <a:lnTo>
                    <a:pt x="580644" y="4572"/>
                  </a:lnTo>
                  <a:lnTo>
                    <a:pt x="583692" y="4572"/>
                  </a:lnTo>
                  <a:lnTo>
                    <a:pt x="583692" y="0"/>
                  </a:lnTo>
                  <a:close/>
                </a:path>
                <a:path w="652779" h="5079">
                  <a:moveTo>
                    <a:pt x="589788" y="0"/>
                  </a:moveTo>
                  <a:lnTo>
                    <a:pt x="586740" y="0"/>
                  </a:lnTo>
                  <a:lnTo>
                    <a:pt x="586740" y="4572"/>
                  </a:lnTo>
                  <a:lnTo>
                    <a:pt x="589788" y="4572"/>
                  </a:lnTo>
                  <a:lnTo>
                    <a:pt x="589788" y="0"/>
                  </a:lnTo>
                  <a:close/>
                </a:path>
                <a:path w="652779" h="5079">
                  <a:moveTo>
                    <a:pt x="597408" y="0"/>
                  </a:moveTo>
                  <a:lnTo>
                    <a:pt x="594360" y="0"/>
                  </a:lnTo>
                  <a:lnTo>
                    <a:pt x="594360" y="4572"/>
                  </a:lnTo>
                  <a:lnTo>
                    <a:pt x="597408" y="4572"/>
                  </a:lnTo>
                  <a:lnTo>
                    <a:pt x="597408" y="0"/>
                  </a:lnTo>
                  <a:close/>
                </a:path>
                <a:path w="652779" h="5079">
                  <a:moveTo>
                    <a:pt x="603504" y="0"/>
                  </a:moveTo>
                  <a:lnTo>
                    <a:pt x="600456" y="0"/>
                  </a:lnTo>
                  <a:lnTo>
                    <a:pt x="600456" y="4572"/>
                  </a:lnTo>
                  <a:lnTo>
                    <a:pt x="603504" y="4572"/>
                  </a:lnTo>
                  <a:lnTo>
                    <a:pt x="603504" y="0"/>
                  </a:lnTo>
                  <a:close/>
                </a:path>
                <a:path w="652779" h="5079">
                  <a:moveTo>
                    <a:pt x="611124" y="0"/>
                  </a:moveTo>
                  <a:lnTo>
                    <a:pt x="608076" y="0"/>
                  </a:lnTo>
                  <a:lnTo>
                    <a:pt x="608076" y="4572"/>
                  </a:lnTo>
                  <a:lnTo>
                    <a:pt x="611124" y="4572"/>
                  </a:lnTo>
                  <a:lnTo>
                    <a:pt x="611124" y="0"/>
                  </a:lnTo>
                  <a:close/>
                </a:path>
                <a:path w="652779" h="5079">
                  <a:moveTo>
                    <a:pt x="617220" y="0"/>
                  </a:moveTo>
                  <a:lnTo>
                    <a:pt x="614172" y="0"/>
                  </a:lnTo>
                  <a:lnTo>
                    <a:pt x="614172" y="4572"/>
                  </a:lnTo>
                  <a:lnTo>
                    <a:pt x="617220" y="4572"/>
                  </a:lnTo>
                  <a:lnTo>
                    <a:pt x="617220" y="0"/>
                  </a:lnTo>
                  <a:close/>
                </a:path>
                <a:path w="652779" h="5079">
                  <a:moveTo>
                    <a:pt x="624840" y="0"/>
                  </a:moveTo>
                  <a:lnTo>
                    <a:pt x="621792" y="0"/>
                  </a:lnTo>
                  <a:lnTo>
                    <a:pt x="621792" y="4572"/>
                  </a:lnTo>
                  <a:lnTo>
                    <a:pt x="624840" y="4572"/>
                  </a:lnTo>
                  <a:lnTo>
                    <a:pt x="624840" y="0"/>
                  </a:lnTo>
                  <a:close/>
                </a:path>
                <a:path w="652779" h="5079">
                  <a:moveTo>
                    <a:pt x="630936" y="0"/>
                  </a:moveTo>
                  <a:lnTo>
                    <a:pt x="627888" y="0"/>
                  </a:lnTo>
                  <a:lnTo>
                    <a:pt x="627888" y="4572"/>
                  </a:lnTo>
                  <a:lnTo>
                    <a:pt x="630936" y="4572"/>
                  </a:lnTo>
                  <a:lnTo>
                    <a:pt x="630936" y="0"/>
                  </a:lnTo>
                  <a:close/>
                </a:path>
                <a:path w="652779" h="5079">
                  <a:moveTo>
                    <a:pt x="638556" y="0"/>
                  </a:moveTo>
                  <a:lnTo>
                    <a:pt x="635508" y="0"/>
                  </a:lnTo>
                  <a:lnTo>
                    <a:pt x="635508" y="4572"/>
                  </a:lnTo>
                  <a:lnTo>
                    <a:pt x="638556" y="4572"/>
                  </a:lnTo>
                  <a:lnTo>
                    <a:pt x="638556" y="0"/>
                  </a:lnTo>
                  <a:close/>
                </a:path>
                <a:path w="652779" h="5079">
                  <a:moveTo>
                    <a:pt x="644652" y="0"/>
                  </a:moveTo>
                  <a:lnTo>
                    <a:pt x="641604" y="0"/>
                  </a:lnTo>
                  <a:lnTo>
                    <a:pt x="641604" y="4572"/>
                  </a:lnTo>
                  <a:lnTo>
                    <a:pt x="644652" y="4572"/>
                  </a:lnTo>
                  <a:lnTo>
                    <a:pt x="644652" y="0"/>
                  </a:lnTo>
                  <a:close/>
                </a:path>
                <a:path w="652779" h="5079">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76" name="object 76"/>
            <p:cNvSpPr/>
            <p:nvPr/>
          </p:nvSpPr>
          <p:spPr>
            <a:xfrm>
              <a:off x="4581144" y="3960875"/>
              <a:ext cx="30480" cy="5080"/>
            </a:xfrm>
            <a:custGeom>
              <a:avLst/>
              <a:gdLst/>
              <a:ahLst/>
              <a:cxnLst/>
              <a:rect l="l" t="t" r="r" b="b"/>
              <a:pathLst>
                <a:path w="30479" h="5079">
                  <a:moveTo>
                    <a:pt x="3048" y="0"/>
                  </a:moveTo>
                  <a:lnTo>
                    <a:pt x="0" y="0"/>
                  </a:lnTo>
                  <a:lnTo>
                    <a:pt x="0" y="4572"/>
                  </a:lnTo>
                  <a:lnTo>
                    <a:pt x="3048" y="4572"/>
                  </a:lnTo>
                  <a:lnTo>
                    <a:pt x="3048" y="0"/>
                  </a:lnTo>
                  <a:close/>
                </a:path>
                <a:path w="30479" h="5079">
                  <a:moveTo>
                    <a:pt x="9144" y="0"/>
                  </a:moveTo>
                  <a:lnTo>
                    <a:pt x="6096" y="0"/>
                  </a:lnTo>
                  <a:lnTo>
                    <a:pt x="6096" y="4572"/>
                  </a:lnTo>
                  <a:lnTo>
                    <a:pt x="9144" y="4572"/>
                  </a:lnTo>
                  <a:lnTo>
                    <a:pt x="9144" y="0"/>
                  </a:lnTo>
                  <a:close/>
                </a:path>
                <a:path w="30479" h="5079">
                  <a:moveTo>
                    <a:pt x="16764" y="0"/>
                  </a:moveTo>
                  <a:lnTo>
                    <a:pt x="13716" y="0"/>
                  </a:lnTo>
                  <a:lnTo>
                    <a:pt x="13716" y="4572"/>
                  </a:lnTo>
                  <a:lnTo>
                    <a:pt x="16764" y="4572"/>
                  </a:lnTo>
                  <a:lnTo>
                    <a:pt x="16764" y="0"/>
                  </a:lnTo>
                  <a:close/>
                </a:path>
                <a:path w="30479" h="5079">
                  <a:moveTo>
                    <a:pt x="22860" y="0"/>
                  </a:moveTo>
                  <a:lnTo>
                    <a:pt x="19812" y="0"/>
                  </a:lnTo>
                  <a:lnTo>
                    <a:pt x="19812" y="4572"/>
                  </a:lnTo>
                  <a:lnTo>
                    <a:pt x="22860" y="4572"/>
                  </a:lnTo>
                  <a:lnTo>
                    <a:pt x="22860" y="0"/>
                  </a:lnTo>
                  <a:close/>
                </a:path>
                <a:path w="30479" h="5079">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77" name="object 77"/>
            <p:cNvSpPr/>
            <p:nvPr/>
          </p:nvSpPr>
          <p:spPr>
            <a:xfrm>
              <a:off x="4780788" y="3963162"/>
              <a:ext cx="256540" cy="0"/>
            </a:xfrm>
            <a:custGeom>
              <a:avLst/>
              <a:gdLst/>
              <a:ahLst/>
              <a:cxnLst/>
              <a:rect l="l" t="t" r="r" b="b"/>
              <a:pathLst>
                <a:path w="256539">
                  <a:moveTo>
                    <a:pt x="0" y="0"/>
                  </a:moveTo>
                  <a:lnTo>
                    <a:pt x="256032" y="0"/>
                  </a:lnTo>
                </a:path>
              </a:pathLst>
            </a:custGeom>
            <a:ln w="4572">
              <a:solidFill>
                <a:srgbClr val="D8D8D8"/>
              </a:solidFill>
              <a:prstDash val="sysDot"/>
            </a:ln>
          </p:spPr>
          <p:txBody>
            <a:bodyPr wrap="square" lIns="0" tIns="0" rIns="0" bIns="0" rtlCol="0"/>
            <a:lstStyle/>
            <a:p>
              <a:endParaRPr sz="1539"/>
            </a:p>
          </p:txBody>
        </p:sp>
        <p:sp>
          <p:nvSpPr>
            <p:cNvPr id="78" name="object 78"/>
            <p:cNvSpPr/>
            <p:nvPr/>
          </p:nvSpPr>
          <p:spPr>
            <a:xfrm>
              <a:off x="5631180" y="3960875"/>
              <a:ext cx="254635" cy="5080"/>
            </a:xfrm>
            <a:custGeom>
              <a:avLst/>
              <a:gdLst/>
              <a:ahLst/>
              <a:cxnLst/>
              <a:rect l="l" t="t" r="r" b="b"/>
              <a:pathLst>
                <a:path w="254635" h="5079">
                  <a:moveTo>
                    <a:pt x="1524" y="0"/>
                  </a:moveTo>
                  <a:lnTo>
                    <a:pt x="0" y="0"/>
                  </a:lnTo>
                  <a:lnTo>
                    <a:pt x="0" y="4572"/>
                  </a:lnTo>
                  <a:lnTo>
                    <a:pt x="1524" y="4572"/>
                  </a:lnTo>
                  <a:lnTo>
                    <a:pt x="1524" y="0"/>
                  </a:lnTo>
                  <a:close/>
                </a:path>
                <a:path w="254635" h="5079">
                  <a:moveTo>
                    <a:pt x="7620" y="0"/>
                  </a:moveTo>
                  <a:lnTo>
                    <a:pt x="4572" y="0"/>
                  </a:lnTo>
                  <a:lnTo>
                    <a:pt x="4572" y="4572"/>
                  </a:lnTo>
                  <a:lnTo>
                    <a:pt x="7620" y="4572"/>
                  </a:lnTo>
                  <a:lnTo>
                    <a:pt x="7620" y="0"/>
                  </a:lnTo>
                  <a:close/>
                </a:path>
                <a:path w="254635" h="5079">
                  <a:moveTo>
                    <a:pt x="15240" y="0"/>
                  </a:moveTo>
                  <a:lnTo>
                    <a:pt x="12192" y="0"/>
                  </a:lnTo>
                  <a:lnTo>
                    <a:pt x="12192" y="4572"/>
                  </a:lnTo>
                  <a:lnTo>
                    <a:pt x="15240" y="4572"/>
                  </a:lnTo>
                  <a:lnTo>
                    <a:pt x="15240" y="0"/>
                  </a:lnTo>
                  <a:close/>
                </a:path>
                <a:path w="254635" h="5079">
                  <a:moveTo>
                    <a:pt x="21336" y="0"/>
                  </a:moveTo>
                  <a:lnTo>
                    <a:pt x="18288" y="0"/>
                  </a:lnTo>
                  <a:lnTo>
                    <a:pt x="18288" y="4572"/>
                  </a:lnTo>
                  <a:lnTo>
                    <a:pt x="21336" y="4572"/>
                  </a:lnTo>
                  <a:lnTo>
                    <a:pt x="21336" y="0"/>
                  </a:lnTo>
                  <a:close/>
                </a:path>
                <a:path w="254635" h="5079">
                  <a:moveTo>
                    <a:pt x="28956" y="0"/>
                  </a:moveTo>
                  <a:lnTo>
                    <a:pt x="25908" y="0"/>
                  </a:lnTo>
                  <a:lnTo>
                    <a:pt x="25908" y="4572"/>
                  </a:lnTo>
                  <a:lnTo>
                    <a:pt x="28956" y="4572"/>
                  </a:lnTo>
                  <a:lnTo>
                    <a:pt x="28956" y="0"/>
                  </a:lnTo>
                  <a:close/>
                </a:path>
                <a:path w="254635" h="5079">
                  <a:moveTo>
                    <a:pt x="35052" y="0"/>
                  </a:moveTo>
                  <a:lnTo>
                    <a:pt x="32004" y="0"/>
                  </a:lnTo>
                  <a:lnTo>
                    <a:pt x="32004" y="4572"/>
                  </a:lnTo>
                  <a:lnTo>
                    <a:pt x="35052" y="4572"/>
                  </a:lnTo>
                  <a:lnTo>
                    <a:pt x="35052" y="0"/>
                  </a:lnTo>
                  <a:close/>
                </a:path>
                <a:path w="254635" h="5079">
                  <a:moveTo>
                    <a:pt x="42672" y="0"/>
                  </a:moveTo>
                  <a:lnTo>
                    <a:pt x="39624" y="0"/>
                  </a:lnTo>
                  <a:lnTo>
                    <a:pt x="39624" y="4572"/>
                  </a:lnTo>
                  <a:lnTo>
                    <a:pt x="42672" y="4572"/>
                  </a:lnTo>
                  <a:lnTo>
                    <a:pt x="42672" y="0"/>
                  </a:lnTo>
                  <a:close/>
                </a:path>
                <a:path w="254635" h="5079">
                  <a:moveTo>
                    <a:pt x="48768" y="0"/>
                  </a:moveTo>
                  <a:lnTo>
                    <a:pt x="45720" y="0"/>
                  </a:lnTo>
                  <a:lnTo>
                    <a:pt x="45720" y="4572"/>
                  </a:lnTo>
                  <a:lnTo>
                    <a:pt x="48768" y="4572"/>
                  </a:lnTo>
                  <a:lnTo>
                    <a:pt x="48768" y="0"/>
                  </a:lnTo>
                  <a:close/>
                </a:path>
                <a:path w="254635" h="5079">
                  <a:moveTo>
                    <a:pt x="56388" y="0"/>
                  </a:moveTo>
                  <a:lnTo>
                    <a:pt x="53340" y="0"/>
                  </a:lnTo>
                  <a:lnTo>
                    <a:pt x="53340" y="4572"/>
                  </a:lnTo>
                  <a:lnTo>
                    <a:pt x="56388" y="4572"/>
                  </a:lnTo>
                  <a:lnTo>
                    <a:pt x="56388" y="0"/>
                  </a:lnTo>
                  <a:close/>
                </a:path>
                <a:path w="254635" h="5079">
                  <a:moveTo>
                    <a:pt x="62484" y="0"/>
                  </a:moveTo>
                  <a:lnTo>
                    <a:pt x="59436" y="0"/>
                  </a:lnTo>
                  <a:lnTo>
                    <a:pt x="59436" y="4572"/>
                  </a:lnTo>
                  <a:lnTo>
                    <a:pt x="62484" y="4572"/>
                  </a:lnTo>
                  <a:lnTo>
                    <a:pt x="62484" y="0"/>
                  </a:lnTo>
                  <a:close/>
                </a:path>
                <a:path w="254635" h="5079">
                  <a:moveTo>
                    <a:pt x="70104" y="0"/>
                  </a:moveTo>
                  <a:lnTo>
                    <a:pt x="67056" y="0"/>
                  </a:lnTo>
                  <a:lnTo>
                    <a:pt x="67056" y="4572"/>
                  </a:lnTo>
                  <a:lnTo>
                    <a:pt x="70104" y="4572"/>
                  </a:lnTo>
                  <a:lnTo>
                    <a:pt x="70104" y="0"/>
                  </a:lnTo>
                  <a:close/>
                </a:path>
                <a:path w="254635" h="5079">
                  <a:moveTo>
                    <a:pt x="76200" y="0"/>
                  </a:moveTo>
                  <a:lnTo>
                    <a:pt x="73152" y="0"/>
                  </a:lnTo>
                  <a:lnTo>
                    <a:pt x="73152" y="4572"/>
                  </a:lnTo>
                  <a:lnTo>
                    <a:pt x="76200" y="4572"/>
                  </a:lnTo>
                  <a:lnTo>
                    <a:pt x="76200" y="0"/>
                  </a:lnTo>
                  <a:close/>
                </a:path>
                <a:path w="254635" h="5079">
                  <a:moveTo>
                    <a:pt x="83820" y="0"/>
                  </a:moveTo>
                  <a:lnTo>
                    <a:pt x="80772" y="0"/>
                  </a:lnTo>
                  <a:lnTo>
                    <a:pt x="80772" y="4572"/>
                  </a:lnTo>
                  <a:lnTo>
                    <a:pt x="83820" y="4572"/>
                  </a:lnTo>
                  <a:lnTo>
                    <a:pt x="83820" y="0"/>
                  </a:lnTo>
                  <a:close/>
                </a:path>
                <a:path w="254635" h="5079">
                  <a:moveTo>
                    <a:pt x="89916" y="0"/>
                  </a:moveTo>
                  <a:lnTo>
                    <a:pt x="86868" y="0"/>
                  </a:lnTo>
                  <a:lnTo>
                    <a:pt x="86868" y="4572"/>
                  </a:lnTo>
                  <a:lnTo>
                    <a:pt x="89916" y="4572"/>
                  </a:lnTo>
                  <a:lnTo>
                    <a:pt x="89916" y="0"/>
                  </a:lnTo>
                  <a:close/>
                </a:path>
                <a:path w="254635" h="5079">
                  <a:moveTo>
                    <a:pt x="97536" y="0"/>
                  </a:moveTo>
                  <a:lnTo>
                    <a:pt x="94488" y="0"/>
                  </a:lnTo>
                  <a:lnTo>
                    <a:pt x="94488" y="4572"/>
                  </a:lnTo>
                  <a:lnTo>
                    <a:pt x="97536" y="4572"/>
                  </a:lnTo>
                  <a:lnTo>
                    <a:pt x="97536" y="0"/>
                  </a:lnTo>
                  <a:close/>
                </a:path>
                <a:path w="254635" h="5079">
                  <a:moveTo>
                    <a:pt x="103632" y="0"/>
                  </a:moveTo>
                  <a:lnTo>
                    <a:pt x="100584" y="0"/>
                  </a:lnTo>
                  <a:lnTo>
                    <a:pt x="100584" y="4572"/>
                  </a:lnTo>
                  <a:lnTo>
                    <a:pt x="103632" y="4572"/>
                  </a:lnTo>
                  <a:lnTo>
                    <a:pt x="103632" y="0"/>
                  </a:lnTo>
                  <a:close/>
                </a:path>
                <a:path w="254635" h="5079">
                  <a:moveTo>
                    <a:pt x="111252" y="0"/>
                  </a:moveTo>
                  <a:lnTo>
                    <a:pt x="108204" y="0"/>
                  </a:lnTo>
                  <a:lnTo>
                    <a:pt x="108204" y="4572"/>
                  </a:lnTo>
                  <a:lnTo>
                    <a:pt x="111252" y="4572"/>
                  </a:lnTo>
                  <a:lnTo>
                    <a:pt x="111252" y="0"/>
                  </a:lnTo>
                  <a:close/>
                </a:path>
                <a:path w="254635" h="5079">
                  <a:moveTo>
                    <a:pt x="117348" y="0"/>
                  </a:moveTo>
                  <a:lnTo>
                    <a:pt x="114300" y="0"/>
                  </a:lnTo>
                  <a:lnTo>
                    <a:pt x="114300" y="4572"/>
                  </a:lnTo>
                  <a:lnTo>
                    <a:pt x="117348" y="4572"/>
                  </a:lnTo>
                  <a:lnTo>
                    <a:pt x="117348" y="0"/>
                  </a:lnTo>
                  <a:close/>
                </a:path>
                <a:path w="254635" h="5079">
                  <a:moveTo>
                    <a:pt x="124968" y="0"/>
                  </a:moveTo>
                  <a:lnTo>
                    <a:pt x="121920" y="0"/>
                  </a:lnTo>
                  <a:lnTo>
                    <a:pt x="121920" y="4572"/>
                  </a:lnTo>
                  <a:lnTo>
                    <a:pt x="124968" y="4572"/>
                  </a:lnTo>
                  <a:lnTo>
                    <a:pt x="124968" y="0"/>
                  </a:lnTo>
                  <a:close/>
                </a:path>
                <a:path w="254635" h="5079">
                  <a:moveTo>
                    <a:pt x="131064" y="0"/>
                  </a:moveTo>
                  <a:lnTo>
                    <a:pt x="128016" y="0"/>
                  </a:lnTo>
                  <a:lnTo>
                    <a:pt x="128016" y="4572"/>
                  </a:lnTo>
                  <a:lnTo>
                    <a:pt x="131064" y="4572"/>
                  </a:lnTo>
                  <a:lnTo>
                    <a:pt x="131064" y="0"/>
                  </a:lnTo>
                  <a:close/>
                </a:path>
                <a:path w="254635" h="5079">
                  <a:moveTo>
                    <a:pt x="138684" y="0"/>
                  </a:moveTo>
                  <a:lnTo>
                    <a:pt x="135636" y="0"/>
                  </a:lnTo>
                  <a:lnTo>
                    <a:pt x="135636" y="4572"/>
                  </a:lnTo>
                  <a:lnTo>
                    <a:pt x="138684" y="4572"/>
                  </a:lnTo>
                  <a:lnTo>
                    <a:pt x="138684" y="0"/>
                  </a:lnTo>
                  <a:close/>
                </a:path>
                <a:path w="254635" h="5079">
                  <a:moveTo>
                    <a:pt x="144780" y="0"/>
                  </a:moveTo>
                  <a:lnTo>
                    <a:pt x="141732" y="0"/>
                  </a:lnTo>
                  <a:lnTo>
                    <a:pt x="141732" y="4572"/>
                  </a:lnTo>
                  <a:lnTo>
                    <a:pt x="144780" y="4572"/>
                  </a:lnTo>
                  <a:lnTo>
                    <a:pt x="144780" y="0"/>
                  </a:lnTo>
                  <a:close/>
                </a:path>
                <a:path w="254635" h="5079">
                  <a:moveTo>
                    <a:pt x="152400" y="0"/>
                  </a:moveTo>
                  <a:lnTo>
                    <a:pt x="149352" y="0"/>
                  </a:lnTo>
                  <a:lnTo>
                    <a:pt x="149352" y="4572"/>
                  </a:lnTo>
                  <a:lnTo>
                    <a:pt x="152400" y="4572"/>
                  </a:lnTo>
                  <a:lnTo>
                    <a:pt x="152400" y="0"/>
                  </a:lnTo>
                  <a:close/>
                </a:path>
                <a:path w="254635" h="5079">
                  <a:moveTo>
                    <a:pt x="158496" y="0"/>
                  </a:moveTo>
                  <a:lnTo>
                    <a:pt x="155448" y="0"/>
                  </a:lnTo>
                  <a:lnTo>
                    <a:pt x="155448" y="4572"/>
                  </a:lnTo>
                  <a:lnTo>
                    <a:pt x="158496" y="4572"/>
                  </a:lnTo>
                  <a:lnTo>
                    <a:pt x="158496" y="0"/>
                  </a:lnTo>
                  <a:close/>
                </a:path>
                <a:path w="254635" h="5079">
                  <a:moveTo>
                    <a:pt x="166116" y="0"/>
                  </a:moveTo>
                  <a:lnTo>
                    <a:pt x="163068" y="0"/>
                  </a:lnTo>
                  <a:lnTo>
                    <a:pt x="163068" y="4572"/>
                  </a:lnTo>
                  <a:lnTo>
                    <a:pt x="166116" y="4572"/>
                  </a:lnTo>
                  <a:lnTo>
                    <a:pt x="166116" y="0"/>
                  </a:lnTo>
                  <a:close/>
                </a:path>
                <a:path w="254635" h="5079">
                  <a:moveTo>
                    <a:pt x="172212" y="0"/>
                  </a:moveTo>
                  <a:lnTo>
                    <a:pt x="169164" y="0"/>
                  </a:lnTo>
                  <a:lnTo>
                    <a:pt x="169164" y="4572"/>
                  </a:lnTo>
                  <a:lnTo>
                    <a:pt x="172212" y="4572"/>
                  </a:lnTo>
                  <a:lnTo>
                    <a:pt x="172212" y="0"/>
                  </a:lnTo>
                  <a:close/>
                </a:path>
                <a:path w="254635" h="5079">
                  <a:moveTo>
                    <a:pt x="179832" y="0"/>
                  </a:moveTo>
                  <a:lnTo>
                    <a:pt x="176784" y="0"/>
                  </a:lnTo>
                  <a:lnTo>
                    <a:pt x="176784" y="4572"/>
                  </a:lnTo>
                  <a:lnTo>
                    <a:pt x="179832" y="4572"/>
                  </a:lnTo>
                  <a:lnTo>
                    <a:pt x="179832" y="0"/>
                  </a:lnTo>
                  <a:close/>
                </a:path>
                <a:path w="254635" h="5079">
                  <a:moveTo>
                    <a:pt x="185928" y="0"/>
                  </a:moveTo>
                  <a:lnTo>
                    <a:pt x="182880" y="0"/>
                  </a:lnTo>
                  <a:lnTo>
                    <a:pt x="182880" y="4572"/>
                  </a:lnTo>
                  <a:lnTo>
                    <a:pt x="185928" y="4572"/>
                  </a:lnTo>
                  <a:lnTo>
                    <a:pt x="185928" y="0"/>
                  </a:lnTo>
                  <a:close/>
                </a:path>
                <a:path w="254635" h="5079">
                  <a:moveTo>
                    <a:pt x="193548" y="0"/>
                  </a:moveTo>
                  <a:lnTo>
                    <a:pt x="190500" y="0"/>
                  </a:lnTo>
                  <a:lnTo>
                    <a:pt x="190500" y="4572"/>
                  </a:lnTo>
                  <a:lnTo>
                    <a:pt x="193548" y="4572"/>
                  </a:lnTo>
                  <a:lnTo>
                    <a:pt x="193548" y="0"/>
                  </a:lnTo>
                  <a:close/>
                </a:path>
                <a:path w="254635" h="5079">
                  <a:moveTo>
                    <a:pt x="199644" y="0"/>
                  </a:moveTo>
                  <a:lnTo>
                    <a:pt x="196596" y="0"/>
                  </a:lnTo>
                  <a:lnTo>
                    <a:pt x="196596" y="4572"/>
                  </a:lnTo>
                  <a:lnTo>
                    <a:pt x="199644" y="4572"/>
                  </a:lnTo>
                  <a:lnTo>
                    <a:pt x="199644" y="0"/>
                  </a:lnTo>
                  <a:close/>
                </a:path>
                <a:path w="254635" h="5079">
                  <a:moveTo>
                    <a:pt x="207264" y="0"/>
                  </a:moveTo>
                  <a:lnTo>
                    <a:pt x="204216" y="0"/>
                  </a:lnTo>
                  <a:lnTo>
                    <a:pt x="204216" y="4572"/>
                  </a:lnTo>
                  <a:lnTo>
                    <a:pt x="207264" y="4572"/>
                  </a:lnTo>
                  <a:lnTo>
                    <a:pt x="207264" y="0"/>
                  </a:lnTo>
                  <a:close/>
                </a:path>
                <a:path w="254635" h="5079">
                  <a:moveTo>
                    <a:pt x="213360" y="0"/>
                  </a:moveTo>
                  <a:lnTo>
                    <a:pt x="210312" y="0"/>
                  </a:lnTo>
                  <a:lnTo>
                    <a:pt x="210312" y="4572"/>
                  </a:lnTo>
                  <a:lnTo>
                    <a:pt x="213360" y="4572"/>
                  </a:lnTo>
                  <a:lnTo>
                    <a:pt x="213360" y="0"/>
                  </a:lnTo>
                  <a:close/>
                </a:path>
                <a:path w="254635" h="5079">
                  <a:moveTo>
                    <a:pt x="220980" y="0"/>
                  </a:moveTo>
                  <a:lnTo>
                    <a:pt x="217932" y="0"/>
                  </a:lnTo>
                  <a:lnTo>
                    <a:pt x="217932" y="4572"/>
                  </a:lnTo>
                  <a:lnTo>
                    <a:pt x="220980" y="4572"/>
                  </a:lnTo>
                  <a:lnTo>
                    <a:pt x="220980" y="0"/>
                  </a:lnTo>
                  <a:close/>
                </a:path>
                <a:path w="254635" h="5079">
                  <a:moveTo>
                    <a:pt x="227076" y="0"/>
                  </a:moveTo>
                  <a:lnTo>
                    <a:pt x="224028" y="0"/>
                  </a:lnTo>
                  <a:lnTo>
                    <a:pt x="224028" y="4572"/>
                  </a:lnTo>
                  <a:lnTo>
                    <a:pt x="227076" y="4572"/>
                  </a:lnTo>
                  <a:lnTo>
                    <a:pt x="227076" y="0"/>
                  </a:lnTo>
                  <a:close/>
                </a:path>
                <a:path w="254635" h="5079">
                  <a:moveTo>
                    <a:pt x="234696" y="0"/>
                  </a:moveTo>
                  <a:lnTo>
                    <a:pt x="231648" y="0"/>
                  </a:lnTo>
                  <a:lnTo>
                    <a:pt x="231648" y="4572"/>
                  </a:lnTo>
                  <a:lnTo>
                    <a:pt x="234696" y="4572"/>
                  </a:lnTo>
                  <a:lnTo>
                    <a:pt x="234696" y="0"/>
                  </a:lnTo>
                  <a:close/>
                </a:path>
                <a:path w="254635" h="5079">
                  <a:moveTo>
                    <a:pt x="240792" y="0"/>
                  </a:moveTo>
                  <a:lnTo>
                    <a:pt x="237744" y="0"/>
                  </a:lnTo>
                  <a:lnTo>
                    <a:pt x="237744" y="4572"/>
                  </a:lnTo>
                  <a:lnTo>
                    <a:pt x="240792" y="4572"/>
                  </a:lnTo>
                  <a:lnTo>
                    <a:pt x="240792" y="0"/>
                  </a:lnTo>
                  <a:close/>
                </a:path>
                <a:path w="254635" h="5079">
                  <a:moveTo>
                    <a:pt x="248412" y="0"/>
                  </a:moveTo>
                  <a:lnTo>
                    <a:pt x="245364" y="0"/>
                  </a:lnTo>
                  <a:lnTo>
                    <a:pt x="245364" y="4572"/>
                  </a:lnTo>
                  <a:lnTo>
                    <a:pt x="248412" y="4572"/>
                  </a:lnTo>
                  <a:lnTo>
                    <a:pt x="248412" y="0"/>
                  </a:lnTo>
                  <a:close/>
                </a:path>
                <a:path w="254635" h="5079">
                  <a:moveTo>
                    <a:pt x="254508" y="0"/>
                  </a:moveTo>
                  <a:lnTo>
                    <a:pt x="251460" y="0"/>
                  </a:lnTo>
                  <a:lnTo>
                    <a:pt x="251460" y="4572"/>
                  </a:lnTo>
                  <a:lnTo>
                    <a:pt x="254508" y="4572"/>
                  </a:lnTo>
                  <a:lnTo>
                    <a:pt x="254508" y="0"/>
                  </a:lnTo>
                  <a:close/>
                </a:path>
              </a:pathLst>
            </a:custGeom>
            <a:solidFill>
              <a:srgbClr val="D8D8D8"/>
            </a:solidFill>
          </p:spPr>
          <p:txBody>
            <a:bodyPr wrap="square" lIns="0" tIns="0" rIns="0" bIns="0" rtlCol="0"/>
            <a:lstStyle/>
            <a:p>
              <a:endParaRPr sz="1539"/>
            </a:p>
          </p:txBody>
        </p:sp>
        <p:sp>
          <p:nvSpPr>
            <p:cNvPr id="79" name="object 79"/>
            <p:cNvSpPr/>
            <p:nvPr/>
          </p:nvSpPr>
          <p:spPr>
            <a:xfrm>
              <a:off x="6056376" y="3963162"/>
              <a:ext cx="254635" cy="0"/>
            </a:xfrm>
            <a:custGeom>
              <a:avLst/>
              <a:gdLst/>
              <a:ahLst/>
              <a:cxnLst/>
              <a:rect l="l" t="t" r="r" b="b"/>
              <a:pathLst>
                <a:path w="254635">
                  <a:moveTo>
                    <a:pt x="0" y="0"/>
                  </a:moveTo>
                  <a:lnTo>
                    <a:pt x="254508" y="0"/>
                  </a:lnTo>
                </a:path>
              </a:pathLst>
            </a:custGeom>
            <a:ln w="4572">
              <a:solidFill>
                <a:srgbClr val="D8D8D8"/>
              </a:solidFill>
              <a:prstDash val="sysDot"/>
            </a:ln>
          </p:spPr>
          <p:txBody>
            <a:bodyPr wrap="square" lIns="0" tIns="0" rIns="0" bIns="0" rtlCol="0"/>
            <a:lstStyle/>
            <a:p>
              <a:endParaRPr sz="1539"/>
            </a:p>
          </p:txBody>
        </p:sp>
        <p:sp>
          <p:nvSpPr>
            <p:cNvPr id="80" name="object 80"/>
            <p:cNvSpPr/>
            <p:nvPr/>
          </p:nvSpPr>
          <p:spPr>
            <a:xfrm>
              <a:off x="6481572" y="3960875"/>
              <a:ext cx="652780" cy="5080"/>
            </a:xfrm>
            <a:custGeom>
              <a:avLst/>
              <a:gdLst/>
              <a:ahLst/>
              <a:cxnLst/>
              <a:rect l="l" t="t" r="r" b="b"/>
              <a:pathLst>
                <a:path w="652779" h="5079">
                  <a:moveTo>
                    <a:pt x="1524" y="0"/>
                  </a:moveTo>
                  <a:lnTo>
                    <a:pt x="0" y="0"/>
                  </a:lnTo>
                  <a:lnTo>
                    <a:pt x="0" y="4572"/>
                  </a:lnTo>
                  <a:lnTo>
                    <a:pt x="1524" y="4572"/>
                  </a:lnTo>
                  <a:lnTo>
                    <a:pt x="1524" y="0"/>
                  </a:lnTo>
                  <a:close/>
                </a:path>
                <a:path w="652779" h="5079">
                  <a:moveTo>
                    <a:pt x="7620" y="0"/>
                  </a:moveTo>
                  <a:lnTo>
                    <a:pt x="4572" y="0"/>
                  </a:lnTo>
                  <a:lnTo>
                    <a:pt x="4572" y="4572"/>
                  </a:lnTo>
                  <a:lnTo>
                    <a:pt x="7620" y="4572"/>
                  </a:lnTo>
                  <a:lnTo>
                    <a:pt x="7620" y="0"/>
                  </a:lnTo>
                  <a:close/>
                </a:path>
                <a:path w="652779" h="5079">
                  <a:moveTo>
                    <a:pt x="15240" y="0"/>
                  </a:moveTo>
                  <a:lnTo>
                    <a:pt x="10668" y="0"/>
                  </a:lnTo>
                  <a:lnTo>
                    <a:pt x="10668" y="4572"/>
                  </a:lnTo>
                  <a:lnTo>
                    <a:pt x="15240" y="4572"/>
                  </a:lnTo>
                  <a:lnTo>
                    <a:pt x="15240" y="0"/>
                  </a:lnTo>
                  <a:close/>
                </a:path>
                <a:path w="652779" h="5079">
                  <a:moveTo>
                    <a:pt x="21323" y="0"/>
                  </a:moveTo>
                  <a:lnTo>
                    <a:pt x="18288" y="0"/>
                  </a:lnTo>
                  <a:lnTo>
                    <a:pt x="18288" y="4572"/>
                  </a:lnTo>
                  <a:lnTo>
                    <a:pt x="21323" y="4572"/>
                  </a:lnTo>
                  <a:lnTo>
                    <a:pt x="21323" y="0"/>
                  </a:lnTo>
                  <a:close/>
                </a:path>
                <a:path w="652779" h="5079">
                  <a:moveTo>
                    <a:pt x="28956" y="0"/>
                  </a:moveTo>
                  <a:lnTo>
                    <a:pt x="24384" y="0"/>
                  </a:lnTo>
                  <a:lnTo>
                    <a:pt x="24384" y="4572"/>
                  </a:lnTo>
                  <a:lnTo>
                    <a:pt x="28956" y="4572"/>
                  </a:lnTo>
                  <a:lnTo>
                    <a:pt x="28956" y="0"/>
                  </a:lnTo>
                  <a:close/>
                </a:path>
                <a:path w="652779" h="5079">
                  <a:moveTo>
                    <a:pt x="35052" y="0"/>
                  </a:moveTo>
                  <a:lnTo>
                    <a:pt x="32004" y="0"/>
                  </a:lnTo>
                  <a:lnTo>
                    <a:pt x="32004" y="4572"/>
                  </a:lnTo>
                  <a:lnTo>
                    <a:pt x="35052" y="4572"/>
                  </a:lnTo>
                  <a:lnTo>
                    <a:pt x="35052" y="0"/>
                  </a:lnTo>
                  <a:close/>
                </a:path>
                <a:path w="652779" h="5079">
                  <a:moveTo>
                    <a:pt x="42672" y="0"/>
                  </a:moveTo>
                  <a:lnTo>
                    <a:pt x="38100" y="0"/>
                  </a:lnTo>
                  <a:lnTo>
                    <a:pt x="38100" y="4572"/>
                  </a:lnTo>
                  <a:lnTo>
                    <a:pt x="42672" y="4572"/>
                  </a:lnTo>
                  <a:lnTo>
                    <a:pt x="42672" y="0"/>
                  </a:lnTo>
                  <a:close/>
                </a:path>
                <a:path w="652779" h="5079">
                  <a:moveTo>
                    <a:pt x="48768" y="0"/>
                  </a:moveTo>
                  <a:lnTo>
                    <a:pt x="45720" y="0"/>
                  </a:lnTo>
                  <a:lnTo>
                    <a:pt x="45720" y="4572"/>
                  </a:lnTo>
                  <a:lnTo>
                    <a:pt x="48768" y="4572"/>
                  </a:lnTo>
                  <a:lnTo>
                    <a:pt x="48768" y="0"/>
                  </a:lnTo>
                  <a:close/>
                </a:path>
                <a:path w="652779" h="5079">
                  <a:moveTo>
                    <a:pt x="56375" y="0"/>
                  </a:moveTo>
                  <a:lnTo>
                    <a:pt x="51816" y="0"/>
                  </a:lnTo>
                  <a:lnTo>
                    <a:pt x="51816" y="4572"/>
                  </a:lnTo>
                  <a:lnTo>
                    <a:pt x="56375" y="4572"/>
                  </a:lnTo>
                  <a:lnTo>
                    <a:pt x="56375" y="0"/>
                  </a:lnTo>
                  <a:close/>
                </a:path>
                <a:path w="652779" h="5079">
                  <a:moveTo>
                    <a:pt x="62484" y="0"/>
                  </a:moveTo>
                  <a:lnTo>
                    <a:pt x="59423" y="0"/>
                  </a:lnTo>
                  <a:lnTo>
                    <a:pt x="59423" y="4572"/>
                  </a:lnTo>
                  <a:lnTo>
                    <a:pt x="62484" y="4572"/>
                  </a:lnTo>
                  <a:lnTo>
                    <a:pt x="62484" y="0"/>
                  </a:lnTo>
                  <a:close/>
                </a:path>
                <a:path w="652779" h="5079">
                  <a:moveTo>
                    <a:pt x="70104" y="0"/>
                  </a:moveTo>
                  <a:lnTo>
                    <a:pt x="65532" y="0"/>
                  </a:lnTo>
                  <a:lnTo>
                    <a:pt x="65532" y="4572"/>
                  </a:lnTo>
                  <a:lnTo>
                    <a:pt x="70104" y="4572"/>
                  </a:lnTo>
                  <a:lnTo>
                    <a:pt x="70104" y="0"/>
                  </a:lnTo>
                  <a:close/>
                </a:path>
                <a:path w="652779" h="5079">
                  <a:moveTo>
                    <a:pt x="76200" y="0"/>
                  </a:moveTo>
                  <a:lnTo>
                    <a:pt x="73152" y="0"/>
                  </a:lnTo>
                  <a:lnTo>
                    <a:pt x="73152" y="4572"/>
                  </a:lnTo>
                  <a:lnTo>
                    <a:pt x="76200" y="4572"/>
                  </a:lnTo>
                  <a:lnTo>
                    <a:pt x="76200" y="0"/>
                  </a:lnTo>
                  <a:close/>
                </a:path>
                <a:path w="652779" h="5079">
                  <a:moveTo>
                    <a:pt x="83820" y="0"/>
                  </a:moveTo>
                  <a:lnTo>
                    <a:pt x="79248" y="0"/>
                  </a:lnTo>
                  <a:lnTo>
                    <a:pt x="79248" y="4572"/>
                  </a:lnTo>
                  <a:lnTo>
                    <a:pt x="83820" y="4572"/>
                  </a:lnTo>
                  <a:lnTo>
                    <a:pt x="83820" y="0"/>
                  </a:lnTo>
                  <a:close/>
                </a:path>
                <a:path w="652779" h="5079">
                  <a:moveTo>
                    <a:pt x="89916" y="0"/>
                  </a:moveTo>
                  <a:lnTo>
                    <a:pt x="86868" y="0"/>
                  </a:lnTo>
                  <a:lnTo>
                    <a:pt x="86868" y="4572"/>
                  </a:lnTo>
                  <a:lnTo>
                    <a:pt x="89916" y="4572"/>
                  </a:lnTo>
                  <a:lnTo>
                    <a:pt x="89916" y="0"/>
                  </a:lnTo>
                  <a:close/>
                </a:path>
                <a:path w="652779" h="5079">
                  <a:moveTo>
                    <a:pt x="97523" y="0"/>
                  </a:moveTo>
                  <a:lnTo>
                    <a:pt x="92951" y="0"/>
                  </a:lnTo>
                  <a:lnTo>
                    <a:pt x="92951" y="4572"/>
                  </a:lnTo>
                  <a:lnTo>
                    <a:pt x="97523" y="4572"/>
                  </a:lnTo>
                  <a:lnTo>
                    <a:pt x="97523" y="0"/>
                  </a:lnTo>
                  <a:close/>
                </a:path>
                <a:path w="652779" h="5079">
                  <a:moveTo>
                    <a:pt x="103632" y="0"/>
                  </a:moveTo>
                  <a:lnTo>
                    <a:pt x="100584" y="0"/>
                  </a:lnTo>
                  <a:lnTo>
                    <a:pt x="100584" y="4572"/>
                  </a:lnTo>
                  <a:lnTo>
                    <a:pt x="103632" y="4572"/>
                  </a:lnTo>
                  <a:lnTo>
                    <a:pt x="103632" y="0"/>
                  </a:lnTo>
                  <a:close/>
                </a:path>
                <a:path w="652779" h="5079">
                  <a:moveTo>
                    <a:pt x="109728" y="0"/>
                  </a:moveTo>
                  <a:lnTo>
                    <a:pt x="106680" y="0"/>
                  </a:lnTo>
                  <a:lnTo>
                    <a:pt x="106680" y="4572"/>
                  </a:lnTo>
                  <a:lnTo>
                    <a:pt x="109728" y="4572"/>
                  </a:lnTo>
                  <a:lnTo>
                    <a:pt x="109728" y="0"/>
                  </a:lnTo>
                  <a:close/>
                </a:path>
                <a:path w="652779" h="5079">
                  <a:moveTo>
                    <a:pt x="117348" y="0"/>
                  </a:moveTo>
                  <a:lnTo>
                    <a:pt x="114300" y="0"/>
                  </a:lnTo>
                  <a:lnTo>
                    <a:pt x="114300" y="4572"/>
                  </a:lnTo>
                  <a:lnTo>
                    <a:pt x="117348" y="4572"/>
                  </a:lnTo>
                  <a:lnTo>
                    <a:pt x="117348" y="0"/>
                  </a:lnTo>
                  <a:close/>
                </a:path>
                <a:path w="652779" h="5079">
                  <a:moveTo>
                    <a:pt x="123444" y="0"/>
                  </a:moveTo>
                  <a:lnTo>
                    <a:pt x="120396" y="0"/>
                  </a:lnTo>
                  <a:lnTo>
                    <a:pt x="120396" y="4572"/>
                  </a:lnTo>
                  <a:lnTo>
                    <a:pt x="123444" y="4572"/>
                  </a:lnTo>
                  <a:lnTo>
                    <a:pt x="123444" y="0"/>
                  </a:lnTo>
                  <a:close/>
                </a:path>
                <a:path w="652779" h="5079">
                  <a:moveTo>
                    <a:pt x="131051" y="0"/>
                  </a:moveTo>
                  <a:lnTo>
                    <a:pt x="128016" y="0"/>
                  </a:lnTo>
                  <a:lnTo>
                    <a:pt x="128016" y="4572"/>
                  </a:lnTo>
                  <a:lnTo>
                    <a:pt x="131051" y="4572"/>
                  </a:lnTo>
                  <a:lnTo>
                    <a:pt x="131051" y="0"/>
                  </a:lnTo>
                  <a:close/>
                </a:path>
                <a:path w="652779" h="5079">
                  <a:moveTo>
                    <a:pt x="137147" y="0"/>
                  </a:moveTo>
                  <a:lnTo>
                    <a:pt x="134099" y="0"/>
                  </a:lnTo>
                  <a:lnTo>
                    <a:pt x="134099" y="4572"/>
                  </a:lnTo>
                  <a:lnTo>
                    <a:pt x="137147" y="4572"/>
                  </a:lnTo>
                  <a:lnTo>
                    <a:pt x="137147" y="0"/>
                  </a:lnTo>
                  <a:close/>
                </a:path>
                <a:path w="652779" h="5079">
                  <a:moveTo>
                    <a:pt x="144780" y="0"/>
                  </a:moveTo>
                  <a:lnTo>
                    <a:pt x="141732" y="0"/>
                  </a:lnTo>
                  <a:lnTo>
                    <a:pt x="141732" y="4572"/>
                  </a:lnTo>
                  <a:lnTo>
                    <a:pt x="144780" y="4572"/>
                  </a:lnTo>
                  <a:lnTo>
                    <a:pt x="144780" y="0"/>
                  </a:lnTo>
                  <a:close/>
                </a:path>
                <a:path w="652779" h="5079">
                  <a:moveTo>
                    <a:pt x="150876" y="0"/>
                  </a:moveTo>
                  <a:lnTo>
                    <a:pt x="147828" y="0"/>
                  </a:lnTo>
                  <a:lnTo>
                    <a:pt x="147828" y="4572"/>
                  </a:lnTo>
                  <a:lnTo>
                    <a:pt x="150876" y="4572"/>
                  </a:lnTo>
                  <a:lnTo>
                    <a:pt x="150876" y="0"/>
                  </a:lnTo>
                  <a:close/>
                </a:path>
                <a:path w="652779" h="5079">
                  <a:moveTo>
                    <a:pt x="158496" y="0"/>
                  </a:moveTo>
                  <a:lnTo>
                    <a:pt x="155448" y="0"/>
                  </a:lnTo>
                  <a:lnTo>
                    <a:pt x="155448" y="4572"/>
                  </a:lnTo>
                  <a:lnTo>
                    <a:pt x="158496" y="4572"/>
                  </a:lnTo>
                  <a:lnTo>
                    <a:pt x="158496" y="0"/>
                  </a:lnTo>
                  <a:close/>
                </a:path>
                <a:path w="652779" h="5079">
                  <a:moveTo>
                    <a:pt x="164592" y="0"/>
                  </a:moveTo>
                  <a:lnTo>
                    <a:pt x="161544" y="0"/>
                  </a:lnTo>
                  <a:lnTo>
                    <a:pt x="161544" y="4572"/>
                  </a:lnTo>
                  <a:lnTo>
                    <a:pt x="164592" y="4572"/>
                  </a:lnTo>
                  <a:lnTo>
                    <a:pt x="164592" y="0"/>
                  </a:lnTo>
                  <a:close/>
                </a:path>
                <a:path w="652779" h="5079">
                  <a:moveTo>
                    <a:pt x="172199" y="0"/>
                  </a:moveTo>
                  <a:lnTo>
                    <a:pt x="169151" y="0"/>
                  </a:lnTo>
                  <a:lnTo>
                    <a:pt x="169151" y="4572"/>
                  </a:lnTo>
                  <a:lnTo>
                    <a:pt x="172199" y="4572"/>
                  </a:lnTo>
                  <a:lnTo>
                    <a:pt x="172199" y="0"/>
                  </a:lnTo>
                  <a:close/>
                </a:path>
                <a:path w="652779" h="5079">
                  <a:moveTo>
                    <a:pt x="178308" y="0"/>
                  </a:moveTo>
                  <a:lnTo>
                    <a:pt x="175247" y="0"/>
                  </a:lnTo>
                  <a:lnTo>
                    <a:pt x="175247" y="4572"/>
                  </a:lnTo>
                  <a:lnTo>
                    <a:pt x="178308" y="4572"/>
                  </a:lnTo>
                  <a:lnTo>
                    <a:pt x="178308" y="0"/>
                  </a:lnTo>
                  <a:close/>
                </a:path>
                <a:path w="652779" h="5079">
                  <a:moveTo>
                    <a:pt x="185928" y="0"/>
                  </a:moveTo>
                  <a:lnTo>
                    <a:pt x="182880" y="0"/>
                  </a:lnTo>
                  <a:lnTo>
                    <a:pt x="182880" y="4572"/>
                  </a:lnTo>
                  <a:lnTo>
                    <a:pt x="185928" y="4572"/>
                  </a:lnTo>
                  <a:lnTo>
                    <a:pt x="185928" y="0"/>
                  </a:lnTo>
                  <a:close/>
                </a:path>
                <a:path w="652779" h="5079">
                  <a:moveTo>
                    <a:pt x="192024" y="0"/>
                  </a:moveTo>
                  <a:lnTo>
                    <a:pt x="188976" y="0"/>
                  </a:lnTo>
                  <a:lnTo>
                    <a:pt x="188976" y="4572"/>
                  </a:lnTo>
                  <a:lnTo>
                    <a:pt x="192024" y="4572"/>
                  </a:lnTo>
                  <a:lnTo>
                    <a:pt x="192024" y="0"/>
                  </a:lnTo>
                  <a:close/>
                </a:path>
                <a:path w="652779" h="5079">
                  <a:moveTo>
                    <a:pt x="199644" y="0"/>
                  </a:moveTo>
                  <a:lnTo>
                    <a:pt x="196596" y="0"/>
                  </a:lnTo>
                  <a:lnTo>
                    <a:pt x="196596" y="4572"/>
                  </a:lnTo>
                  <a:lnTo>
                    <a:pt x="199644" y="4572"/>
                  </a:lnTo>
                  <a:lnTo>
                    <a:pt x="199644" y="0"/>
                  </a:lnTo>
                  <a:close/>
                </a:path>
                <a:path w="652779" h="5079">
                  <a:moveTo>
                    <a:pt x="205740" y="0"/>
                  </a:moveTo>
                  <a:lnTo>
                    <a:pt x="202692" y="0"/>
                  </a:lnTo>
                  <a:lnTo>
                    <a:pt x="202692" y="4572"/>
                  </a:lnTo>
                  <a:lnTo>
                    <a:pt x="205740" y="4572"/>
                  </a:lnTo>
                  <a:lnTo>
                    <a:pt x="205740" y="0"/>
                  </a:lnTo>
                  <a:close/>
                </a:path>
                <a:path w="652779" h="5079">
                  <a:moveTo>
                    <a:pt x="213360" y="0"/>
                  </a:moveTo>
                  <a:lnTo>
                    <a:pt x="210312" y="0"/>
                  </a:lnTo>
                  <a:lnTo>
                    <a:pt x="210312" y="4572"/>
                  </a:lnTo>
                  <a:lnTo>
                    <a:pt x="213360" y="4572"/>
                  </a:lnTo>
                  <a:lnTo>
                    <a:pt x="213360" y="0"/>
                  </a:lnTo>
                  <a:close/>
                </a:path>
                <a:path w="652779" h="5079">
                  <a:moveTo>
                    <a:pt x="219456" y="0"/>
                  </a:moveTo>
                  <a:lnTo>
                    <a:pt x="216408" y="0"/>
                  </a:lnTo>
                  <a:lnTo>
                    <a:pt x="216408" y="4572"/>
                  </a:lnTo>
                  <a:lnTo>
                    <a:pt x="219456" y="4572"/>
                  </a:lnTo>
                  <a:lnTo>
                    <a:pt x="219456" y="0"/>
                  </a:lnTo>
                  <a:close/>
                </a:path>
                <a:path w="652779" h="5079">
                  <a:moveTo>
                    <a:pt x="227076" y="0"/>
                  </a:moveTo>
                  <a:lnTo>
                    <a:pt x="224028" y="0"/>
                  </a:lnTo>
                  <a:lnTo>
                    <a:pt x="224028" y="4572"/>
                  </a:lnTo>
                  <a:lnTo>
                    <a:pt x="227076" y="4572"/>
                  </a:lnTo>
                  <a:lnTo>
                    <a:pt x="227076" y="0"/>
                  </a:lnTo>
                  <a:close/>
                </a:path>
                <a:path w="652779" h="5079">
                  <a:moveTo>
                    <a:pt x="233172" y="0"/>
                  </a:moveTo>
                  <a:lnTo>
                    <a:pt x="230124" y="0"/>
                  </a:lnTo>
                  <a:lnTo>
                    <a:pt x="230124" y="4572"/>
                  </a:lnTo>
                  <a:lnTo>
                    <a:pt x="233172" y="4572"/>
                  </a:lnTo>
                  <a:lnTo>
                    <a:pt x="233172" y="0"/>
                  </a:lnTo>
                  <a:close/>
                </a:path>
                <a:path w="652779" h="5079">
                  <a:moveTo>
                    <a:pt x="240792" y="0"/>
                  </a:moveTo>
                  <a:lnTo>
                    <a:pt x="237744" y="0"/>
                  </a:lnTo>
                  <a:lnTo>
                    <a:pt x="237744" y="4572"/>
                  </a:lnTo>
                  <a:lnTo>
                    <a:pt x="240792" y="4572"/>
                  </a:lnTo>
                  <a:lnTo>
                    <a:pt x="240792" y="0"/>
                  </a:lnTo>
                  <a:close/>
                </a:path>
                <a:path w="652779" h="5079">
                  <a:moveTo>
                    <a:pt x="246888" y="0"/>
                  </a:moveTo>
                  <a:lnTo>
                    <a:pt x="243840" y="0"/>
                  </a:lnTo>
                  <a:lnTo>
                    <a:pt x="243840" y="4572"/>
                  </a:lnTo>
                  <a:lnTo>
                    <a:pt x="246888" y="4572"/>
                  </a:lnTo>
                  <a:lnTo>
                    <a:pt x="246888" y="0"/>
                  </a:lnTo>
                  <a:close/>
                </a:path>
                <a:path w="652779" h="5079">
                  <a:moveTo>
                    <a:pt x="254508" y="0"/>
                  </a:moveTo>
                  <a:lnTo>
                    <a:pt x="251460" y="0"/>
                  </a:lnTo>
                  <a:lnTo>
                    <a:pt x="251460" y="4572"/>
                  </a:lnTo>
                  <a:lnTo>
                    <a:pt x="254508" y="4572"/>
                  </a:lnTo>
                  <a:lnTo>
                    <a:pt x="254508" y="0"/>
                  </a:lnTo>
                  <a:close/>
                </a:path>
                <a:path w="652779" h="5079">
                  <a:moveTo>
                    <a:pt x="432816" y="0"/>
                  </a:moveTo>
                  <a:lnTo>
                    <a:pt x="429768" y="0"/>
                  </a:lnTo>
                  <a:lnTo>
                    <a:pt x="429768" y="4572"/>
                  </a:lnTo>
                  <a:lnTo>
                    <a:pt x="432816" y="4572"/>
                  </a:lnTo>
                  <a:lnTo>
                    <a:pt x="432816" y="0"/>
                  </a:lnTo>
                  <a:close/>
                </a:path>
                <a:path w="652779" h="5079">
                  <a:moveTo>
                    <a:pt x="438912" y="0"/>
                  </a:moveTo>
                  <a:lnTo>
                    <a:pt x="435864" y="0"/>
                  </a:lnTo>
                  <a:lnTo>
                    <a:pt x="435864" y="4572"/>
                  </a:lnTo>
                  <a:lnTo>
                    <a:pt x="438912" y="4572"/>
                  </a:lnTo>
                  <a:lnTo>
                    <a:pt x="438912" y="0"/>
                  </a:lnTo>
                  <a:close/>
                </a:path>
                <a:path w="652779" h="5079">
                  <a:moveTo>
                    <a:pt x="446532" y="0"/>
                  </a:moveTo>
                  <a:lnTo>
                    <a:pt x="443484" y="0"/>
                  </a:lnTo>
                  <a:lnTo>
                    <a:pt x="443484" y="4572"/>
                  </a:lnTo>
                  <a:lnTo>
                    <a:pt x="446532" y="4572"/>
                  </a:lnTo>
                  <a:lnTo>
                    <a:pt x="446532" y="0"/>
                  </a:lnTo>
                  <a:close/>
                </a:path>
                <a:path w="652779" h="5079">
                  <a:moveTo>
                    <a:pt x="452628" y="0"/>
                  </a:moveTo>
                  <a:lnTo>
                    <a:pt x="449580" y="0"/>
                  </a:lnTo>
                  <a:lnTo>
                    <a:pt x="449580" y="4572"/>
                  </a:lnTo>
                  <a:lnTo>
                    <a:pt x="452628" y="4572"/>
                  </a:lnTo>
                  <a:lnTo>
                    <a:pt x="452628" y="0"/>
                  </a:lnTo>
                  <a:close/>
                </a:path>
                <a:path w="652779" h="5079">
                  <a:moveTo>
                    <a:pt x="460248" y="0"/>
                  </a:moveTo>
                  <a:lnTo>
                    <a:pt x="457200" y="0"/>
                  </a:lnTo>
                  <a:lnTo>
                    <a:pt x="457200" y="4572"/>
                  </a:lnTo>
                  <a:lnTo>
                    <a:pt x="460248" y="4572"/>
                  </a:lnTo>
                  <a:lnTo>
                    <a:pt x="460248" y="0"/>
                  </a:lnTo>
                  <a:close/>
                </a:path>
                <a:path w="652779" h="5079">
                  <a:moveTo>
                    <a:pt x="466344" y="0"/>
                  </a:moveTo>
                  <a:lnTo>
                    <a:pt x="463296" y="0"/>
                  </a:lnTo>
                  <a:lnTo>
                    <a:pt x="463296" y="4572"/>
                  </a:lnTo>
                  <a:lnTo>
                    <a:pt x="466344" y="4572"/>
                  </a:lnTo>
                  <a:lnTo>
                    <a:pt x="466344" y="0"/>
                  </a:lnTo>
                  <a:close/>
                </a:path>
                <a:path w="652779" h="5079">
                  <a:moveTo>
                    <a:pt x="473964" y="0"/>
                  </a:moveTo>
                  <a:lnTo>
                    <a:pt x="470916" y="0"/>
                  </a:lnTo>
                  <a:lnTo>
                    <a:pt x="470916" y="4572"/>
                  </a:lnTo>
                  <a:lnTo>
                    <a:pt x="473964" y="4572"/>
                  </a:lnTo>
                  <a:lnTo>
                    <a:pt x="473964" y="0"/>
                  </a:lnTo>
                  <a:close/>
                </a:path>
                <a:path w="652779" h="5079">
                  <a:moveTo>
                    <a:pt x="480060" y="0"/>
                  </a:moveTo>
                  <a:lnTo>
                    <a:pt x="477012" y="0"/>
                  </a:lnTo>
                  <a:lnTo>
                    <a:pt x="477012" y="4572"/>
                  </a:lnTo>
                  <a:lnTo>
                    <a:pt x="480060" y="4572"/>
                  </a:lnTo>
                  <a:lnTo>
                    <a:pt x="480060" y="0"/>
                  </a:lnTo>
                  <a:close/>
                </a:path>
                <a:path w="652779" h="5079">
                  <a:moveTo>
                    <a:pt x="487680" y="0"/>
                  </a:moveTo>
                  <a:lnTo>
                    <a:pt x="484632" y="0"/>
                  </a:lnTo>
                  <a:lnTo>
                    <a:pt x="484632" y="4572"/>
                  </a:lnTo>
                  <a:lnTo>
                    <a:pt x="487680" y="4572"/>
                  </a:lnTo>
                  <a:lnTo>
                    <a:pt x="487680" y="0"/>
                  </a:lnTo>
                  <a:close/>
                </a:path>
                <a:path w="652779" h="5079">
                  <a:moveTo>
                    <a:pt x="493776" y="0"/>
                  </a:moveTo>
                  <a:lnTo>
                    <a:pt x="490728" y="0"/>
                  </a:lnTo>
                  <a:lnTo>
                    <a:pt x="490728" y="4572"/>
                  </a:lnTo>
                  <a:lnTo>
                    <a:pt x="493776" y="4572"/>
                  </a:lnTo>
                  <a:lnTo>
                    <a:pt x="493776" y="0"/>
                  </a:lnTo>
                  <a:close/>
                </a:path>
                <a:path w="652779" h="5079">
                  <a:moveTo>
                    <a:pt x="501396" y="0"/>
                  </a:moveTo>
                  <a:lnTo>
                    <a:pt x="498348" y="0"/>
                  </a:lnTo>
                  <a:lnTo>
                    <a:pt x="498348" y="4572"/>
                  </a:lnTo>
                  <a:lnTo>
                    <a:pt x="501396" y="4572"/>
                  </a:lnTo>
                  <a:lnTo>
                    <a:pt x="501396" y="0"/>
                  </a:lnTo>
                  <a:close/>
                </a:path>
                <a:path w="652779" h="5079">
                  <a:moveTo>
                    <a:pt x="507492" y="0"/>
                  </a:moveTo>
                  <a:lnTo>
                    <a:pt x="504444" y="0"/>
                  </a:lnTo>
                  <a:lnTo>
                    <a:pt x="504444" y="4572"/>
                  </a:lnTo>
                  <a:lnTo>
                    <a:pt x="507492" y="4572"/>
                  </a:lnTo>
                  <a:lnTo>
                    <a:pt x="507492" y="0"/>
                  </a:lnTo>
                  <a:close/>
                </a:path>
                <a:path w="652779" h="5079">
                  <a:moveTo>
                    <a:pt x="515112" y="0"/>
                  </a:moveTo>
                  <a:lnTo>
                    <a:pt x="512064" y="0"/>
                  </a:lnTo>
                  <a:lnTo>
                    <a:pt x="512064" y="4572"/>
                  </a:lnTo>
                  <a:lnTo>
                    <a:pt x="515112" y="4572"/>
                  </a:lnTo>
                  <a:lnTo>
                    <a:pt x="515112" y="0"/>
                  </a:lnTo>
                  <a:close/>
                </a:path>
                <a:path w="652779" h="5079">
                  <a:moveTo>
                    <a:pt x="521208" y="0"/>
                  </a:moveTo>
                  <a:lnTo>
                    <a:pt x="518160" y="0"/>
                  </a:lnTo>
                  <a:lnTo>
                    <a:pt x="518160" y="4572"/>
                  </a:lnTo>
                  <a:lnTo>
                    <a:pt x="521208" y="4572"/>
                  </a:lnTo>
                  <a:lnTo>
                    <a:pt x="521208" y="0"/>
                  </a:lnTo>
                  <a:close/>
                </a:path>
                <a:path w="652779" h="5079">
                  <a:moveTo>
                    <a:pt x="528828" y="0"/>
                  </a:moveTo>
                  <a:lnTo>
                    <a:pt x="525780" y="0"/>
                  </a:lnTo>
                  <a:lnTo>
                    <a:pt x="525780" y="4572"/>
                  </a:lnTo>
                  <a:lnTo>
                    <a:pt x="528828" y="4572"/>
                  </a:lnTo>
                  <a:lnTo>
                    <a:pt x="528828" y="0"/>
                  </a:lnTo>
                  <a:close/>
                </a:path>
                <a:path w="652779" h="5079">
                  <a:moveTo>
                    <a:pt x="534924" y="0"/>
                  </a:moveTo>
                  <a:lnTo>
                    <a:pt x="531876" y="0"/>
                  </a:lnTo>
                  <a:lnTo>
                    <a:pt x="531876" y="4572"/>
                  </a:lnTo>
                  <a:lnTo>
                    <a:pt x="534924" y="4572"/>
                  </a:lnTo>
                  <a:lnTo>
                    <a:pt x="534924" y="0"/>
                  </a:lnTo>
                  <a:close/>
                </a:path>
                <a:path w="652779" h="5079">
                  <a:moveTo>
                    <a:pt x="542544" y="0"/>
                  </a:moveTo>
                  <a:lnTo>
                    <a:pt x="539496" y="0"/>
                  </a:lnTo>
                  <a:lnTo>
                    <a:pt x="539496" y="4572"/>
                  </a:lnTo>
                  <a:lnTo>
                    <a:pt x="542544" y="4572"/>
                  </a:lnTo>
                  <a:lnTo>
                    <a:pt x="542544" y="0"/>
                  </a:lnTo>
                  <a:close/>
                </a:path>
                <a:path w="652779" h="5079">
                  <a:moveTo>
                    <a:pt x="548640" y="0"/>
                  </a:moveTo>
                  <a:lnTo>
                    <a:pt x="545592" y="0"/>
                  </a:lnTo>
                  <a:lnTo>
                    <a:pt x="545592" y="4572"/>
                  </a:lnTo>
                  <a:lnTo>
                    <a:pt x="548640" y="4572"/>
                  </a:lnTo>
                  <a:lnTo>
                    <a:pt x="548640" y="0"/>
                  </a:lnTo>
                  <a:close/>
                </a:path>
                <a:path w="652779" h="5079">
                  <a:moveTo>
                    <a:pt x="556260" y="0"/>
                  </a:moveTo>
                  <a:lnTo>
                    <a:pt x="553212" y="0"/>
                  </a:lnTo>
                  <a:lnTo>
                    <a:pt x="553212" y="4572"/>
                  </a:lnTo>
                  <a:lnTo>
                    <a:pt x="556260" y="4572"/>
                  </a:lnTo>
                  <a:lnTo>
                    <a:pt x="556260" y="0"/>
                  </a:lnTo>
                  <a:close/>
                </a:path>
                <a:path w="652779" h="5079">
                  <a:moveTo>
                    <a:pt x="562356" y="0"/>
                  </a:moveTo>
                  <a:lnTo>
                    <a:pt x="559308" y="0"/>
                  </a:lnTo>
                  <a:lnTo>
                    <a:pt x="559308" y="4572"/>
                  </a:lnTo>
                  <a:lnTo>
                    <a:pt x="562356" y="4572"/>
                  </a:lnTo>
                  <a:lnTo>
                    <a:pt x="562356" y="0"/>
                  </a:lnTo>
                  <a:close/>
                </a:path>
                <a:path w="652779" h="5079">
                  <a:moveTo>
                    <a:pt x="569976" y="0"/>
                  </a:moveTo>
                  <a:lnTo>
                    <a:pt x="566928" y="0"/>
                  </a:lnTo>
                  <a:lnTo>
                    <a:pt x="566928" y="4572"/>
                  </a:lnTo>
                  <a:lnTo>
                    <a:pt x="569976" y="4572"/>
                  </a:lnTo>
                  <a:lnTo>
                    <a:pt x="569976" y="0"/>
                  </a:lnTo>
                  <a:close/>
                </a:path>
                <a:path w="652779" h="5079">
                  <a:moveTo>
                    <a:pt x="576072" y="0"/>
                  </a:moveTo>
                  <a:lnTo>
                    <a:pt x="573024" y="0"/>
                  </a:lnTo>
                  <a:lnTo>
                    <a:pt x="573024" y="4572"/>
                  </a:lnTo>
                  <a:lnTo>
                    <a:pt x="576072" y="4572"/>
                  </a:lnTo>
                  <a:lnTo>
                    <a:pt x="576072" y="0"/>
                  </a:lnTo>
                  <a:close/>
                </a:path>
                <a:path w="652779" h="5079">
                  <a:moveTo>
                    <a:pt x="583692" y="0"/>
                  </a:moveTo>
                  <a:lnTo>
                    <a:pt x="580644" y="0"/>
                  </a:lnTo>
                  <a:lnTo>
                    <a:pt x="580644" y="4572"/>
                  </a:lnTo>
                  <a:lnTo>
                    <a:pt x="583692" y="4572"/>
                  </a:lnTo>
                  <a:lnTo>
                    <a:pt x="583692" y="0"/>
                  </a:lnTo>
                  <a:close/>
                </a:path>
                <a:path w="652779" h="5079">
                  <a:moveTo>
                    <a:pt x="589788" y="0"/>
                  </a:moveTo>
                  <a:lnTo>
                    <a:pt x="586740" y="0"/>
                  </a:lnTo>
                  <a:lnTo>
                    <a:pt x="586740" y="4572"/>
                  </a:lnTo>
                  <a:lnTo>
                    <a:pt x="589788" y="4572"/>
                  </a:lnTo>
                  <a:lnTo>
                    <a:pt x="589788" y="0"/>
                  </a:lnTo>
                  <a:close/>
                </a:path>
                <a:path w="652779" h="5079">
                  <a:moveTo>
                    <a:pt x="597408" y="0"/>
                  </a:moveTo>
                  <a:lnTo>
                    <a:pt x="594360" y="0"/>
                  </a:lnTo>
                  <a:lnTo>
                    <a:pt x="594360" y="4572"/>
                  </a:lnTo>
                  <a:lnTo>
                    <a:pt x="597408" y="4572"/>
                  </a:lnTo>
                  <a:lnTo>
                    <a:pt x="597408" y="0"/>
                  </a:lnTo>
                  <a:close/>
                </a:path>
                <a:path w="652779" h="5079">
                  <a:moveTo>
                    <a:pt x="603504" y="0"/>
                  </a:moveTo>
                  <a:lnTo>
                    <a:pt x="600456" y="0"/>
                  </a:lnTo>
                  <a:lnTo>
                    <a:pt x="600456" y="4572"/>
                  </a:lnTo>
                  <a:lnTo>
                    <a:pt x="603504" y="4572"/>
                  </a:lnTo>
                  <a:lnTo>
                    <a:pt x="603504" y="0"/>
                  </a:lnTo>
                  <a:close/>
                </a:path>
                <a:path w="652779" h="5079">
                  <a:moveTo>
                    <a:pt x="611124" y="0"/>
                  </a:moveTo>
                  <a:lnTo>
                    <a:pt x="608076" y="0"/>
                  </a:lnTo>
                  <a:lnTo>
                    <a:pt x="608076" y="4572"/>
                  </a:lnTo>
                  <a:lnTo>
                    <a:pt x="611124" y="4572"/>
                  </a:lnTo>
                  <a:lnTo>
                    <a:pt x="611124" y="0"/>
                  </a:lnTo>
                  <a:close/>
                </a:path>
                <a:path w="652779" h="5079">
                  <a:moveTo>
                    <a:pt x="617220" y="0"/>
                  </a:moveTo>
                  <a:lnTo>
                    <a:pt x="614172" y="0"/>
                  </a:lnTo>
                  <a:lnTo>
                    <a:pt x="614172" y="4572"/>
                  </a:lnTo>
                  <a:lnTo>
                    <a:pt x="617220" y="4572"/>
                  </a:lnTo>
                  <a:lnTo>
                    <a:pt x="617220" y="0"/>
                  </a:lnTo>
                  <a:close/>
                </a:path>
                <a:path w="652779" h="5079">
                  <a:moveTo>
                    <a:pt x="624840" y="0"/>
                  </a:moveTo>
                  <a:lnTo>
                    <a:pt x="621792" y="0"/>
                  </a:lnTo>
                  <a:lnTo>
                    <a:pt x="621792" y="4572"/>
                  </a:lnTo>
                  <a:lnTo>
                    <a:pt x="624840" y="4572"/>
                  </a:lnTo>
                  <a:lnTo>
                    <a:pt x="624840" y="0"/>
                  </a:lnTo>
                  <a:close/>
                </a:path>
                <a:path w="652779" h="5079">
                  <a:moveTo>
                    <a:pt x="630936" y="0"/>
                  </a:moveTo>
                  <a:lnTo>
                    <a:pt x="627888" y="0"/>
                  </a:lnTo>
                  <a:lnTo>
                    <a:pt x="627888" y="4572"/>
                  </a:lnTo>
                  <a:lnTo>
                    <a:pt x="630936" y="4572"/>
                  </a:lnTo>
                  <a:lnTo>
                    <a:pt x="630936" y="0"/>
                  </a:lnTo>
                  <a:close/>
                </a:path>
                <a:path w="652779" h="5079">
                  <a:moveTo>
                    <a:pt x="638556" y="0"/>
                  </a:moveTo>
                  <a:lnTo>
                    <a:pt x="635508" y="0"/>
                  </a:lnTo>
                  <a:lnTo>
                    <a:pt x="635508" y="4572"/>
                  </a:lnTo>
                  <a:lnTo>
                    <a:pt x="638556" y="4572"/>
                  </a:lnTo>
                  <a:lnTo>
                    <a:pt x="638556" y="0"/>
                  </a:lnTo>
                  <a:close/>
                </a:path>
                <a:path w="652779" h="5079">
                  <a:moveTo>
                    <a:pt x="644652" y="0"/>
                  </a:moveTo>
                  <a:lnTo>
                    <a:pt x="641604" y="0"/>
                  </a:lnTo>
                  <a:lnTo>
                    <a:pt x="641604" y="4572"/>
                  </a:lnTo>
                  <a:lnTo>
                    <a:pt x="644652" y="4572"/>
                  </a:lnTo>
                  <a:lnTo>
                    <a:pt x="644652" y="0"/>
                  </a:lnTo>
                  <a:close/>
                </a:path>
                <a:path w="652779" h="5079">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81" name="object 81"/>
            <p:cNvSpPr/>
            <p:nvPr/>
          </p:nvSpPr>
          <p:spPr>
            <a:xfrm>
              <a:off x="7130796" y="3960875"/>
              <a:ext cx="30480" cy="5080"/>
            </a:xfrm>
            <a:custGeom>
              <a:avLst/>
              <a:gdLst/>
              <a:ahLst/>
              <a:cxnLst/>
              <a:rect l="l" t="t" r="r" b="b"/>
              <a:pathLst>
                <a:path w="30479" h="5079">
                  <a:moveTo>
                    <a:pt x="3048" y="0"/>
                  </a:moveTo>
                  <a:lnTo>
                    <a:pt x="0" y="0"/>
                  </a:lnTo>
                  <a:lnTo>
                    <a:pt x="0" y="4572"/>
                  </a:lnTo>
                  <a:lnTo>
                    <a:pt x="3048" y="4572"/>
                  </a:lnTo>
                  <a:lnTo>
                    <a:pt x="3048" y="0"/>
                  </a:lnTo>
                  <a:close/>
                </a:path>
                <a:path w="30479" h="5079">
                  <a:moveTo>
                    <a:pt x="9144" y="0"/>
                  </a:moveTo>
                  <a:lnTo>
                    <a:pt x="6096" y="0"/>
                  </a:lnTo>
                  <a:lnTo>
                    <a:pt x="6096" y="4572"/>
                  </a:lnTo>
                  <a:lnTo>
                    <a:pt x="9144" y="4572"/>
                  </a:lnTo>
                  <a:lnTo>
                    <a:pt x="9144" y="0"/>
                  </a:lnTo>
                  <a:close/>
                </a:path>
                <a:path w="30479" h="5079">
                  <a:moveTo>
                    <a:pt x="16764" y="0"/>
                  </a:moveTo>
                  <a:lnTo>
                    <a:pt x="13716" y="0"/>
                  </a:lnTo>
                  <a:lnTo>
                    <a:pt x="13716" y="4572"/>
                  </a:lnTo>
                  <a:lnTo>
                    <a:pt x="16764" y="4572"/>
                  </a:lnTo>
                  <a:lnTo>
                    <a:pt x="16764" y="0"/>
                  </a:lnTo>
                  <a:close/>
                </a:path>
                <a:path w="30479" h="5079">
                  <a:moveTo>
                    <a:pt x="22860" y="0"/>
                  </a:moveTo>
                  <a:lnTo>
                    <a:pt x="19812" y="0"/>
                  </a:lnTo>
                  <a:lnTo>
                    <a:pt x="19812" y="4572"/>
                  </a:lnTo>
                  <a:lnTo>
                    <a:pt x="22860" y="4572"/>
                  </a:lnTo>
                  <a:lnTo>
                    <a:pt x="22860" y="0"/>
                  </a:lnTo>
                  <a:close/>
                </a:path>
                <a:path w="30479" h="5079">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82" name="object 82"/>
            <p:cNvSpPr/>
            <p:nvPr/>
          </p:nvSpPr>
          <p:spPr>
            <a:xfrm>
              <a:off x="7330439" y="3963162"/>
              <a:ext cx="256540" cy="0"/>
            </a:xfrm>
            <a:custGeom>
              <a:avLst/>
              <a:gdLst/>
              <a:ahLst/>
              <a:cxnLst/>
              <a:rect l="l" t="t" r="r" b="b"/>
              <a:pathLst>
                <a:path w="256540">
                  <a:moveTo>
                    <a:pt x="0" y="0"/>
                  </a:moveTo>
                  <a:lnTo>
                    <a:pt x="256031" y="0"/>
                  </a:lnTo>
                </a:path>
              </a:pathLst>
            </a:custGeom>
            <a:ln w="4572">
              <a:solidFill>
                <a:srgbClr val="D8D8D8"/>
              </a:solidFill>
              <a:prstDash val="sysDot"/>
            </a:ln>
          </p:spPr>
          <p:txBody>
            <a:bodyPr wrap="square" lIns="0" tIns="0" rIns="0" bIns="0" rtlCol="0"/>
            <a:lstStyle/>
            <a:p>
              <a:endParaRPr sz="1539"/>
            </a:p>
          </p:txBody>
        </p:sp>
        <p:sp>
          <p:nvSpPr>
            <p:cNvPr id="83" name="object 83"/>
            <p:cNvSpPr/>
            <p:nvPr/>
          </p:nvSpPr>
          <p:spPr>
            <a:xfrm>
              <a:off x="7755636" y="3960875"/>
              <a:ext cx="646430" cy="5080"/>
            </a:xfrm>
            <a:custGeom>
              <a:avLst/>
              <a:gdLst/>
              <a:ahLst/>
              <a:cxnLst/>
              <a:rect l="l" t="t" r="r" b="b"/>
              <a:pathLst>
                <a:path w="646429" h="5079">
                  <a:moveTo>
                    <a:pt x="1524" y="0"/>
                  </a:moveTo>
                  <a:lnTo>
                    <a:pt x="0" y="0"/>
                  </a:lnTo>
                  <a:lnTo>
                    <a:pt x="0" y="4572"/>
                  </a:lnTo>
                  <a:lnTo>
                    <a:pt x="1524" y="4572"/>
                  </a:lnTo>
                  <a:lnTo>
                    <a:pt x="1524" y="0"/>
                  </a:lnTo>
                  <a:close/>
                </a:path>
                <a:path w="646429" h="5079">
                  <a:moveTo>
                    <a:pt x="9144" y="0"/>
                  </a:moveTo>
                  <a:lnTo>
                    <a:pt x="4572" y="0"/>
                  </a:lnTo>
                  <a:lnTo>
                    <a:pt x="4572" y="4572"/>
                  </a:lnTo>
                  <a:lnTo>
                    <a:pt x="9144" y="4572"/>
                  </a:lnTo>
                  <a:lnTo>
                    <a:pt x="9144" y="0"/>
                  </a:lnTo>
                  <a:close/>
                </a:path>
                <a:path w="646429" h="5079">
                  <a:moveTo>
                    <a:pt x="15240" y="0"/>
                  </a:moveTo>
                  <a:lnTo>
                    <a:pt x="12192" y="0"/>
                  </a:lnTo>
                  <a:lnTo>
                    <a:pt x="12192" y="4572"/>
                  </a:lnTo>
                  <a:lnTo>
                    <a:pt x="15240" y="4572"/>
                  </a:lnTo>
                  <a:lnTo>
                    <a:pt x="15240" y="0"/>
                  </a:lnTo>
                  <a:close/>
                </a:path>
                <a:path w="646429" h="5079">
                  <a:moveTo>
                    <a:pt x="22860" y="0"/>
                  </a:moveTo>
                  <a:lnTo>
                    <a:pt x="18288" y="0"/>
                  </a:lnTo>
                  <a:lnTo>
                    <a:pt x="18288" y="4572"/>
                  </a:lnTo>
                  <a:lnTo>
                    <a:pt x="22860" y="4572"/>
                  </a:lnTo>
                  <a:lnTo>
                    <a:pt x="22860" y="0"/>
                  </a:lnTo>
                  <a:close/>
                </a:path>
                <a:path w="646429" h="5079">
                  <a:moveTo>
                    <a:pt x="28956" y="0"/>
                  </a:moveTo>
                  <a:lnTo>
                    <a:pt x="25908" y="0"/>
                  </a:lnTo>
                  <a:lnTo>
                    <a:pt x="25908" y="4572"/>
                  </a:lnTo>
                  <a:lnTo>
                    <a:pt x="28956" y="4572"/>
                  </a:lnTo>
                  <a:lnTo>
                    <a:pt x="28956" y="0"/>
                  </a:lnTo>
                  <a:close/>
                </a:path>
                <a:path w="646429" h="5079">
                  <a:moveTo>
                    <a:pt x="36576" y="0"/>
                  </a:moveTo>
                  <a:lnTo>
                    <a:pt x="32004" y="0"/>
                  </a:lnTo>
                  <a:lnTo>
                    <a:pt x="32004" y="4572"/>
                  </a:lnTo>
                  <a:lnTo>
                    <a:pt x="36576" y="4572"/>
                  </a:lnTo>
                  <a:lnTo>
                    <a:pt x="36576" y="0"/>
                  </a:lnTo>
                  <a:close/>
                </a:path>
                <a:path w="646429" h="5079">
                  <a:moveTo>
                    <a:pt x="42672" y="0"/>
                  </a:moveTo>
                  <a:lnTo>
                    <a:pt x="39624" y="0"/>
                  </a:lnTo>
                  <a:lnTo>
                    <a:pt x="39624" y="4572"/>
                  </a:lnTo>
                  <a:lnTo>
                    <a:pt x="42672" y="4572"/>
                  </a:lnTo>
                  <a:lnTo>
                    <a:pt x="42672" y="0"/>
                  </a:lnTo>
                  <a:close/>
                </a:path>
                <a:path w="646429" h="5079">
                  <a:moveTo>
                    <a:pt x="48768" y="0"/>
                  </a:moveTo>
                  <a:lnTo>
                    <a:pt x="45720" y="0"/>
                  </a:lnTo>
                  <a:lnTo>
                    <a:pt x="45720" y="4572"/>
                  </a:lnTo>
                  <a:lnTo>
                    <a:pt x="48768" y="4572"/>
                  </a:lnTo>
                  <a:lnTo>
                    <a:pt x="48768" y="0"/>
                  </a:lnTo>
                  <a:close/>
                </a:path>
                <a:path w="646429" h="5079">
                  <a:moveTo>
                    <a:pt x="56388" y="0"/>
                  </a:moveTo>
                  <a:lnTo>
                    <a:pt x="53340" y="0"/>
                  </a:lnTo>
                  <a:lnTo>
                    <a:pt x="53340" y="4572"/>
                  </a:lnTo>
                  <a:lnTo>
                    <a:pt x="56388" y="4572"/>
                  </a:lnTo>
                  <a:lnTo>
                    <a:pt x="56388" y="0"/>
                  </a:lnTo>
                  <a:close/>
                </a:path>
                <a:path w="646429" h="5079">
                  <a:moveTo>
                    <a:pt x="62484" y="0"/>
                  </a:moveTo>
                  <a:lnTo>
                    <a:pt x="59436" y="0"/>
                  </a:lnTo>
                  <a:lnTo>
                    <a:pt x="59436" y="4572"/>
                  </a:lnTo>
                  <a:lnTo>
                    <a:pt x="62484" y="4572"/>
                  </a:lnTo>
                  <a:lnTo>
                    <a:pt x="62484" y="0"/>
                  </a:lnTo>
                  <a:close/>
                </a:path>
                <a:path w="646429" h="5079">
                  <a:moveTo>
                    <a:pt x="70104" y="0"/>
                  </a:moveTo>
                  <a:lnTo>
                    <a:pt x="67056" y="0"/>
                  </a:lnTo>
                  <a:lnTo>
                    <a:pt x="67056" y="4572"/>
                  </a:lnTo>
                  <a:lnTo>
                    <a:pt x="70104" y="4572"/>
                  </a:lnTo>
                  <a:lnTo>
                    <a:pt x="70104" y="0"/>
                  </a:lnTo>
                  <a:close/>
                </a:path>
                <a:path w="646429" h="5079">
                  <a:moveTo>
                    <a:pt x="76200" y="0"/>
                  </a:moveTo>
                  <a:lnTo>
                    <a:pt x="73152" y="0"/>
                  </a:lnTo>
                  <a:lnTo>
                    <a:pt x="73152" y="4572"/>
                  </a:lnTo>
                  <a:lnTo>
                    <a:pt x="76200" y="4572"/>
                  </a:lnTo>
                  <a:lnTo>
                    <a:pt x="76200" y="0"/>
                  </a:lnTo>
                  <a:close/>
                </a:path>
                <a:path w="646429" h="5079">
                  <a:moveTo>
                    <a:pt x="83820" y="0"/>
                  </a:moveTo>
                  <a:lnTo>
                    <a:pt x="80772" y="0"/>
                  </a:lnTo>
                  <a:lnTo>
                    <a:pt x="80772" y="4572"/>
                  </a:lnTo>
                  <a:lnTo>
                    <a:pt x="83820" y="4572"/>
                  </a:lnTo>
                  <a:lnTo>
                    <a:pt x="83820" y="0"/>
                  </a:lnTo>
                  <a:close/>
                </a:path>
                <a:path w="646429" h="5079">
                  <a:moveTo>
                    <a:pt x="89916" y="0"/>
                  </a:moveTo>
                  <a:lnTo>
                    <a:pt x="86868" y="0"/>
                  </a:lnTo>
                  <a:lnTo>
                    <a:pt x="86868" y="4572"/>
                  </a:lnTo>
                  <a:lnTo>
                    <a:pt x="89916" y="4572"/>
                  </a:lnTo>
                  <a:lnTo>
                    <a:pt x="89916" y="0"/>
                  </a:lnTo>
                  <a:close/>
                </a:path>
                <a:path w="646429" h="5079">
                  <a:moveTo>
                    <a:pt x="97536" y="0"/>
                  </a:moveTo>
                  <a:lnTo>
                    <a:pt x="94488" y="0"/>
                  </a:lnTo>
                  <a:lnTo>
                    <a:pt x="94488" y="4572"/>
                  </a:lnTo>
                  <a:lnTo>
                    <a:pt x="97536" y="4572"/>
                  </a:lnTo>
                  <a:lnTo>
                    <a:pt x="97536" y="0"/>
                  </a:lnTo>
                  <a:close/>
                </a:path>
                <a:path w="646429" h="5079">
                  <a:moveTo>
                    <a:pt x="103632" y="0"/>
                  </a:moveTo>
                  <a:lnTo>
                    <a:pt x="100584" y="0"/>
                  </a:lnTo>
                  <a:lnTo>
                    <a:pt x="100584" y="4572"/>
                  </a:lnTo>
                  <a:lnTo>
                    <a:pt x="103632" y="4572"/>
                  </a:lnTo>
                  <a:lnTo>
                    <a:pt x="103632" y="0"/>
                  </a:lnTo>
                  <a:close/>
                </a:path>
                <a:path w="646429" h="5079">
                  <a:moveTo>
                    <a:pt x="111252" y="0"/>
                  </a:moveTo>
                  <a:lnTo>
                    <a:pt x="108204" y="0"/>
                  </a:lnTo>
                  <a:lnTo>
                    <a:pt x="108204" y="4572"/>
                  </a:lnTo>
                  <a:lnTo>
                    <a:pt x="111252" y="4572"/>
                  </a:lnTo>
                  <a:lnTo>
                    <a:pt x="111252" y="0"/>
                  </a:lnTo>
                  <a:close/>
                </a:path>
                <a:path w="646429" h="5079">
                  <a:moveTo>
                    <a:pt x="117348" y="0"/>
                  </a:moveTo>
                  <a:lnTo>
                    <a:pt x="114300" y="0"/>
                  </a:lnTo>
                  <a:lnTo>
                    <a:pt x="114300" y="4572"/>
                  </a:lnTo>
                  <a:lnTo>
                    <a:pt x="117348" y="4572"/>
                  </a:lnTo>
                  <a:lnTo>
                    <a:pt x="117348" y="0"/>
                  </a:lnTo>
                  <a:close/>
                </a:path>
                <a:path w="646429" h="5079">
                  <a:moveTo>
                    <a:pt x="124968" y="0"/>
                  </a:moveTo>
                  <a:lnTo>
                    <a:pt x="121920" y="0"/>
                  </a:lnTo>
                  <a:lnTo>
                    <a:pt x="121920" y="4572"/>
                  </a:lnTo>
                  <a:lnTo>
                    <a:pt x="124968" y="4572"/>
                  </a:lnTo>
                  <a:lnTo>
                    <a:pt x="124968" y="0"/>
                  </a:lnTo>
                  <a:close/>
                </a:path>
                <a:path w="646429" h="5079">
                  <a:moveTo>
                    <a:pt x="131064" y="0"/>
                  </a:moveTo>
                  <a:lnTo>
                    <a:pt x="128016" y="0"/>
                  </a:lnTo>
                  <a:lnTo>
                    <a:pt x="128016" y="4572"/>
                  </a:lnTo>
                  <a:lnTo>
                    <a:pt x="131064" y="4572"/>
                  </a:lnTo>
                  <a:lnTo>
                    <a:pt x="131064" y="0"/>
                  </a:lnTo>
                  <a:close/>
                </a:path>
                <a:path w="646429" h="5079">
                  <a:moveTo>
                    <a:pt x="138684" y="0"/>
                  </a:moveTo>
                  <a:lnTo>
                    <a:pt x="135636" y="0"/>
                  </a:lnTo>
                  <a:lnTo>
                    <a:pt x="135636" y="4572"/>
                  </a:lnTo>
                  <a:lnTo>
                    <a:pt x="138684" y="4572"/>
                  </a:lnTo>
                  <a:lnTo>
                    <a:pt x="138684" y="0"/>
                  </a:lnTo>
                  <a:close/>
                </a:path>
                <a:path w="646429" h="5079">
                  <a:moveTo>
                    <a:pt x="144780" y="0"/>
                  </a:moveTo>
                  <a:lnTo>
                    <a:pt x="141732" y="0"/>
                  </a:lnTo>
                  <a:lnTo>
                    <a:pt x="141732" y="4572"/>
                  </a:lnTo>
                  <a:lnTo>
                    <a:pt x="144780" y="4572"/>
                  </a:lnTo>
                  <a:lnTo>
                    <a:pt x="144780" y="0"/>
                  </a:lnTo>
                  <a:close/>
                </a:path>
                <a:path w="646429" h="5079">
                  <a:moveTo>
                    <a:pt x="152400" y="0"/>
                  </a:moveTo>
                  <a:lnTo>
                    <a:pt x="149352" y="0"/>
                  </a:lnTo>
                  <a:lnTo>
                    <a:pt x="149352" y="4572"/>
                  </a:lnTo>
                  <a:lnTo>
                    <a:pt x="152400" y="4572"/>
                  </a:lnTo>
                  <a:lnTo>
                    <a:pt x="152400" y="0"/>
                  </a:lnTo>
                  <a:close/>
                </a:path>
                <a:path w="646429" h="5079">
                  <a:moveTo>
                    <a:pt x="158496" y="0"/>
                  </a:moveTo>
                  <a:lnTo>
                    <a:pt x="155448" y="0"/>
                  </a:lnTo>
                  <a:lnTo>
                    <a:pt x="155448" y="4572"/>
                  </a:lnTo>
                  <a:lnTo>
                    <a:pt x="158496" y="4572"/>
                  </a:lnTo>
                  <a:lnTo>
                    <a:pt x="158496" y="0"/>
                  </a:lnTo>
                  <a:close/>
                </a:path>
                <a:path w="646429" h="5079">
                  <a:moveTo>
                    <a:pt x="166116" y="0"/>
                  </a:moveTo>
                  <a:lnTo>
                    <a:pt x="163068" y="0"/>
                  </a:lnTo>
                  <a:lnTo>
                    <a:pt x="163068" y="4572"/>
                  </a:lnTo>
                  <a:lnTo>
                    <a:pt x="166116" y="4572"/>
                  </a:lnTo>
                  <a:lnTo>
                    <a:pt x="166116" y="0"/>
                  </a:lnTo>
                  <a:close/>
                </a:path>
                <a:path w="646429" h="5079">
                  <a:moveTo>
                    <a:pt x="172212" y="0"/>
                  </a:moveTo>
                  <a:lnTo>
                    <a:pt x="169164" y="0"/>
                  </a:lnTo>
                  <a:lnTo>
                    <a:pt x="169164" y="4572"/>
                  </a:lnTo>
                  <a:lnTo>
                    <a:pt x="172212" y="4572"/>
                  </a:lnTo>
                  <a:lnTo>
                    <a:pt x="172212" y="0"/>
                  </a:lnTo>
                  <a:close/>
                </a:path>
                <a:path w="646429" h="5079">
                  <a:moveTo>
                    <a:pt x="179832" y="0"/>
                  </a:moveTo>
                  <a:lnTo>
                    <a:pt x="176784" y="0"/>
                  </a:lnTo>
                  <a:lnTo>
                    <a:pt x="176784" y="4572"/>
                  </a:lnTo>
                  <a:lnTo>
                    <a:pt x="179832" y="4572"/>
                  </a:lnTo>
                  <a:lnTo>
                    <a:pt x="179832" y="0"/>
                  </a:lnTo>
                  <a:close/>
                </a:path>
                <a:path w="646429" h="5079">
                  <a:moveTo>
                    <a:pt x="185928" y="0"/>
                  </a:moveTo>
                  <a:lnTo>
                    <a:pt x="182880" y="0"/>
                  </a:lnTo>
                  <a:lnTo>
                    <a:pt x="182880" y="4572"/>
                  </a:lnTo>
                  <a:lnTo>
                    <a:pt x="185928" y="4572"/>
                  </a:lnTo>
                  <a:lnTo>
                    <a:pt x="185928" y="0"/>
                  </a:lnTo>
                  <a:close/>
                </a:path>
                <a:path w="646429" h="5079">
                  <a:moveTo>
                    <a:pt x="193548" y="0"/>
                  </a:moveTo>
                  <a:lnTo>
                    <a:pt x="190500" y="0"/>
                  </a:lnTo>
                  <a:lnTo>
                    <a:pt x="190500" y="4572"/>
                  </a:lnTo>
                  <a:lnTo>
                    <a:pt x="193548" y="4572"/>
                  </a:lnTo>
                  <a:lnTo>
                    <a:pt x="193548" y="0"/>
                  </a:lnTo>
                  <a:close/>
                </a:path>
                <a:path w="646429" h="5079">
                  <a:moveTo>
                    <a:pt x="199644" y="0"/>
                  </a:moveTo>
                  <a:lnTo>
                    <a:pt x="196596" y="0"/>
                  </a:lnTo>
                  <a:lnTo>
                    <a:pt x="196596" y="4572"/>
                  </a:lnTo>
                  <a:lnTo>
                    <a:pt x="199644" y="4572"/>
                  </a:lnTo>
                  <a:lnTo>
                    <a:pt x="199644" y="0"/>
                  </a:lnTo>
                  <a:close/>
                </a:path>
                <a:path w="646429" h="5079">
                  <a:moveTo>
                    <a:pt x="207264" y="0"/>
                  </a:moveTo>
                  <a:lnTo>
                    <a:pt x="204216" y="0"/>
                  </a:lnTo>
                  <a:lnTo>
                    <a:pt x="204216" y="4572"/>
                  </a:lnTo>
                  <a:lnTo>
                    <a:pt x="207264" y="4572"/>
                  </a:lnTo>
                  <a:lnTo>
                    <a:pt x="207264" y="0"/>
                  </a:lnTo>
                  <a:close/>
                </a:path>
                <a:path w="646429" h="5079">
                  <a:moveTo>
                    <a:pt x="213360" y="0"/>
                  </a:moveTo>
                  <a:lnTo>
                    <a:pt x="210312" y="0"/>
                  </a:lnTo>
                  <a:lnTo>
                    <a:pt x="210312" y="4572"/>
                  </a:lnTo>
                  <a:lnTo>
                    <a:pt x="213360" y="4572"/>
                  </a:lnTo>
                  <a:lnTo>
                    <a:pt x="213360" y="0"/>
                  </a:lnTo>
                  <a:close/>
                </a:path>
                <a:path w="646429" h="5079">
                  <a:moveTo>
                    <a:pt x="220980" y="0"/>
                  </a:moveTo>
                  <a:lnTo>
                    <a:pt x="217932" y="0"/>
                  </a:lnTo>
                  <a:lnTo>
                    <a:pt x="217932" y="4572"/>
                  </a:lnTo>
                  <a:lnTo>
                    <a:pt x="220980" y="4572"/>
                  </a:lnTo>
                  <a:lnTo>
                    <a:pt x="220980" y="0"/>
                  </a:lnTo>
                  <a:close/>
                </a:path>
                <a:path w="646429" h="5079">
                  <a:moveTo>
                    <a:pt x="227076" y="0"/>
                  </a:moveTo>
                  <a:lnTo>
                    <a:pt x="224028" y="0"/>
                  </a:lnTo>
                  <a:lnTo>
                    <a:pt x="224028" y="4572"/>
                  </a:lnTo>
                  <a:lnTo>
                    <a:pt x="227076" y="4572"/>
                  </a:lnTo>
                  <a:lnTo>
                    <a:pt x="227076" y="0"/>
                  </a:lnTo>
                  <a:close/>
                </a:path>
                <a:path w="646429" h="5079">
                  <a:moveTo>
                    <a:pt x="234696" y="0"/>
                  </a:moveTo>
                  <a:lnTo>
                    <a:pt x="231648" y="0"/>
                  </a:lnTo>
                  <a:lnTo>
                    <a:pt x="231648" y="4572"/>
                  </a:lnTo>
                  <a:lnTo>
                    <a:pt x="234696" y="4572"/>
                  </a:lnTo>
                  <a:lnTo>
                    <a:pt x="234696" y="0"/>
                  </a:lnTo>
                  <a:close/>
                </a:path>
                <a:path w="646429" h="5079">
                  <a:moveTo>
                    <a:pt x="240792" y="0"/>
                  </a:moveTo>
                  <a:lnTo>
                    <a:pt x="237744" y="0"/>
                  </a:lnTo>
                  <a:lnTo>
                    <a:pt x="237744" y="4572"/>
                  </a:lnTo>
                  <a:lnTo>
                    <a:pt x="240792" y="4572"/>
                  </a:lnTo>
                  <a:lnTo>
                    <a:pt x="240792" y="0"/>
                  </a:lnTo>
                  <a:close/>
                </a:path>
                <a:path w="646429" h="5079">
                  <a:moveTo>
                    <a:pt x="248412" y="0"/>
                  </a:moveTo>
                  <a:lnTo>
                    <a:pt x="245364" y="0"/>
                  </a:lnTo>
                  <a:lnTo>
                    <a:pt x="245364" y="4572"/>
                  </a:lnTo>
                  <a:lnTo>
                    <a:pt x="248412" y="4572"/>
                  </a:lnTo>
                  <a:lnTo>
                    <a:pt x="248412" y="0"/>
                  </a:lnTo>
                  <a:close/>
                </a:path>
                <a:path w="646429" h="5079">
                  <a:moveTo>
                    <a:pt x="254508" y="0"/>
                  </a:moveTo>
                  <a:lnTo>
                    <a:pt x="251460" y="0"/>
                  </a:lnTo>
                  <a:lnTo>
                    <a:pt x="251460" y="4572"/>
                  </a:lnTo>
                  <a:lnTo>
                    <a:pt x="254508" y="4572"/>
                  </a:lnTo>
                  <a:lnTo>
                    <a:pt x="254508" y="0"/>
                  </a:lnTo>
                  <a:close/>
                </a:path>
                <a:path w="646429" h="5079">
                  <a:moveTo>
                    <a:pt x="426720" y="0"/>
                  </a:moveTo>
                  <a:lnTo>
                    <a:pt x="425196" y="0"/>
                  </a:lnTo>
                  <a:lnTo>
                    <a:pt x="425196" y="4572"/>
                  </a:lnTo>
                  <a:lnTo>
                    <a:pt x="426720" y="4572"/>
                  </a:lnTo>
                  <a:lnTo>
                    <a:pt x="426720" y="0"/>
                  </a:lnTo>
                  <a:close/>
                </a:path>
                <a:path w="646429" h="5079">
                  <a:moveTo>
                    <a:pt x="432816" y="0"/>
                  </a:moveTo>
                  <a:lnTo>
                    <a:pt x="429768" y="0"/>
                  </a:lnTo>
                  <a:lnTo>
                    <a:pt x="429768" y="4572"/>
                  </a:lnTo>
                  <a:lnTo>
                    <a:pt x="432816" y="4572"/>
                  </a:lnTo>
                  <a:lnTo>
                    <a:pt x="432816" y="0"/>
                  </a:lnTo>
                  <a:close/>
                </a:path>
                <a:path w="646429" h="5079">
                  <a:moveTo>
                    <a:pt x="440436" y="0"/>
                  </a:moveTo>
                  <a:lnTo>
                    <a:pt x="437388" y="0"/>
                  </a:lnTo>
                  <a:lnTo>
                    <a:pt x="437388" y="4572"/>
                  </a:lnTo>
                  <a:lnTo>
                    <a:pt x="440436" y="4572"/>
                  </a:lnTo>
                  <a:lnTo>
                    <a:pt x="440436" y="0"/>
                  </a:lnTo>
                  <a:close/>
                </a:path>
                <a:path w="646429" h="5079">
                  <a:moveTo>
                    <a:pt x="446532" y="0"/>
                  </a:moveTo>
                  <a:lnTo>
                    <a:pt x="443484" y="0"/>
                  </a:lnTo>
                  <a:lnTo>
                    <a:pt x="443484" y="4572"/>
                  </a:lnTo>
                  <a:lnTo>
                    <a:pt x="446532" y="4572"/>
                  </a:lnTo>
                  <a:lnTo>
                    <a:pt x="446532" y="0"/>
                  </a:lnTo>
                  <a:close/>
                </a:path>
                <a:path w="646429" h="5079">
                  <a:moveTo>
                    <a:pt x="454152" y="0"/>
                  </a:moveTo>
                  <a:lnTo>
                    <a:pt x="451104" y="0"/>
                  </a:lnTo>
                  <a:lnTo>
                    <a:pt x="451104" y="4572"/>
                  </a:lnTo>
                  <a:lnTo>
                    <a:pt x="454152" y="4572"/>
                  </a:lnTo>
                  <a:lnTo>
                    <a:pt x="454152" y="0"/>
                  </a:lnTo>
                  <a:close/>
                </a:path>
                <a:path w="646429" h="5079">
                  <a:moveTo>
                    <a:pt x="460248" y="0"/>
                  </a:moveTo>
                  <a:lnTo>
                    <a:pt x="457200" y="0"/>
                  </a:lnTo>
                  <a:lnTo>
                    <a:pt x="457200" y="4572"/>
                  </a:lnTo>
                  <a:lnTo>
                    <a:pt x="460248" y="4572"/>
                  </a:lnTo>
                  <a:lnTo>
                    <a:pt x="460248" y="0"/>
                  </a:lnTo>
                  <a:close/>
                </a:path>
                <a:path w="646429" h="5079">
                  <a:moveTo>
                    <a:pt x="467868" y="0"/>
                  </a:moveTo>
                  <a:lnTo>
                    <a:pt x="464820" y="0"/>
                  </a:lnTo>
                  <a:lnTo>
                    <a:pt x="464820" y="4572"/>
                  </a:lnTo>
                  <a:lnTo>
                    <a:pt x="467868" y="4572"/>
                  </a:lnTo>
                  <a:lnTo>
                    <a:pt x="467868" y="0"/>
                  </a:lnTo>
                  <a:close/>
                </a:path>
                <a:path w="646429" h="5079">
                  <a:moveTo>
                    <a:pt x="473964" y="0"/>
                  </a:moveTo>
                  <a:lnTo>
                    <a:pt x="470916" y="0"/>
                  </a:lnTo>
                  <a:lnTo>
                    <a:pt x="470916" y="4572"/>
                  </a:lnTo>
                  <a:lnTo>
                    <a:pt x="473964" y="4572"/>
                  </a:lnTo>
                  <a:lnTo>
                    <a:pt x="473964" y="0"/>
                  </a:lnTo>
                  <a:close/>
                </a:path>
                <a:path w="646429" h="5079">
                  <a:moveTo>
                    <a:pt x="481584" y="0"/>
                  </a:moveTo>
                  <a:lnTo>
                    <a:pt x="478536" y="0"/>
                  </a:lnTo>
                  <a:lnTo>
                    <a:pt x="478536" y="4572"/>
                  </a:lnTo>
                  <a:lnTo>
                    <a:pt x="481584" y="4572"/>
                  </a:lnTo>
                  <a:lnTo>
                    <a:pt x="481584" y="0"/>
                  </a:lnTo>
                  <a:close/>
                </a:path>
                <a:path w="646429" h="5079">
                  <a:moveTo>
                    <a:pt x="487680" y="0"/>
                  </a:moveTo>
                  <a:lnTo>
                    <a:pt x="484632" y="0"/>
                  </a:lnTo>
                  <a:lnTo>
                    <a:pt x="484632" y="4572"/>
                  </a:lnTo>
                  <a:lnTo>
                    <a:pt x="487680" y="4572"/>
                  </a:lnTo>
                  <a:lnTo>
                    <a:pt x="487680" y="0"/>
                  </a:lnTo>
                  <a:close/>
                </a:path>
                <a:path w="646429" h="5079">
                  <a:moveTo>
                    <a:pt x="495300" y="0"/>
                  </a:moveTo>
                  <a:lnTo>
                    <a:pt x="492252" y="0"/>
                  </a:lnTo>
                  <a:lnTo>
                    <a:pt x="492252" y="4572"/>
                  </a:lnTo>
                  <a:lnTo>
                    <a:pt x="495300" y="4572"/>
                  </a:lnTo>
                  <a:lnTo>
                    <a:pt x="495300" y="0"/>
                  </a:lnTo>
                  <a:close/>
                </a:path>
                <a:path w="646429" h="5079">
                  <a:moveTo>
                    <a:pt x="501396" y="0"/>
                  </a:moveTo>
                  <a:lnTo>
                    <a:pt x="498348" y="0"/>
                  </a:lnTo>
                  <a:lnTo>
                    <a:pt x="498348" y="4572"/>
                  </a:lnTo>
                  <a:lnTo>
                    <a:pt x="501396" y="4572"/>
                  </a:lnTo>
                  <a:lnTo>
                    <a:pt x="501396" y="0"/>
                  </a:lnTo>
                  <a:close/>
                </a:path>
                <a:path w="646429" h="5079">
                  <a:moveTo>
                    <a:pt x="509016" y="0"/>
                  </a:moveTo>
                  <a:lnTo>
                    <a:pt x="505968" y="0"/>
                  </a:lnTo>
                  <a:lnTo>
                    <a:pt x="505968" y="4572"/>
                  </a:lnTo>
                  <a:lnTo>
                    <a:pt x="509016" y="4572"/>
                  </a:lnTo>
                  <a:lnTo>
                    <a:pt x="509016" y="0"/>
                  </a:lnTo>
                  <a:close/>
                </a:path>
                <a:path w="646429" h="5079">
                  <a:moveTo>
                    <a:pt x="515112" y="0"/>
                  </a:moveTo>
                  <a:lnTo>
                    <a:pt x="512064" y="0"/>
                  </a:lnTo>
                  <a:lnTo>
                    <a:pt x="512064" y="4572"/>
                  </a:lnTo>
                  <a:lnTo>
                    <a:pt x="515112" y="4572"/>
                  </a:lnTo>
                  <a:lnTo>
                    <a:pt x="515112" y="0"/>
                  </a:lnTo>
                  <a:close/>
                </a:path>
                <a:path w="646429" h="5079">
                  <a:moveTo>
                    <a:pt x="522732" y="0"/>
                  </a:moveTo>
                  <a:lnTo>
                    <a:pt x="519684" y="0"/>
                  </a:lnTo>
                  <a:lnTo>
                    <a:pt x="519684" y="4572"/>
                  </a:lnTo>
                  <a:lnTo>
                    <a:pt x="522732" y="4572"/>
                  </a:lnTo>
                  <a:lnTo>
                    <a:pt x="522732" y="0"/>
                  </a:lnTo>
                  <a:close/>
                </a:path>
                <a:path w="646429" h="5079">
                  <a:moveTo>
                    <a:pt x="528828" y="0"/>
                  </a:moveTo>
                  <a:lnTo>
                    <a:pt x="525780" y="0"/>
                  </a:lnTo>
                  <a:lnTo>
                    <a:pt x="525780" y="4572"/>
                  </a:lnTo>
                  <a:lnTo>
                    <a:pt x="528828" y="4572"/>
                  </a:lnTo>
                  <a:lnTo>
                    <a:pt x="528828" y="0"/>
                  </a:lnTo>
                  <a:close/>
                </a:path>
                <a:path w="646429" h="5079">
                  <a:moveTo>
                    <a:pt x="536448" y="0"/>
                  </a:moveTo>
                  <a:lnTo>
                    <a:pt x="533400" y="0"/>
                  </a:lnTo>
                  <a:lnTo>
                    <a:pt x="533400" y="4572"/>
                  </a:lnTo>
                  <a:lnTo>
                    <a:pt x="536448" y="4572"/>
                  </a:lnTo>
                  <a:lnTo>
                    <a:pt x="536448" y="0"/>
                  </a:lnTo>
                  <a:close/>
                </a:path>
                <a:path w="646429" h="5079">
                  <a:moveTo>
                    <a:pt x="542544" y="0"/>
                  </a:moveTo>
                  <a:lnTo>
                    <a:pt x="539496" y="0"/>
                  </a:lnTo>
                  <a:lnTo>
                    <a:pt x="539496" y="4572"/>
                  </a:lnTo>
                  <a:lnTo>
                    <a:pt x="542544" y="4572"/>
                  </a:lnTo>
                  <a:lnTo>
                    <a:pt x="542544" y="0"/>
                  </a:lnTo>
                  <a:close/>
                </a:path>
                <a:path w="646429" h="5079">
                  <a:moveTo>
                    <a:pt x="550164" y="0"/>
                  </a:moveTo>
                  <a:lnTo>
                    <a:pt x="547116" y="0"/>
                  </a:lnTo>
                  <a:lnTo>
                    <a:pt x="547116" y="4572"/>
                  </a:lnTo>
                  <a:lnTo>
                    <a:pt x="550164" y="4572"/>
                  </a:lnTo>
                  <a:lnTo>
                    <a:pt x="550164" y="0"/>
                  </a:lnTo>
                  <a:close/>
                </a:path>
                <a:path w="646429" h="5079">
                  <a:moveTo>
                    <a:pt x="556260" y="0"/>
                  </a:moveTo>
                  <a:lnTo>
                    <a:pt x="553212" y="0"/>
                  </a:lnTo>
                  <a:lnTo>
                    <a:pt x="553212" y="4572"/>
                  </a:lnTo>
                  <a:lnTo>
                    <a:pt x="556260" y="4572"/>
                  </a:lnTo>
                  <a:lnTo>
                    <a:pt x="556260" y="0"/>
                  </a:lnTo>
                  <a:close/>
                </a:path>
                <a:path w="646429" h="5079">
                  <a:moveTo>
                    <a:pt x="563880" y="0"/>
                  </a:moveTo>
                  <a:lnTo>
                    <a:pt x="560832" y="0"/>
                  </a:lnTo>
                  <a:lnTo>
                    <a:pt x="560832" y="4572"/>
                  </a:lnTo>
                  <a:lnTo>
                    <a:pt x="563880" y="4572"/>
                  </a:lnTo>
                  <a:lnTo>
                    <a:pt x="563880" y="0"/>
                  </a:lnTo>
                  <a:close/>
                </a:path>
                <a:path w="646429" h="5079">
                  <a:moveTo>
                    <a:pt x="569976" y="0"/>
                  </a:moveTo>
                  <a:lnTo>
                    <a:pt x="566928" y="0"/>
                  </a:lnTo>
                  <a:lnTo>
                    <a:pt x="566928" y="4572"/>
                  </a:lnTo>
                  <a:lnTo>
                    <a:pt x="569976" y="4572"/>
                  </a:lnTo>
                  <a:lnTo>
                    <a:pt x="569976" y="0"/>
                  </a:lnTo>
                  <a:close/>
                </a:path>
                <a:path w="646429" h="5079">
                  <a:moveTo>
                    <a:pt x="577596" y="0"/>
                  </a:moveTo>
                  <a:lnTo>
                    <a:pt x="574548" y="0"/>
                  </a:lnTo>
                  <a:lnTo>
                    <a:pt x="574548" y="4572"/>
                  </a:lnTo>
                  <a:lnTo>
                    <a:pt x="577596" y="4572"/>
                  </a:lnTo>
                  <a:lnTo>
                    <a:pt x="577596" y="0"/>
                  </a:lnTo>
                  <a:close/>
                </a:path>
                <a:path w="646429" h="5079">
                  <a:moveTo>
                    <a:pt x="583692" y="0"/>
                  </a:moveTo>
                  <a:lnTo>
                    <a:pt x="580644" y="0"/>
                  </a:lnTo>
                  <a:lnTo>
                    <a:pt x="580644" y="4572"/>
                  </a:lnTo>
                  <a:lnTo>
                    <a:pt x="583692" y="4572"/>
                  </a:lnTo>
                  <a:lnTo>
                    <a:pt x="583692" y="0"/>
                  </a:lnTo>
                  <a:close/>
                </a:path>
                <a:path w="646429" h="5079">
                  <a:moveTo>
                    <a:pt x="591312" y="0"/>
                  </a:moveTo>
                  <a:lnTo>
                    <a:pt x="588264" y="0"/>
                  </a:lnTo>
                  <a:lnTo>
                    <a:pt x="588264" y="4572"/>
                  </a:lnTo>
                  <a:lnTo>
                    <a:pt x="591312" y="4572"/>
                  </a:lnTo>
                  <a:lnTo>
                    <a:pt x="591312" y="0"/>
                  </a:lnTo>
                  <a:close/>
                </a:path>
                <a:path w="646429" h="5079">
                  <a:moveTo>
                    <a:pt x="597408" y="0"/>
                  </a:moveTo>
                  <a:lnTo>
                    <a:pt x="594360" y="0"/>
                  </a:lnTo>
                  <a:lnTo>
                    <a:pt x="594360" y="4572"/>
                  </a:lnTo>
                  <a:lnTo>
                    <a:pt x="597408" y="4572"/>
                  </a:lnTo>
                  <a:lnTo>
                    <a:pt x="597408" y="0"/>
                  </a:lnTo>
                  <a:close/>
                </a:path>
                <a:path w="646429" h="5079">
                  <a:moveTo>
                    <a:pt x="605028" y="0"/>
                  </a:moveTo>
                  <a:lnTo>
                    <a:pt x="601980" y="0"/>
                  </a:lnTo>
                  <a:lnTo>
                    <a:pt x="601980" y="4572"/>
                  </a:lnTo>
                  <a:lnTo>
                    <a:pt x="605028" y="4572"/>
                  </a:lnTo>
                  <a:lnTo>
                    <a:pt x="605028" y="0"/>
                  </a:lnTo>
                  <a:close/>
                </a:path>
                <a:path w="646429" h="5079">
                  <a:moveTo>
                    <a:pt x="611124" y="0"/>
                  </a:moveTo>
                  <a:lnTo>
                    <a:pt x="608076" y="0"/>
                  </a:lnTo>
                  <a:lnTo>
                    <a:pt x="608076" y="4572"/>
                  </a:lnTo>
                  <a:lnTo>
                    <a:pt x="611124" y="4572"/>
                  </a:lnTo>
                  <a:lnTo>
                    <a:pt x="611124" y="0"/>
                  </a:lnTo>
                  <a:close/>
                </a:path>
                <a:path w="646429" h="5079">
                  <a:moveTo>
                    <a:pt x="618744" y="0"/>
                  </a:moveTo>
                  <a:lnTo>
                    <a:pt x="615696" y="0"/>
                  </a:lnTo>
                  <a:lnTo>
                    <a:pt x="615696" y="4572"/>
                  </a:lnTo>
                  <a:lnTo>
                    <a:pt x="618744" y="4572"/>
                  </a:lnTo>
                  <a:lnTo>
                    <a:pt x="618744" y="0"/>
                  </a:lnTo>
                  <a:close/>
                </a:path>
                <a:path w="646429" h="5079">
                  <a:moveTo>
                    <a:pt x="624840" y="0"/>
                  </a:moveTo>
                  <a:lnTo>
                    <a:pt x="621792" y="0"/>
                  </a:lnTo>
                  <a:lnTo>
                    <a:pt x="621792" y="4572"/>
                  </a:lnTo>
                  <a:lnTo>
                    <a:pt x="624840" y="4572"/>
                  </a:lnTo>
                  <a:lnTo>
                    <a:pt x="624840" y="0"/>
                  </a:lnTo>
                  <a:close/>
                </a:path>
                <a:path w="646429" h="5079">
                  <a:moveTo>
                    <a:pt x="632460" y="0"/>
                  </a:moveTo>
                  <a:lnTo>
                    <a:pt x="629412" y="0"/>
                  </a:lnTo>
                  <a:lnTo>
                    <a:pt x="629412" y="4572"/>
                  </a:lnTo>
                  <a:lnTo>
                    <a:pt x="632460" y="4572"/>
                  </a:lnTo>
                  <a:lnTo>
                    <a:pt x="632460" y="0"/>
                  </a:lnTo>
                  <a:close/>
                </a:path>
                <a:path w="646429" h="5079">
                  <a:moveTo>
                    <a:pt x="638556" y="0"/>
                  </a:moveTo>
                  <a:lnTo>
                    <a:pt x="635508" y="0"/>
                  </a:lnTo>
                  <a:lnTo>
                    <a:pt x="635508" y="4572"/>
                  </a:lnTo>
                  <a:lnTo>
                    <a:pt x="638556" y="4572"/>
                  </a:lnTo>
                  <a:lnTo>
                    <a:pt x="638556" y="0"/>
                  </a:lnTo>
                  <a:close/>
                </a:path>
                <a:path w="646429" h="5079">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84" name="object 84"/>
            <p:cNvSpPr/>
            <p:nvPr/>
          </p:nvSpPr>
          <p:spPr>
            <a:xfrm>
              <a:off x="8398764" y="3960875"/>
              <a:ext cx="36830" cy="5080"/>
            </a:xfrm>
            <a:custGeom>
              <a:avLst/>
              <a:gdLst/>
              <a:ahLst/>
              <a:cxnLst/>
              <a:rect l="l" t="t" r="r" b="b"/>
              <a:pathLst>
                <a:path w="36829" h="5079">
                  <a:moveTo>
                    <a:pt x="3048" y="0"/>
                  </a:moveTo>
                  <a:lnTo>
                    <a:pt x="0" y="0"/>
                  </a:lnTo>
                  <a:lnTo>
                    <a:pt x="0" y="4572"/>
                  </a:lnTo>
                  <a:lnTo>
                    <a:pt x="3048" y="4572"/>
                  </a:lnTo>
                  <a:lnTo>
                    <a:pt x="3048" y="0"/>
                  </a:lnTo>
                  <a:close/>
                </a:path>
                <a:path w="36829" h="5079">
                  <a:moveTo>
                    <a:pt x="9144" y="0"/>
                  </a:moveTo>
                  <a:lnTo>
                    <a:pt x="6096" y="0"/>
                  </a:lnTo>
                  <a:lnTo>
                    <a:pt x="6096" y="4572"/>
                  </a:lnTo>
                  <a:lnTo>
                    <a:pt x="9144" y="4572"/>
                  </a:lnTo>
                  <a:lnTo>
                    <a:pt x="9144" y="0"/>
                  </a:lnTo>
                  <a:close/>
                </a:path>
                <a:path w="36829" h="5079">
                  <a:moveTo>
                    <a:pt x="16764" y="0"/>
                  </a:moveTo>
                  <a:lnTo>
                    <a:pt x="13716" y="0"/>
                  </a:lnTo>
                  <a:lnTo>
                    <a:pt x="13716" y="4572"/>
                  </a:lnTo>
                  <a:lnTo>
                    <a:pt x="16764" y="4572"/>
                  </a:lnTo>
                  <a:lnTo>
                    <a:pt x="16764" y="0"/>
                  </a:lnTo>
                  <a:close/>
                </a:path>
                <a:path w="36829" h="5079">
                  <a:moveTo>
                    <a:pt x="22860" y="0"/>
                  </a:moveTo>
                  <a:lnTo>
                    <a:pt x="19812" y="0"/>
                  </a:lnTo>
                  <a:lnTo>
                    <a:pt x="19812" y="4572"/>
                  </a:lnTo>
                  <a:lnTo>
                    <a:pt x="22860" y="4572"/>
                  </a:lnTo>
                  <a:lnTo>
                    <a:pt x="22860" y="0"/>
                  </a:lnTo>
                  <a:close/>
                </a:path>
                <a:path w="36829" h="5079">
                  <a:moveTo>
                    <a:pt x="30480" y="0"/>
                  </a:moveTo>
                  <a:lnTo>
                    <a:pt x="25908" y="0"/>
                  </a:lnTo>
                  <a:lnTo>
                    <a:pt x="25908" y="4572"/>
                  </a:lnTo>
                  <a:lnTo>
                    <a:pt x="30480" y="4572"/>
                  </a:lnTo>
                  <a:lnTo>
                    <a:pt x="30480" y="0"/>
                  </a:lnTo>
                  <a:close/>
                </a:path>
                <a:path w="36829" h="5079">
                  <a:moveTo>
                    <a:pt x="36576" y="0"/>
                  </a:moveTo>
                  <a:lnTo>
                    <a:pt x="33528" y="0"/>
                  </a:lnTo>
                  <a:lnTo>
                    <a:pt x="33528" y="4572"/>
                  </a:lnTo>
                  <a:lnTo>
                    <a:pt x="36576" y="4572"/>
                  </a:lnTo>
                  <a:lnTo>
                    <a:pt x="36576" y="0"/>
                  </a:lnTo>
                  <a:close/>
                </a:path>
              </a:pathLst>
            </a:custGeom>
            <a:solidFill>
              <a:srgbClr val="D8D8D8"/>
            </a:solidFill>
          </p:spPr>
          <p:txBody>
            <a:bodyPr wrap="square" lIns="0" tIns="0" rIns="0" bIns="0" rtlCol="0"/>
            <a:lstStyle/>
            <a:p>
              <a:endParaRPr sz="1539"/>
            </a:p>
          </p:txBody>
        </p:sp>
        <p:sp>
          <p:nvSpPr>
            <p:cNvPr id="85" name="object 85"/>
            <p:cNvSpPr/>
            <p:nvPr/>
          </p:nvSpPr>
          <p:spPr>
            <a:xfrm>
              <a:off x="8606028" y="3963162"/>
              <a:ext cx="254635" cy="0"/>
            </a:xfrm>
            <a:custGeom>
              <a:avLst/>
              <a:gdLst/>
              <a:ahLst/>
              <a:cxnLst/>
              <a:rect l="l" t="t" r="r" b="b"/>
              <a:pathLst>
                <a:path w="254634">
                  <a:moveTo>
                    <a:pt x="0" y="0"/>
                  </a:moveTo>
                  <a:lnTo>
                    <a:pt x="254507" y="0"/>
                  </a:lnTo>
                </a:path>
              </a:pathLst>
            </a:custGeom>
            <a:ln w="4572">
              <a:solidFill>
                <a:srgbClr val="D8D8D8"/>
              </a:solidFill>
              <a:prstDash val="sysDot"/>
            </a:ln>
          </p:spPr>
          <p:txBody>
            <a:bodyPr wrap="square" lIns="0" tIns="0" rIns="0" bIns="0" rtlCol="0"/>
            <a:lstStyle/>
            <a:p>
              <a:endParaRPr sz="1539"/>
            </a:p>
          </p:txBody>
        </p:sp>
        <p:sp>
          <p:nvSpPr>
            <p:cNvPr id="86" name="object 86"/>
            <p:cNvSpPr/>
            <p:nvPr/>
          </p:nvSpPr>
          <p:spPr>
            <a:xfrm>
              <a:off x="9035796" y="3960875"/>
              <a:ext cx="654050" cy="5080"/>
            </a:xfrm>
            <a:custGeom>
              <a:avLst/>
              <a:gdLst/>
              <a:ahLst/>
              <a:cxnLst/>
              <a:rect l="l" t="t" r="r" b="b"/>
              <a:pathLst>
                <a:path w="654050" h="5079">
                  <a:moveTo>
                    <a:pt x="3048" y="0"/>
                  </a:moveTo>
                  <a:lnTo>
                    <a:pt x="0" y="0"/>
                  </a:lnTo>
                  <a:lnTo>
                    <a:pt x="0" y="4572"/>
                  </a:lnTo>
                  <a:lnTo>
                    <a:pt x="3048" y="4572"/>
                  </a:lnTo>
                  <a:lnTo>
                    <a:pt x="3048" y="0"/>
                  </a:lnTo>
                  <a:close/>
                </a:path>
                <a:path w="654050" h="5079">
                  <a:moveTo>
                    <a:pt x="9144" y="0"/>
                  </a:moveTo>
                  <a:lnTo>
                    <a:pt x="6096" y="0"/>
                  </a:lnTo>
                  <a:lnTo>
                    <a:pt x="6096" y="4572"/>
                  </a:lnTo>
                  <a:lnTo>
                    <a:pt x="9144" y="4572"/>
                  </a:lnTo>
                  <a:lnTo>
                    <a:pt x="9144" y="0"/>
                  </a:lnTo>
                  <a:close/>
                </a:path>
                <a:path w="654050" h="5079">
                  <a:moveTo>
                    <a:pt x="16764" y="0"/>
                  </a:moveTo>
                  <a:lnTo>
                    <a:pt x="13716" y="0"/>
                  </a:lnTo>
                  <a:lnTo>
                    <a:pt x="13716" y="4572"/>
                  </a:lnTo>
                  <a:lnTo>
                    <a:pt x="16764" y="4572"/>
                  </a:lnTo>
                  <a:lnTo>
                    <a:pt x="16764" y="0"/>
                  </a:lnTo>
                  <a:close/>
                </a:path>
                <a:path w="654050" h="5079">
                  <a:moveTo>
                    <a:pt x="22860" y="0"/>
                  </a:moveTo>
                  <a:lnTo>
                    <a:pt x="19812" y="0"/>
                  </a:lnTo>
                  <a:lnTo>
                    <a:pt x="19812" y="4572"/>
                  </a:lnTo>
                  <a:lnTo>
                    <a:pt x="22860" y="4572"/>
                  </a:lnTo>
                  <a:lnTo>
                    <a:pt x="22860" y="0"/>
                  </a:lnTo>
                  <a:close/>
                </a:path>
                <a:path w="654050" h="5079">
                  <a:moveTo>
                    <a:pt x="30480" y="0"/>
                  </a:moveTo>
                  <a:lnTo>
                    <a:pt x="27432" y="0"/>
                  </a:lnTo>
                  <a:lnTo>
                    <a:pt x="27432" y="4572"/>
                  </a:lnTo>
                  <a:lnTo>
                    <a:pt x="30480" y="4572"/>
                  </a:lnTo>
                  <a:lnTo>
                    <a:pt x="30480" y="0"/>
                  </a:lnTo>
                  <a:close/>
                </a:path>
                <a:path w="654050" h="5079">
                  <a:moveTo>
                    <a:pt x="36576" y="0"/>
                  </a:moveTo>
                  <a:lnTo>
                    <a:pt x="33528" y="0"/>
                  </a:lnTo>
                  <a:lnTo>
                    <a:pt x="33528" y="4572"/>
                  </a:lnTo>
                  <a:lnTo>
                    <a:pt x="36576" y="4572"/>
                  </a:lnTo>
                  <a:lnTo>
                    <a:pt x="36576" y="0"/>
                  </a:lnTo>
                  <a:close/>
                </a:path>
                <a:path w="654050" h="5079">
                  <a:moveTo>
                    <a:pt x="44196" y="0"/>
                  </a:moveTo>
                  <a:lnTo>
                    <a:pt x="41148" y="0"/>
                  </a:lnTo>
                  <a:lnTo>
                    <a:pt x="41148" y="4572"/>
                  </a:lnTo>
                  <a:lnTo>
                    <a:pt x="44196" y="4572"/>
                  </a:lnTo>
                  <a:lnTo>
                    <a:pt x="44196" y="0"/>
                  </a:lnTo>
                  <a:close/>
                </a:path>
                <a:path w="654050" h="5079">
                  <a:moveTo>
                    <a:pt x="50292" y="0"/>
                  </a:moveTo>
                  <a:lnTo>
                    <a:pt x="47244" y="0"/>
                  </a:lnTo>
                  <a:lnTo>
                    <a:pt x="47244" y="4572"/>
                  </a:lnTo>
                  <a:lnTo>
                    <a:pt x="50292" y="4572"/>
                  </a:lnTo>
                  <a:lnTo>
                    <a:pt x="50292" y="0"/>
                  </a:lnTo>
                  <a:close/>
                </a:path>
                <a:path w="654050" h="5079">
                  <a:moveTo>
                    <a:pt x="57912" y="0"/>
                  </a:moveTo>
                  <a:lnTo>
                    <a:pt x="54864" y="0"/>
                  </a:lnTo>
                  <a:lnTo>
                    <a:pt x="54864" y="4572"/>
                  </a:lnTo>
                  <a:lnTo>
                    <a:pt x="57912" y="4572"/>
                  </a:lnTo>
                  <a:lnTo>
                    <a:pt x="57912" y="0"/>
                  </a:lnTo>
                  <a:close/>
                </a:path>
                <a:path w="654050" h="5079">
                  <a:moveTo>
                    <a:pt x="64008" y="0"/>
                  </a:moveTo>
                  <a:lnTo>
                    <a:pt x="60960" y="0"/>
                  </a:lnTo>
                  <a:lnTo>
                    <a:pt x="60960" y="4572"/>
                  </a:lnTo>
                  <a:lnTo>
                    <a:pt x="64008" y="4572"/>
                  </a:lnTo>
                  <a:lnTo>
                    <a:pt x="64008" y="0"/>
                  </a:lnTo>
                  <a:close/>
                </a:path>
                <a:path w="654050" h="5079">
                  <a:moveTo>
                    <a:pt x="71628" y="0"/>
                  </a:moveTo>
                  <a:lnTo>
                    <a:pt x="68580" y="0"/>
                  </a:lnTo>
                  <a:lnTo>
                    <a:pt x="68580" y="4572"/>
                  </a:lnTo>
                  <a:lnTo>
                    <a:pt x="71628" y="4572"/>
                  </a:lnTo>
                  <a:lnTo>
                    <a:pt x="71628" y="0"/>
                  </a:lnTo>
                  <a:close/>
                </a:path>
                <a:path w="654050" h="5079">
                  <a:moveTo>
                    <a:pt x="77724" y="0"/>
                  </a:moveTo>
                  <a:lnTo>
                    <a:pt x="74676" y="0"/>
                  </a:lnTo>
                  <a:lnTo>
                    <a:pt x="74676" y="4572"/>
                  </a:lnTo>
                  <a:lnTo>
                    <a:pt x="77724" y="4572"/>
                  </a:lnTo>
                  <a:lnTo>
                    <a:pt x="77724" y="0"/>
                  </a:lnTo>
                  <a:close/>
                </a:path>
                <a:path w="654050" h="5079">
                  <a:moveTo>
                    <a:pt x="85344" y="0"/>
                  </a:moveTo>
                  <a:lnTo>
                    <a:pt x="82296" y="0"/>
                  </a:lnTo>
                  <a:lnTo>
                    <a:pt x="82296" y="4572"/>
                  </a:lnTo>
                  <a:lnTo>
                    <a:pt x="85344" y="4572"/>
                  </a:lnTo>
                  <a:lnTo>
                    <a:pt x="85344" y="0"/>
                  </a:lnTo>
                  <a:close/>
                </a:path>
                <a:path w="654050" h="5079">
                  <a:moveTo>
                    <a:pt x="91440" y="0"/>
                  </a:moveTo>
                  <a:lnTo>
                    <a:pt x="88392" y="0"/>
                  </a:lnTo>
                  <a:lnTo>
                    <a:pt x="88392" y="4572"/>
                  </a:lnTo>
                  <a:lnTo>
                    <a:pt x="91440" y="4572"/>
                  </a:lnTo>
                  <a:lnTo>
                    <a:pt x="91440" y="0"/>
                  </a:lnTo>
                  <a:close/>
                </a:path>
                <a:path w="654050" h="5079">
                  <a:moveTo>
                    <a:pt x="99060" y="0"/>
                  </a:moveTo>
                  <a:lnTo>
                    <a:pt x="96012" y="0"/>
                  </a:lnTo>
                  <a:lnTo>
                    <a:pt x="96012" y="4572"/>
                  </a:lnTo>
                  <a:lnTo>
                    <a:pt x="99060" y="4572"/>
                  </a:lnTo>
                  <a:lnTo>
                    <a:pt x="99060" y="0"/>
                  </a:lnTo>
                  <a:close/>
                </a:path>
                <a:path w="654050" h="5079">
                  <a:moveTo>
                    <a:pt x="105156" y="0"/>
                  </a:moveTo>
                  <a:lnTo>
                    <a:pt x="102108" y="0"/>
                  </a:lnTo>
                  <a:lnTo>
                    <a:pt x="102108" y="4572"/>
                  </a:lnTo>
                  <a:lnTo>
                    <a:pt x="105156" y="4572"/>
                  </a:lnTo>
                  <a:lnTo>
                    <a:pt x="105156" y="0"/>
                  </a:lnTo>
                  <a:close/>
                </a:path>
                <a:path w="654050" h="5079">
                  <a:moveTo>
                    <a:pt x="112776" y="0"/>
                  </a:moveTo>
                  <a:lnTo>
                    <a:pt x="109728" y="0"/>
                  </a:lnTo>
                  <a:lnTo>
                    <a:pt x="109728" y="4572"/>
                  </a:lnTo>
                  <a:lnTo>
                    <a:pt x="112776" y="4572"/>
                  </a:lnTo>
                  <a:lnTo>
                    <a:pt x="112776" y="0"/>
                  </a:lnTo>
                  <a:close/>
                </a:path>
                <a:path w="654050" h="5079">
                  <a:moveTo>
                    <a:pt x="118872" y="0"/>
                  </a:moveTo>
                  <a:lnTo>
                    <a:pt x="115824" y="0"/>
                  </a:lnTo>
                  <a:lnTo>
                    <a:pt x="115824" y="4572"/>
                  </a:lnTo>
                  <a:lnTo>
                    <a:pt x="118872" y="4572"/>
                  </a:lnTo>
                  <a:lnTo>
                    <a:pt x="118872" y="0"/>
                  </a:lnTo>
                  <a:close/>
                </a:path>
                <a:path w="654050" h="5079">
                  <a:moveTo>
                    <a:pt x="126492" y="0"/>
                  </a:moveTo>
                  <a:lnTo>
                    <a:pt x="123444" y="0"/>
                  </a:lnTo>
                  <a:lnTo>
                    <a:pt x="123444" y="4572"/>
                  </a:lnTo>
                  <a:lnTo>
                    <a:pt x="126492" y="4572"/>
                  </a:lnTo>
                  <a:lnTo>
                    <a:pt x="126492" y="0"/>
                  </a:lnTo>
                  <a:close/>
                </a:path>
                <a:path w="654050" h="5079">
                  <a:moveTo>
                    <a:pt x="132588" y="0"/>
                  </a:moveTo>
                  <a:lnTo>
                    <a:pt x="129540" y="0"/>
                  </a:lnTo>
                  <a:lnTo>
                    <a:pt x="129540" y="4572"/>
                  </a:lnTo>
                  <a:lnTo>
                    <a:pt x="132588" y="4572"/>
                  </a:lnTo>
                  <a:lnTo>
                    <a:pt x="132588" y="0"/>
                  </a:lnTo>
                  <a:close/>
                </a:path>
                <a:path w="654050" h="5079">
                  <a:moveTo>
                    <a:pt x="140208" y="0"/>
                  </a:moveTo>
                  <a:lnTo>
                    <a:pt x="137160" y="0"/>
                  </a:lnTo>
                  <a:lnTo>
                    <a:pt x="137160" y="4572"/>
                  </a:lnTo>
                  <a:lnTo>
                    <a:pt x="140208" y="4572"/>
                  </a:lnTo>
                  <a:lnTo>
                    <a:pt x="140208" y="0"/>
                  </a:lnTo>
                  <a:close/>
                </a:path>
                <a:path w="654050" h="5079">
                  <a:moveTo>
                    <a:pt x="146304" y="0"/>
                  </a:moveTo>
                  <a:lnTo>
                    <a:pt x="143256" y="0"/>
                  </a:lnTo>
                  <a:lnTo>
                    <a:pt x="143256" y="4572"/>
                  </a:lnTo>
                  <a:lnTo>
                    <a:pt x="146304" y="4572"/>
                  </a:lnTo>
                  <a:lnTo>
                    <a:pt x="146304" y="0"/>
                  </a:lnTo>
                  <a:close/>
                </a:path>
                <a:path w="654050" h="5079">
                  <a:moveTo>
                    <a:pt x="153924" y="0"/>
                  </a:moveTo>
                  <a:lnTo>
                    <a:pt x="150876" y="0"/>
                  </a:lnTo>
                  <a:lnTo>
                    <a:pt x="150876" y="4572"/>
                  </a:lnTo>
                  <a:lnTo>
                    <a:pt x="153924" y="4572"/>
                  </a:lnTo>
                  <a:lnTo>
                    <a:pt x="153924" y="0"/>
                  </a:lnTo>
                  <a:close/>
                </a:path>
                <a:path w="654050" h="5079">
                  <a:moveTo>
                    <a:pt x="160020" y="0"/>
                  </a:moveTo>
                  <a:lnTo>
                    <a:pt x="156972" y="0"/>
                  </a:lnTo>
                  <a:lnTo>
                    <a:pt x="156972" y="4572"/>
                  </a:lnTo>
                  <a:lnTo>
                    <a:pt x="160020" y="4572"/>
                  </a:lnTo>
                  <a:lnTo>
                    <a:pt x="160020" y="0"/>
                  </a:lnTo>
                  <a:close/>
                </a:path>
                <a:path w="654050" h="5079">
                  <a:moveTo>
                    <a:pt x="167640" y="0"/>
                  </a:moveTo>
                  <a:lnTo>
                    <a:pt x="164592" y="0"/>
                  </a:lnTo>
                  <a:lnTo>
                    <a:pt x="164592" y="4572"/>
                  </a:lnTo>
                  <a:lnTo>
                    <a:pt x="167640" y="4572"/>
                  </a:lnTo>
                  <a:lnTo>
                    <a:pt x="167640" y="0"/>
                  </a:lnTo>
                  <a:close/>
                </a:path>
                <a:path w="654050" h="5079">
                  <a:moveTo>
                    <a:pt x="173736" y="0"/>
                  </a:moveTo>
                  <a:lnTo>
                    <a:pt x="170688" y="0"/>
                  </a:lnTo>
                  <a:lnTo>
                    <a:pt x="170688" y="4572"/>
                  </a:lnTo>
                  <a:lnTo>
                    <a:pt x="173736" y="4572"/>
                  </a:lnTo>
                  <a:lnTo>
                    <a:pt x="173736" y="0"/>
                  </a:lnTo>
                  <a:close/>
                </a:path>
                <a:path w="654050" h="5079">
                  <a:moveTo>
                    <a:pt x="181356" y="0"/>
                  </a:moveTo>
                  <a:lnTo>
                    <a:pt x="178308" y="0"/>
                  </a:lnTo>
                  <a:lnTo>
                    <a:pt x="178308" y="4572"/>
                  </a:lnTo>
                  <a:lnTo>
                    <a:pt x="181356" y="4572"/>
                  </a:lnTo>
                  <a:lnTo>
                    <a:pt x="181356" y="0"/>
                  </a:lnTo>
                  <a:close/>
                </a:path>
                <a:path w="654050" h="5079">
                  <a:moveTo>
                    <a:pt x="187452" y="0"/>
                  </a:moveTo>
                  <a:lnTo>
                    <a:pt x="184404" y="0"/>
                  </a:lnTo>
                  <a:lnTo>
                    <a:pt x="184404" y="4572"/>
                  </a:lnTo>
                  <a:lnTo>
                    <a:pt x="187452" y="4572"/>
                  </a:lnTo>
                  <a:lnTo>
                    <a:pt x="187452" y="0"/>
                  </a:lnTo>
                  <a:close/>
                </a:path>
                <a:path w="654050" h="5079">
                  <a:moveTo>
                    <a:pt x="195072" y="0"/>
                  </a:moveTo>
                  <a:lnTo>
                    <a:pt x="192024" y="0"/>
                  </a:lnTo>
                  <a:lnTo>
                    <a:pt x="192024" y="4572"/>
                  </a:lnTo>
                  <a:lnTo>
                    <a:pt x="195072" y="4572"/>
                  </a:lnTo>
                  <a:lnTo>
                    <a:pt x="195072" y="0"/>
                  </a:lnTo>
                  <a:close/>
                </a:path>
                <a:path w="654050" h="5079">
                  <a:moveTo>
                    <a:pt x="201168" y="0"/>
                  </a:moveTo>
                  <a:lnTo>
                    <a:pt x="198120" y="0"/>
                  </a:lnTo>
                  <a:lnTo>
                    <a:pt x="198120" y="4572"/>
                  </a:lnTo>
                  <a:lnTo>
                    <a:pt x="201168" y="4572"/>
                  </a:lnTo>
                  <a:lnTo>
                    <a:pt x="201168" y="0"/>
                  </a:lnTo>
                  <a:close/>
                </a:path>
                <a:path w="654050" h="5079">
                  <a:moveTo>
                    <a:pt x="208788" y="0"/>
                  </a:moveTo>
                  <a:lnTo>
                    <a:pt x="205740" y="0"/>
                  </a:lnTo>
                  <a:lnTo>
                    <a:pt x="205740" y="4572"/>
                  </a:lnTo>
                  <a:lnTo>
                    <a:pt x="208788" y="4572"/>
                  </a:lnTo>
                  <a:lnTo>
                    <a:pt x="208788" y="0"/>
                  </a:lnTo>
                  <a:close/>
                </a:path>
                <a:path w="654050" h="5079">
                  <a:moveTo>
                    <a:pt x="214884" y="0"/>
                  </a:moveTo>
                  <a:lnTo>
                    <a:pt x="211836" y="0"/>
                  </a:lnTo>
                  <a:lnTo>
                    <a:pt x="211836" y="4572"/>
                  </a:lnTo>
                  <a:lnTo>
                    <a:pt x="214884" y="4572"/>
                  </a:lnTo>
                  <a:lnTo>
                    <a:pt x="214884" y="0"/>
                  </a:lnTo>
                  <a:close/>
                </a:path>
                <a:path w="654050" h="5079">
                  <a:moveTo>
                    <a:pt x="222504" y="0"/>
                  </a:moveTo>
                  <a:lnTo>
                    <a:pt x="219456" y="0"/>
                  </a:lnTo>
                  <a:lnTo>
                    <a:pt x="219456" y="4572"/>
                  </a:lnTo>
                  <a:lnTo>
                    <a:pt x="222504" y="4572"/>
                  </a:lnTo>
                  <a:lnTo>
                    <a:pt x="222504" y="0"/>
                  </a:lnTo>
                  <a:close/>
                </a:path>
                <a:path w="654050" h="5079">
                  <a:moveTo>
                    <a:pt x="228600" y="0"/>
                  </a:moveTo>
                  <a:lnTo>
                    <a:pt x="225552" y="0"/>
                  </a:lnTo>
                  <a:lnTo>
                    <a:pt x="225552" y="4572"/>
                  </a:lnTo>
                  <a:lnTo>
                    <a:pt x="228600" y="4572"/>
                  </a:lnTo>
                  <a:lnTo>
                    <a:pt x="228600" y="0"/>
                  </a:lnTo>
                  <a:close/>
                </a:path>
                <a:path w="654050" h="5079">
                  <a:moveTo>
                    <a:pt x="236220" y="0"/>
                  </a:moveTo>
                  <a:lnTo>
                    <a:pt x="233172" y="0"/>
                  </a:lnTo>
                  <a:lnTo>
                    <a:pt x="233172" y="4572"/>
                  </a:lnTo>
                  <a:lnTo>
                    <a:pt x="236220" y="4572"/>
                  </a:lnTo>
                  <a:lnTo>
                    <a:pt x="236220" y="0"/>
                  </a:lnTo>
                  <a:close/>
                </a:path>
                <a:path w="654050" h="5079">
                  <a:moveTo>
                    <a:pt x="242316" y="0"/>
                  </a:moveTo>
                  <a:lnTo>
                    <a:pt x="239268" y="0"/>
                  </a:lnTo>
                  <a:lnTo>
                    <a:pt x="239268" y="4572"/>
                  </a:lnTo>
                  <a:lnTo>
                    <a:pt x="242316" y="4572"/>
                  </a:lnTo>
                  <a:lnTo>
                    <a:pt x="242316" y="0"/>
                  </a:lnTo>
                  <a:close/>
                </a:path>
                <a:path w="654050" h="5079">
                  <a:moveTo>
                    <a:pt x="249936" y="0"/>
                  </a:moveTo>
                  <a:lnTo>
                    <a:pt x="246888" y="0"/>
                  </a:lnTo>
                  <a:lnTo>
                    <a:pt x="246888" y="4572"/>
                  </a:lnTo>
                  <a:lnTo>
                    <a:pt x="249936" y="4572"/>
                  </a:lnTo>
                  <a:lnTo>
                    <a:pt x="249936" y="0"/>
                  </a:lnTo>
                  <a:close/>
                </a:path>
                <a:path w="654050" h="5079">
                  <a:moveTo>
                    <a:pt x="428244" y="0"/>
                  </a:moveTo>
                  <a:lnTo>
                    <a:pt x="425196" y="0"/>
                  </a:lnTo>
                  <a:lnTo>
                    <a:pt x="425196" y="4572"/>
                  </a:lnTo>
                  <a:lnTo>
                    <a:pt x="428244" y="4572"/>
                  </a:lnTo>
                  <a:lnTo>
                    <a:pt x="428244" y="0"/>
                  </a:lnTo>
                  <a:close/>
                </a:path>
                <a:path w="654050" h="5079">
                  <a:moveTo>
                    <a:pt x="434340" y="0"/>
                  </a:moveTo>
                  <a:lnTo>
                    <a:pt x="431292" y="0"/>
                  </a:lnTo>
                  <a:lnTo>
                    <a:pt x="431292" y="4572"/>
                  </a:lnTo>
                  <a:lnTo>
                    <a:pt x="434340" y="4572"/>
                  </a:lnTo>
                  <a:lnTo>
                    <a:pt x="434340" y="0"/>
                  </a:lnTo>
                  <a:close/>
                </a:path>
                <a:path w="654050" h="5079">
                  <a:moveTo>
                    <a:pt x="441960" y="0"/>
                  </a:moveTo>
                  <a:lnTo>
                    <a:pt x="438912" y="0"/>
                  </a:lnTo>
                  <a:lnTo>
                    <a:pt x="438912" y="4572"/>
                  </a:lnTo>
                  <a:lnTo>
                    <a:pt x="441960" y="4572"/>
                  </a:lnTo>
                  <a:lnTo>
                    <a:pt x="441960" y="0"/>
                  </a:lnTo>
                  <a:close/>
                </a:path>
                <a:path w="654050" h="5079">
                  <a:moveTo>
                    <a:pt x="448056" y="0"/>
                  </a:moveTo>
                  <a:lnTo>
                    <a:pt x="445008" y="0"/>
                  </a:lnTo>
                  <a:lnTo>
                    <a:pt x="445008" y="4572"/>
                  </a:lnTo>
                  <a:lnTo>
                    <a:pt x="448056" y="4572"/>
                  </a:lnTo>
                  <a:lnTo>
                    <a:pt x="448056" y="0"/>
                  </a:lnTo>
                  <a:close/>
                </a:path>
                <a:path w="654050" h="5079">
                  <a:moveTo>
                    <a:pt x="455676" y="0"/>
                  </a:moveTo>
                  <a:lnTo>
                    <a:pt x="452628" y="0"/>
                  </a:lnTo>
                  <a:lnTo>
                    <a:pt x="452628" y="4572"/>
                  </a:lnTo>
                  <a:lnTo>
                    <a:pt x="455676" y="4572"/>
                  </a:lnTo>
                  <a:lnTo>
                    <a:pt x="455676" y="0"/>
                  </a:lnTo>
                  <a:close/>
                </a:path>
                <a:path w="654050" h="5079">
                  <a:moveTo>
                    <a:pt x="461772" y="0"/>
                  </a:moveTo>
                  <a:lnTo>
                    <a:pt x="458724" y="0"/>
                  </a:lnTo>
                  <a:lnTo>
                    <a:pt x="458724" y="4572"/>
                  </a:lnTo>
                  <a:lnTo>
                    <a:pt x="461772" y="4572"/>
                  </a:lnTo>
                  <a:lnTo>
                    <a:pt x="461772" y="0"/>
                  </a:lnTo>
                  <a:close/>
                </a:path>
                <a:path w="654050" h="5079">
                  <a:moveTo>
                    <a:pt x="469392" y="0"/>
                  </a:moveTo>
                  <a:lnTo>
                    <a:pt x="466344" y="0"/>
                  </a:lnTo>
                  <a:lnTo>
                    <a:pt x="466344" y="4572"/>
                  </a:lnTo>
                  <a:lnTo>
                    <a:pt x="469392" y="4572"/>
                  </a:lnTo>
                  <a:lnTo>
                    <a:pt x="469392" y="0"/>
                  </a:lnTo>
                  <a:close/>
                </a:path>
                <a:path w="654050" h="5079">
                  <a:moveTo>
                    <a:pt x="475488" y="0"/>
                  </a:moveTo>
                  <a:lnTo>
                    <a:pt x="472440" y="0"/>
                  </a:lnTo>
                  <a:lnTo>
                    <a:pt x="472440" y="4572"/>
                  </a:lnTo>
                  <a:lnTo>
                    <a:pt x="475488" y="4572"/>
                  </a:lnTo>
                  <a:lnTo>
                    <a:pt x="475488" y="0"/>
                  </a:lnTo>
                  <a:close/>
                </a:path>
                <a:path w="654050" h="5079">
                  <a:moveTo>
                    <a:pt x="483108" y="0"/>
                  </a:moveTo>
                  <a:lnTo>
                    <a:pt x="480060" y="0"/>
                  </a:lnTo>
                  <a:lnTo>
                    <a:pt x="480060" y="4572"/>
                  </a:lnTo>
                  <a:lnTo>
                    <a:pt x="483108" y="4572"/>
                  </a:lnTo>
                  <a:lnTo>
                    <a:pt x="483108" y="0"/>
                  </a:lnTo>
                  <a:close/>
                </a:path>
                <a:path w="654050" h="5079">
                  <a:moveTo>
                    <a:pt x="489204" y="0"/>
                  </a:moveTo>
                  <a:lnTo>
                    <a:pt x="486156" y="0"/>
                  </a:lnTo>
                  <a:lnTo>
                    <a:pt x="486156" y="4572"/>
                  </a:lnTo>
                  <a:lnTo>
                    <a:pt x="489204" y="4572"/>
                  </a:lnTo>
                  <a:lnTo>
                    <a:pt x="489204" y="0"/>
                  </a:lnTo>
                  <a:close/>
                </a:path>
                <a:path w="654050" h="5079">
                  <a:moveTo>
                    <a:pt x="496824" y="0"/>
                  </a:moveTo>
                  <a:lnTo>
                    <a:pt x="493776" y="0"/>
                  </a:lnTo>
                  <a:lnTo>
                    <a:pt x="493776" y="4572"/>
                  </a:lnTo>
                  <a:lnTo>
                    <a:pt x="496824" y="4572"/>
                  </a:lnTo>
                  <a:lnTo>
                    <a:pt x="496824" y="0"/>
                  </a:lnTo>
                  <a:close/>
                </a:path>
                <a:path w="654050" h="5079">
                  <a:moveTo>
                    <a:pt x="502920" y="0"/>
                  </a:moveTo>
                  <a:lnTo>
                    <a:pt x="499872" y="0"/>
                  </a:lnTo>
                  <a:lnTo>
                    <a:pt x="499872" y="4572"/>
                  </a:lnTo>
                  <a:lnTo>
                    <a:pt x="502920" y="4572"/>
                  </a:lnTo>
                  <a:lnTo>
                    <a:pt x="502920" y="0"/>
                  </a:lnTo>
                  <a:close/>
                </a:path>
                <a:path w="654050" h="5079">
                  <a:moveTo>
                    <a:pt x="510540" y="0"/>
                  </a:moveTo>
                  <a:lnTo>
                    <a:pt x="507492" y="0"/>
                  </a:lnTo>
                  <a:lnTo>
                    <a:pt x="507492" y="4572"/>
                  </a:lnTo>
                  <a:lnTo>
                    <a:pt x="510540" y="4572"/>
                  </a:lnTo>
                  <a:lnTo>
                    <a:pt x="510540" y="0"/>
                  </a:lnTo>
                  <a:close/>
                </a:path>
                <a:path w="654050" h="5079">
                  <a:moveTo>
                    <a:pt x="516636" y="0"/>
                  </a:moveTo>
                  <a:lnTo>
                    <a:pt x="513588" y="0"/>
                  </a:lnTo>
                  <a:lnTo>
                    <a:pt x="513588" y="4572"/>
                  </a:lnTo>
                  <a:lnTo>
                    <a:pt x="516636" y="4572"/>
                  </a:lnTo>
                  <a:lnTo>
                    <a:pt x="516636" y="0"/>
                  </a:lnTo>
                  <a:close/>
                </a:path>
                <a:path w="654050" h="5079">
                  <a:moveTo>
                    <a:pt x="524256" y="0"/>
                  </a:moveTo>
                  <a:lnTo>
                    <a:pt x="521208" y="0"/>
                  </a:lnTo>
                  <a:lnTo>
                    <a:pt x="521208" y="4572"/>
                  </a:lnTo>
                  <a:lnTo>
                    <a:pt x="524256" y="4572"/>
                  </a:lnTo>
                  <a:lnTo>
                    <a:pt x="524256" y="0"/>
                  </a:lnTo>
                  <a:close/>
                </a:path>
                <a:path w="654050" h="5079">
                  <a:moveTo>
                    <a:pt x="530352" y="0"/>
                  </a:moveTo>
                  <a:lnTo>
                    <a:pt x="527304" y="0"/>
                  </a:lnTo>
                  <a:lnTo>
                    <a:pt x="527304" y="4572"/>
                  </a:lnTo>
                  <a:lnTo>
                    <a:pt x="530352" y="4572"/>
                  </a:lnTo>
                  <a:lnTo>
                    <a:pt x="530352" y="0"/>
                  </a:lnTo>
                  <a:close/>
                </a:path>
                <a:path w="654050" h="5079">
                  <a:moveTo>
                    <a:pt x="537972" y="0"/>
                  </a:moveTo>
                  <a:lnTo>
                    <a:pt x="534924" y="0"/>
                  </a:lnTo>
                  <a:lnTo>
                    <a:pt x="534924" y="4572"/>
                  </a:lnTo>
                  <a:lnTo>
                    <a:pt x="537972" y="4572"/>
                  </a:lnTo>
                  <a:lnTo>
                    <a:pt x="537972" y="0"/>
                  </a:lnTo>
                  <a:close/>
                </a:path>
                <a:path w="654050" h="5079">
                  <a:moveTo>
                    <a:pt x="544068" y="0"/>
                  </a:moveTo>
                  <a:lnTo>
                    <a:pt x="541020" y="0"/>
                  </a:lnTo>
                  <a:lnTo>
                    <a:pt x="541020" y="4572"/>
                  </a:lnTo>
                  <a:lnTo>
                    <a:pt x="544068" y="4572"/>
                  </a:lnTo>
                  <a:lnTo>
                    <a:pt x="544068" y="0"/>
                  </a:lnTo>
                  <a:close/>
                </a:path>
                <a:path w="654050" h="5079">
                  <a:moveTo>
                    <a:pt x="551688" y="0"/>
                  </a:moveTo>
                  <a:lnTo>
                    <a:pt x="548640" y="0"/>
                  </a:lnTo>
                  <a:lnTo>
                    <a:pt x="548640" y="4572"/>
                  </a:lnTo>
                  <a:lnTo>
                    <a:pt x="551688" y="4572"/>
                  </a:lnTo>
                  <a:lnTo>
                    <a:pt x="551688" y="0"/>
                  </a:lnTo>
                  <a:close/>
                </a:path>
                <a:path w="654050" h="5079">
                  <a:moveTo>
                    <a:pt x="557784" y="0"/>
                  </a:moveTo>
                  <a:lnTo>
                    <a:pt x="554736" y="0"/>
                  </a:lnTo>
                  <a:lnTo>
                    <a:pt x="554736" y="4572"/>
                  </a:lnTo>
                  <a:lnTo>
                    <a:pt x="557784" y="4572"/>
                  </a:lnTo>
                  <a:lnTo>
                    <a:pt x="557784" y="0"/>
                  </a:lnTo>
                  <a:close/>
                </a:path>
                <a:path w="654050" h="5079">
                  <a:moveTo>
                    <a:pt x="565404" y="0"/>
                  </a:moveTo>
                  <a:lnTo>
                    <a:pt x="562356" y="0"/>
                  </a:lnTo>
                  <a:lnTo>
                    <a:pt x="562356" y="4572"/>
                  </a:lnTo>
                  <a:lnTo>
                    <a:pt x="565404" y="4572"/>
                  </a:lnTo>
                  <a:lnTo>
                    <a:pt x="565404" y="0"/>
                  </a:lnTo>
                  <a:close/>
                </a:path>
                <a:path w="654050" h="5079">
                  <a:moveTo>
                    <a:pt x="571500" y="0"/>
                  </a:moveTo>
                  <a:lnTo>
                    <a:pt x="568452" y="0"/>
                  </a:lnTo>
                  <a:lnTo>
                    <a:pt x="568452" y="4572"/>
                  </a:lnTo>
                  <a:lnTo>
                    <a:pt x="571500" y="4572"/>
                  </a:lnTo>
                  <a:lnTo>
                    <a:pt x="571500" y="0"/>
                  </a:lnTo>
                  <a:close/>
                </a:path>
                <a:path w="654050" h="5079">
                  <a:moveTo>
                    <a:pt x="579120" y="0"/>
                  </a:moveTo>
                  <a:lnTo>
                    <a:pt x="576072" y="0"/>
                  </a:lnTo>
                  <a:lnTo>
                    <a:pt x="576072" y="4572"/>
                  </a:lnTo>
                  <a:lnTo>
                    <a:pt x="579120" y="4572"/>
                  </a:lnTo>
                  <a:lnTo>
                    <a:pt x="579120" y="0"/>
                  </a:lnTo>
                  <a:close/>
                </a:path>
                <a:path w="654050" h="5079">
                  <a:moveTo>
                    <a:pt x="585216" y="0"/>
                  </a:moveTo>
                  <a:lnTo>
                    <a:pt x="582168" y="0"/>
                  </a:lnTo>
                  <a:lnTo>
                    <a:pt x="582168" y="4572"/>
                  </a:lnTo>
                  <a:lnTo>
                    <a:pt x="585216" y="4572"/>
                  </a:lnTo>
                  <a:lnTo>
                    <a:pt x="585216" y="0"/>
                  </a:lnTo>
                  <a:close/>
                </a:path>
                <a:path w="654050" h="5079">
                  <a:moveTo>
                    <a:pt x="592836" y="0"/>
                  </a:moveTo>
                  <a:lnTo>
                    <a:pt x="589788" y="0"/>
                  </a:lnTo>
                  <a:lnTo>
                    <a:pt x="589788" y="4572"/>
                  </a:lnTo>
                  <a:lnTo>
                    <a:pt x="592836" y="4572"/>
                  </a:lnTo>
                  <a:lnTo>
                    <a:pt x="592836" y="0"/>
                  </a:lnTo>
                  <a:close/>
                </a:path>
                <a:path w="654050" h="5079">
                  <a:moveTo>
                    <a:pt x="598932" y="0"/>
                  </a:moveTo>
                  <a:lnTo>
                    <a:pt x="595884" y="0"/>
                  </a:lnTo>
                  <a:lnTo>
                    <a:pt x="595884" y="4572"/>
                  </a:lnTo>
                  <a:lnTo>
                    <a:pt x="598932" y="4572"/>
                  </a:lnTo>
                  <a:lnTo>
                    <a:pt x="598932" y="0"/>
                  </a:lnTo>
                  <a:close/>
                </a:path>
                <a:path w="654050" h="5079">
                  <a:moveTo>
                    <a:pt x="606552" y="0"/>
                  </a:moveTo>
                  <a:lnTo>
                    <a:pt x="601980" y="0"/>
                  </a:lnTo>
                  <a:lnTo>
                    <a:pt x="601980" y="4572"/>
                  </a:lnTo>
                  <a:lnTo>
                    <a:pt x="606552" y="4572"/>
                  </a:lnTo>
                  <a:lnTo>
                    <a:pt x="606552" y="0"/>
                  </a:lnTo>
                  <a:close/>
                </a:path>
                <a:path w="654050" h="5079">
                  <a:moveTo>
                    <a:pt x="612648" y="0"/>
                  </a:moveTo>
                  <a:lnTo>
                    <a:pt x="609600" y="0"/>
                  </a:lnTo>
                  <a:lnTo>
                    <a:pt x="609600" y="4572"/>
                  </a:lnTo>
                  <a:lnTo>
                    <a:pt x="612648" y="4572"/>
                  </a:lnTo>
                  <a:lnTo>
                    <a:pt x="612648" y="0"/>
                  </a:lnTo>
                  <a:close/>
                </a:path>
                <a:path w="654050" h="5079">
                  <a:moveTo>
                    <a:pt x="620268" y="0"/>
                  </a:moveTo>
                  <a:lnTo>
                    <a:pt x="615696" y="0"/>
                  </a:lnTo>
                  <a:lnTo>
                    <a:pt x="615696" y="4572"/>
                  </a:lnTo>
                  <a:lnTo>
                    <a:pt x="620268" y="4572"/>
                  </a:lnTo>
                  <a:lnTo>
                    <a:pt x="620268" y="0"/>
                  </a:lnTo>
                  <a:close/>
                </a:path>
                <a:path w="654050" h="5079">
                  <a:moveTo>
                    <a:pt x="626364" y="0"/>
                  </a:moveTo>
                  <a:lnTo>
                    <a:pt x="623316" y="0"/>
                  </a:lnTo>
                  <a:lnTo>
                    <a:pt x="623316" y="4572"/>
                  </a:lnTo>
                  <a:lnTo>
                    <a:pt x="626364" y="4572"/>
                  </a:lnTo>
                  <a:lnTo>
                    <a:pt x="626364" y="0"/>
                  </a:lnTo>
                  <a:close/>
                </a:path>
                <a:path w="654050" h="5079">
                  <a:moveTo>
                    <a:pt x="633984" y="0"/>
                  </a:moveTo>
                  <a:lnTo>
                    <a:pt x="629412" y="0"/>
                  </a:lnTo>
                  <a:lnTo>
                    <a:pt x="629412" y="4572"/>
                  </a:lnTo>
                  <a:lnTo>
                    <a:pt x="633984" y="4572"/>
                  </a:lnTo>
                  <a:lnTo>
                    <a:pt x="633984" y="0"/>
                  </a:lnTo>
                  <a:close/>
                </a:path>
                <a:path w="654050" h="5079">
                  <a:moveTo>
                    <a:pt x="640080" y="0"/>
                  </a:moveTo>
                  <a:lnTo>
                    <a:pt x="637032" y="0"/>
                  </a:lnTo>
                  <a:lnTo>
                    <a:pt x="637032" y="4572"/>
                  </a:lnTo>
                  <a:lnTo>
                    <a:pt x="640080" y="4572"/>
                  </a:lnTo>
                  <a:lnTo>
                    <a:pt x="640080" y="0"/>
                  </a:lnTo>
                  <a:close/>
                </a:path>
                <a:path w="654050" h="5079">
                  <a:moveTo>
                    <a:pt x="647700" y="0"/>
                  </a:moveTo>
                  <a:lnTo>
                    <a:pt x="643128" y="0"/>
                  </a:lnTo>
                  <a:lnTo>
                    <a:pt x="643128" y="4572"/>
                  </a:lnTo>
                  <a:lnTo>
                    <a:pt x="647700" y="4572"/>
                  </a:lnTo>
                  <a:lnTo>
                    <a:pt x="647700" y="0"/>
                  </a:lnTo>
                  <a:close/>
                </a:path>
                <a:path w="654050" h="5079">
                  <a:moveTo>
                    <a:pt x="653796" y="0"/>
                  </a:moveTo>
                  <a:lnTo>
                    <a:pt x="650748" y="0"/>
                  </a:lnTo>
                  <a:lnTo>
                    <a:pt x="650748" y="4572"/>
                  </a:lnTo>
                  <a:lnTo>
                    <a:pt x="653796" y="4572"/>
                  </a:lnTo>
                  <a:lnTo>
                    <a:pt x="653796" y="0"/>
                  </a:lnTo>
                  <a:close/>
                </a:path>
              </a:pathLst>
            </a:custGeom>
            <a:solidFill>
              <a:srgbClr val="D8D8D8"/>
            </a:solidFill>
          </p:spPr>
          <p:txBody>
            <a:bodyPr wrap="square" lIns="0" tIns="0" rIns="0" bIns="0" rtlCol="0"/>
            <a:lstStyle/>
            <a:p>
              <a:endParaRPr sz="1539"/>
            </a:p>
          </p:txBody>
        </p:sp>
        <p:sp>
          <p:nvSpPr>
            <p:cNvPr id="87" name="object 87"/>
            <p:cNvSpPr/>
            <p:nvPr/>
          </p:nvSpPr>
          <p:spPr>
            <a:xfrm>
              <a:off x="9686544" y="3960875"/>
              <a:ext cx="24765" cy="5080"/>
            </a:xfrm>
            <a:custGeom>
              <a:avLst/>
              <a:gdLst/>
              <a:ahLst/>
              <a:cxnLst/>
              <a:rect l="l" t="t" r="r" b="b"/>
              <a:pathLst>
                <a:path w="24765" h="5079">
                  <a:moveTo>
                    <a:pt x="3048" y="0"/>
                  </a:moveTo>
                  <a:lnTo>
                    <a:pt x="0" y="0"/>
                  </a:lnTo>
                  <a:lnTo>
                    <a:pt x="0" y="4572"/>
                  </a:lnTo>
                  <a:lnTo>
                    <a:pt x="3048" y="4572"/>
                  </a:lnTo>
                  <a:lnTo>
                    <a:pt x="3048" y="0"/>
                  </a:lnTo>
                  <a:close/>
                </a:path>
                <a:path w="24765" h="5079">
                  <a:moveTo>
                    <a:pt x="10668" y="0"/>
                  </a:moveTo>
                  <a:lnTo>
                    <a:pt x="6096" y="0"/>
                  </a:lnTo>
                  <a:lnTo>
                    <a:pt x="6096" y="4572"/>
                  </a:lnTo>
                  <a:lnTo>
                    <a:pt x="10668" y="4572"/>
                  </a:lnTo>
                  <a:lnTo>
                    <a:pt x="10668" y="0"/>
                  </a:lnTo>
                  <a:close/>
                </a:path>
                <a:path w="24765" h="5079">
                  <a:moveTo>
                    <a:pt x="16764" y="0"/>
                  </a:moveTo>
                  <a:lnTo>
                    <a:pt x="13716" y="0"/>
                  </a:lnTo>
                  <a:lnTo>
                    <a:pt x="13716" y="4572"/>
                  </a:lnTo>
                  <a:lnTo>
                    <a:pt x="16764" y="4572"/>
                  </a:lnTo>
                  <a:lnTo>
                    <a:pt x="16764" y="0"/>
                  </a:lnTo>
                  <a:close/>
                </a:path>
                <a:path w="24765" h="5079">
                  <a:moveTo>
                    <a:pt x="24384" y="0"/>
                  </a:moveTo>
                  <a:lnTo>
                    <a:pt x="19812" y="0"/>
                  </a:lnTo>
                  <a:lnTo>
                    <a:pt x="19812" y="4572"/>
                  </a:lnTo>
                  <a:lnTo>
                    <a:pt x="24384" y="4572"/>
                  </a:lnTo>
                  <a:lnTo>
                    <a:pt x="24384" y="0"/>
                  </a:lnTo>
                  <a:close/>
                </a:path>
              </a:pathLst>
            </a:custGeom>
            <a:solidFill>
              <a:srgbClr val="D8D8D8"/>
            </a:solidFill>
          </p:spPr>
          <p:txBody>
            <a:bodyPr wrap="square" lIns="0" tIns="0" rIns="0" bIns="0" rtlCol="0"/>
            <a:lstStyle/>
            <a:p>
              <a:endParaRPr sz="1539"/>
            </a:p>
          </p:txBody>
        </p:sp>
        <p:sp>
          <p:nvSpPr>
            <p:cNvPr id="88" name="object 88"/>
            <p:cNvSpPr/>
            <p:nvPr/>
          </p:nvSpPr>
          <p:spPr>
            <a:xfrm>
              <a:off x="9880091" y="3963162"/>
              <a:ext cx="125095" cy="0"/>
            </a:xfrm>
            <a:custGeom>
              <a:avLst/>
              <a:gdLst/>
              <a:ahLst/>
              <a:cxnLst/>
              <a:rect l="l" t="t" r="r" b="b"/>
              <a:pathLst>
                <a:path w="125095">
                  <a:moveTo>
                    <a:pt x="0" y="0"/>
                  </a:moveTo>
                  <a:lnTo>
                    <a:pt x="124967" y="0"/>
                  </a:lnTo>
                </a:path>
              </a:pathLst>
            </a:custGeom>
            <a:ln w="4572">
              <a:solidFill>
                <a:srgbClr val="D8D8D8"/>
              </a:solidFill>
              <a:prstDash val="sysDot"/>
            </a:ln>
          </p:spPr>
          <p:txBody>
            <a:bodyPr wrap="square" lIns="0" tIns="0" rIns="0" bIns="0" rtlCol="0"/>
            <a:lstStyle/>
            <a:p>
              <a:endParaRPr sz="1539"/>
            </a:p>
          </p:txBody>
        </p:sp>
        <p:sp>
          <p:nvSpPr>
            <p:cNvPr id="89" name="object 89"/>
            <p:cNvSpPr/>
            <p:nvPr/>
          </p:nvSpPr>
          <p:spPr>
            <a:xfrm>
              <a:off x="1085088" y="3403091"/>
              <a:ext cx="818515" cy="5080"/>
            </a:xfrm>
            <a:custGeom>
              <a:avLst/>
              <a:gdLst/>
              <a:ahLst/>
              <a:cxnLst/>
              <a:rect l="l" t="t" r="r" b="b"/>
              <a:pathLst>
                <a:path w="818514" h="5079">
                  <a:moveTo>
                    <a:pt x="3048" y="0"/>
                  </a:moveTo>
                  <a:lnTo>
                    <a:pt x="0" y="0"/>
                  </a:lnTo>
                  <a:lnTo>
                    <a:pt x="0" y="4572"/>
                  </a:lnTo>
                  <a:lnTo>
                    <a:pt x="3048" y="4572"/>
                  </a:lnTo>
                  <a:lnTo>
                    <a:pt x="3048" y="0"/>
                  </a:lnTo>
                  <a:close/>
                </a:path>
                <a:path w="818514" h="5079">
                  <a:moveTo>
                    <a:pt x="10668" y="0"/>
                  </a:moveTo>
                  <a:lnTo>
                    <a:pt x="6096" y="0"/>
                  </a:lnTo>
                  <a:lnTo>
                    <a:pt x="6096" y="4572"/>
                  </a:lnTo>
                  <a:lnTo>
                    <a:pt x="10668" y="4572"/>
                  </a:lnTo>
                  <a:lnTo>
                    <a:pt x="10668" y="0"/>
                  </a:lnTo>
                  <a:close/>
                </a:path>
                <a:path w="818514" h="5079">
                  <a:moveTo>
                    <a:pt x="16764" y="0"/>
                  </a:moveTo>
                  <a:lnTo>
                    <a:pt x="13716" y="0"/>
                  </a:lnTo>
                  <a:lnTo>
                    <a:pt x="13716" y="4572"/>
                  </a:lnTo>
                  <a:lnTo>
                    <a:pt x="16764" y="4572"/>
                  </a:lnTo>
                  <a:lnTo>
                    <a:pt x="16764" y="0"/>
                  </a:lnTo>
                  <a:close/>
                </a:path>
                <a:path w="818514" h="5079">
                  <a:moveTo>
                    <a:pt x="24384" y="0"/>
                  </a:moveTo>
                  <a:lnTo>
                    <a:pt x="19812" y="0"/>
                  </a:lnTo>
                  <a:lnTo>
                    <a:pt x="19812" y="4572"/>
                  </a:lnTo>
                  <a:lnTo>
                    <a:pt x="24384" y="4572"/>
                  </a:lnTo>
                  <a:lnTo>
                    <a:pt x="24384" y="0"/>
                  </a:lnTo>
                  <a:close/>
                </a:path>
                <a:path w="818514" h="5079">
                  <a:moveTo>
                    <a:pt x="30480" y="0"/>
                  </a:moveTo>
                  <a:lnTo>
                    <a:pt x="27432" y="0"/>
                  </a:lnTo>
                  <a:lnTo>
                    <a:pt x="27432" y="4572"/>
                  </a:lnTo>
                  <a:lnTo>
                    <a:pt x="30480" y="4572"/>
                  </a:lnTo>
                  <a:lnTo>
                    <a:pt x="30480" y="0"/>
                  </a:lnTo>
                  <a:close/>
                </a:path>
                <a:path w="818514" h="5079">
                  <a:moveTo>
                    <a:pt x="38100" y="0"/>
                  </a:moveTo>
                  <a:lnTo>
                    <a:pt x="33528" y="0"/>
                  </a:lnTo>
                  <a:lnTo>
                    <a:pt x="33528" y="4572"/>
                  </a:lnTo>
                  <a:lnTo>
                    <a:pt x="38100" y="4572"/>
                  </a:lnTo>
                  <a:lnTo>
                    <a:pt x="38100" y="0"/>
                  </a:lnTo>
                  <a:close/>
                </a:path>
                <a:path w="818514" h="5079">
                  <a:moveTo>
                    <a:pt x="44196" y="0"/>
                  </a:moveTo>
                  <a:lnTo>
                    <a:pt x="41148" y="0"/>
                  </a:lnTo>
                  <a:lnTo>
                    <a:pt x="41148" y="4572"/>
                  </a:lnTo>
                  <a:lnTo>
                    <a:pt x="44196" y="4572"/>
                  </a:lnTo>
                  <a:lnTo>
                    <a:pt x="44196" y="0"/>
                  </a:lnTo>
                  <a:close/>
                </a:path>
                <a:path w="818514" h="5079">
                  <a:moveTo>
                    <a:pt x="51816" y="0"/>
                  </a:moveTo>
                  <a:lnTo>
                    <a:pt x="47244" y="0"/>
                  </a:lnTo>
                  <a:lnTo>
                    <a:pt x="47244" y="4572"/>
                  </a:lnTo>
                  <a:lnTo>
                    <a:pt x="51816" y="4572"/>
                  </a:lnTo>
                  <a:lnTo>
                    <a:pt x="51816" y="0"/>
                  </a:lnTo>
                  <a:close/>
                </a:path>
                <a:path w="818514" h="5079">
                  <a:moveTo>
                    <a:pt x="57912" y="0"/>
                  </a:moveTo>
                  <a:lnTo>
                    <a:pt x="54864" y="0"/>
                  </a:lnTo>
                  <a:lnTo>
                    <a:pt x="54864" y="4572"/>
                  </a:lnTo>
                  <a:lnTo>
                    <a:pt x="57912" y="4572"/>
                  </a:lnTo>
                  <a:lnTo>
                    <a:pt x="57912" y="0"/>
                  </a:lnTo>
                  <a:close/>
                </a:path>
                <a:path w="818514" h="5079">
                  <a:moveTo>
                    <a:pt x="65532" y="0"/>
                  </a:moveTo>
                  <a:lnTo>
                    <a:pt x="60960" y="0"/>
                  </a:lnTo>
                  <a:lnTo>
                    <a:pt x="60960" y="4572"/>
                  </a:lnTo>
                  <a:lnTo>
                    <a:pt x="65532" y="4572"/>
                  </a:lnTo>
                  <a:lnTo>
                    <a:pt x="65532" y="0"/>
                  </a:lnTo>
                  <a:close/>
                </a:path>
                <a:path w="818514" h="5079">
                  <a:moveTo>
                    <a:pt x="71628" y="0"/>
                  </a:moveTo>
                  <a:lnTo>
                    <a:pt x="68580" y="0"/>
                  </a:lnTo>
                  <a:lnTo>
                    <a:pt x="68580" y="4572"/>
                  </a:lnTo>
                  <a:lnTo>
                    <a:pt x="71628" y="4572"/>
                  </a:lnTo>
                  <a:lnTo>
                    <a:pt x="71628" y="0"/>
                  </a:lnTo>
                  <a:close/>
                </a:path>
                <a:path w="818514" h="5079">
                  <a:moveTo>
                    <a:pt x="79248" y="0"/>
                  </a:moveTo>
                  <a:lnTo>
                    <a:pt x="74676" y="0"/>
                  </a:lnTo>
                  <a:lnTo>
                    <a:pt x="74676" y="4572"/>
                  </a:lnTo>
                  <a:lnTo>
                    <a:pt x="79248" y="4572"/>
                  </a:lnTo>
                  <a:lnTo>
                    <a:pt x="79248" y="0"/>
                  </a:lnTo>
                  <a:close/>
                </a:path>
                <a:path w="818514" h="5079">
                  <a:moveTo>
                    <a:pt x="85344" y="0"/>
                  </a:moveTo>
                  <a:lnTo>
                    <a:pt x="82296" y="0"/>
                  </a:lnTo>
                  <a:lnTo>
                    <a:pt x="82296" y="4572"/>
                  </a:lnTo>
                  <a:lnTo>
                    <a:pt x="85344" y="4572"/>
                  </a:lnTo>
                  <a:lnTo>
                    <a:pt x="85344" y="0"/>
                  </a:lnTo>
                  <a:close/>
                </a:path>
                <a:path w="818514" h="5079">
                  <a:moveTo>
                    <a:pt x="92964" y="0"/>
                  </a:moveTo>
                  <a:lnTo>
                    <a:pt x="88392" y="0"/>
                  </a:lnTo>
                  <a:lnTo>
                    <a:pt x="88392" y="4572"/>
                  </a:lnTo>
                  <a:lnTo>
                    <a:pt x="92964" y="4572"/>
                  </a:lnTo>
                  <a:lnTo>
                    <a:pt x="92964" y="0"/>
                  </a:lnTo>
                  <a:close/>
                </a:path>
                <a:path w="818514" h="5079">
                  <a:moveTo>
                    <a:pt x="99060" y="0"/>
                  </a:moveTo>
                  <a:lnTo>
                    <a:pt x="96012" y="0"/>
                  </a:lnTo>
                  <a:lnTo>
                    <a:pt x="96012" y="4572"/>
                  </a:lnTo>
                  <a:lnTo>
                    <a:pt x="99060" y="4572"/>
                  </a:lnTo>
                  <a:lnTo>
                    <a:pt x="99060" y="0"/>
                  </a:lnTo>
                  <a:close/>
                </a:path>
                <a:path w="818514" h="5079">
                  <a:moveTo>
                    <a:pt x="106680" y="0"/>
                  </a:moveTo>
                  <a:lnTo>
                    <a:pt x="102108" y="0"/>
                  </a:lnTo>
                  <a:lnTo>
                    <a:pt x="102108" y="4572"/>
                  </a:lnTo>
                  <a:lnTo>
                    <a:pt x="106680" y="4572"/>
                  </a:lnTo>
                  <a:lnTo>
                    <a:pt x="106680" y="0"/>
                  </a:lnTo>
                  <a:close/>
                </a:path>
                <a:path w="818514" h="5079">
                  <a:moveTo>
                    <a:pt x="112776" y="0"/>
                  </a:moveTo>
                  <a:lnTo>
                    <a:pt x="109728" y="0"/>
                  </a:lnTo>
                  <a:lnTo>
                    <a:pt x="109728" y="4572"/>
                  </a:lnTo>
                  <a:lnTo>
                    <a:pt x="112776" y="4572"/>
                  </a:lnTo>
                  <a:lnTo>
                    <a:pt x="112776" y="0"/>
                  </a:lnTo>
                  <a:close/>
                </a:path>
                <a:path w="818514" h="5079">
                  <a:moveTo>
                    <a:pt x="120396" y="0"/>
                  </a:moveTo>
                  <a:lnTo>
                    <a:pt x="115824" y="0"/>
                  </a:lnTo>
                  <a:lnTo>
                    <a:pt x="115824" y="4572"/>
                  </a:lnTo>
                  <a:lnTo>
                    <a:pt x="120396" y="4572"/>
                  </a:lnTo>
                  <a:lnTo>
                    <a:pt x="120396" y="0"/>
                  </a:lnTo>
                  <a:close/>
                </a:path>
                <a:path w="818514" h="5079">
                  <a:moveTo>
                    <a:pt x="126492" y="0"/>
                  </a:moveTo>
                  <a:lnTo>
                    <a:pt x="123444" y="0"/>
                  </a:lnTo>
                  <a:lnTo>
                    <a:pt x="123444" y="4572"/>
                  </a:lnTo>
                  <a:lnTo>
                    <a:pt x="126492" y="4572"/>
                  </a:lnTo>
                  <a:lnTo>
                    <a:pt x="126492" y="0"/>
                  </a:lnTo>
                  <a:close/>
                </a:path>
                <a:path w="818514" h="5079">
                  <a:moveTo>
                    <a:pt x="298704" y="0"/>
                  </a:moveTo>
                  <a:lnTo>
                    <a:pt x="297180" y="0"/>
                  </a:lnTo>
                  <a:lnTo>
                    <a:pt x="297180" y="4572"/>
                  </a:lnTo>
                  <a:lnTo>
                    <a:pt x="298704" y="4572"/>
                  </a:lnTo>
                  <a:lnTo>
                    <a:pt x="298704" y="0"/>
                  </a:lnTo>
                  <a:close/>
                </a:path>
                <a:path w="818514" h="5079">
                  <a:moveTo>
                    <a:pt x="304800" y="0"/>
                  </a:moveTo>
                  <a:lnTo>
                    <a:pt x="301752" y="0"/>
                  </a:lnTo>
                  <a:lnTo>
                    <a:pt x="301752" y="4572"/>
                  </a:lnTo>
                  <a:lnTo>
                    <a:pt x="304800" y="4572"/>
                  </a:lnTo>
                  <a:lnTo>
                    <a:pt x="304800" y="0"/>
                  </a:lnTo>
                  <a:close/>
                </a:path>
                <a:path w="818514" h="5079">
                  <a:moveTo>
                    <a:pt x="312420" y="0"/>
                  </a:moveTo>
                  <a:lnTo>
                    <a:pt x="307848" y="0"/>
                  </a:lnTo>
                  <a:lnTo>
                    <a:pt x="307848" y="4572"/>
                  </a:lnTo>
                  <a:lnTo>
                    <a:pt x="312420" y="4572"/>
                  </a:lnTo>
                  <a:lnTo>
                    <a:pt x="312420" y="0"/>
                  </a:lnTo>
                  <a:close/>
                </a:path>
                <a:path w="818514" h="5079">
                  <a:moveTo>
                    <a:pt x="318516" y="0"/>
                  </a:moveTo>
                  <a:lnTo>
                    <a:pt x="315468" y="0"/>
                  </a:lnTo>
                  <a:lnTo>
                    <a:pt x="315468" y="4572"/>
                  </a:lnTo>
                  <a:lnTo>
                    <a:pt x="318516" y="4572"/>
                  </a:lnTo>
                  <a:lnTo>
                    <a:pt x="318516" y="0"/>
                  </a:lnTo>
                  <a:close/>
                </a:path>
                <a:path w="818514" h="5079">
                  <a:moveTo>
                    <a:pt x="326136" y="0"/>
                  </a:moveTo>
                  <a:lnTo>
                    <a:pt x="321564" y="0"/>
                  </a:lnTo>
                  <a:lnTo>
                    <a:pt x="321564" y="4572"/>
                  </a:lnTo>
                  <a:lnTo>
                    <a:pt x="326136" y="4572"/>
                  </a:lnTo>
                  <a:lnTo>
                    <a:pt x="326136" y="0"/>
                  </a:lnTo>
                  <a:close/>
                </a:path>
                <a:path w="818514" h="5079">
                  <a:moveTo>
                    <a:pt x="332232" y="0"/>
                  </a:moveTo>
                  <a:lnTo>
                    <a:pt x="329184" y="0"/>
                  </a:lnTo>
                  <a:lnTo>
                    <a:pt x="329184" y="4572"/>
                  </a:lnTo>
                  <a:lnTo>
                    <a:pt x="332232" y="4572"/>
                  </a:lnTo>
                  <a:lnTo>
                    <a:pt x="332232" y="0"/>
                  </a:lnTo>
                  <a:close/>
                </a:path>
                <a:path w="818514" h="5079">
                  <a:moveTo>
                    <a:pt x="339852" y="0"/>
                  </a:moveTo>
                  <a:lnTo>
                    <a:pt x="335280" y="0"/>
                  </a:lnTo>
                  <a:lnTo>
                    <a:pt x="335280" y="4572"/>
                  </a:lnTo>
                  <a:lnTo>
                    <a:pt x="339852" y="4572"/>
                  </a:lnTo>
                  <a:lnTo>
                    <a:pt x="339852" y="0"/>
                  </a:lnTo>
                  <a:close/>
                </a:path>
                <a:path w="818514" h="5079">
                  <a:moveTo>
                    <a:pt x="345948" y="0"/>
                  </a:moveTo>
                  <a:lnTo>
                    <a:pt x="342900" y="0"/>
                  </a:lnTo>
                  <a:lnTo>
                    <a:pt x="342900" y="4572"/>
                  </a:lnTo>
                  <a:lnTo>
                    <a:pt x="345948" y="4572"/>
                  </a:lnTo>
                  <a:lnTo>
                    <a:pt x="345948" y="0"/>
                  </a:lnTo>
                  <a:close/>
                </a:path>
                <a:path w="818514" h="5079">
                  <a:moveTo>
                    <a:pt x="353568" y="0"/>
                  </a:moveTo>
                  <a:lnTo>
                    <a:pt x="348996" y="0"/>
                  </a:lnTo>
                  <a:lnTo>
                    <a:pt x="348996" y="4572"/>
                  </a:lnTo>
                  <a:lnTo>
                    <a:pt x="353568" y="4572"/>
                  </a:lnTo>
                  <a:lnTo>
                    <a:pt x="353568" y="0"/>
                  </a:lnTo>
                  <a:close/>
                </a:path>
                <a:path w="818514" h="5079">
                  <a:moveTo>
                    <a:pt x="359664" y="0"/>
                  </a:moveTo>
                  <a:lnTo>
                    <a:pt x="356616" y="0"/>
                  </a:lnTo>
                  <a:lnTo>
                    <a:pt x="356616" y="4572"/>
                  </a:lnTo>
                  <a:lnTo>
                    <a:pt x="359664" y="4572"/>
                  </a:lnTo>
                  <a:lnTo>
                    <a:pt x="359664" y="0"/>
                  </a:lnTo>
                  <a:close/>
                </a:path>
                <a:path w="818514" h="5079">
                  <a:moveTo>
                    <a:pt x="367284" y="0"/>
                  </a:moveTo>
                  <a:lnTo>
                    <a:pt x="362712" y="0"/>
                  </a:lnTo>
                  <a:lnTo>
                    <a:pt x="362712" y="4572"/>
                  </a:lnTo>
                  <a:lnTo>
                    <a:pt x="367284" y="4572"/>
                  </a:lnTo>
                  <a:lnTo>
                    <a:pt x="367284" y="0"/>
                  </a:lnTo>
                  <a:close/>
                </a:path>
                <a:path w="818514" h="5079">
                  <a:moveTo>
                    <a:pt x="373380" y="0"/>
                  </a:moveTo>
                  <a:lnTo>
                    <a:pt x="370332" y="0"/>
                  </a:lnTo>
                  <a:lnTo>
                    <a:pt x="370332" y="4572"/>
                  </a:lnTo>
                  <a:lnTo>
                    <a:pt x="373380" y="4572"/>
                  </a:lnTo>
                  <a:lnTo>
                    <a:pt x="373380" y="0"/>
                  </a:lnTo>
                  <a:close/>
                </a:path>
                <a:path w="818514" h="5079">
                  <a:moveTo>
                    <a:pt x="381000" y="0"/>
                  </a:moveTo>
                  <a:lnTo>
                    <a:pt x="376428" y="0"/>
                  </a:lnTo>
                  <a:lnTo>
                    <a:pt x="376428" y="4572"/>
                  </a:lnTo>
                  <a:lnTo>
                    <a:pt x="381000" y="4572"/>
                  </a:lnTo>
                  <a:lnTo>
                    <a:pt x="381000" y="0"/>
                  </a:lnTo>
                  <a:close/>
                </a:path>
                <a:path w="818514" h="5079">
                  <a:moveTo>
                    <a:pt x="387096" y="0"/>
                  </a:moveTo>
                  <a:lnTo>
                    <a:pt x="384048" y="0"/>
                  </a:lnTo>
                  <a:lnTo>
                    <a:pt x="384048" y="4572"/>
                  </a:lnTo>
                  <a:lnTo>
                    <a:pt x="387096" y="4572"/>
                  </a:lnTo>
                  <a:lnTo>
                    <a:pt x="387096" y="0"/>
                  </a:lnTo>
                  <a:close/>
                </a:path>
                <a:path w="818514" h="5079">
                  <a:moveTo>
                    <a:pt x="394716" y="0"/>
                  </a:moveTo>
                  <a:lnTo>
                    <a:pt x="390144" y="0"/>
                  </a:lnTo>
                  <a:lnTo>
                    <a:pt x="390144" y="4572"/>
                  </a:lnTo>
                  <a:lnTo>
                    <a:pt x="394716" y="4572"/>
                  </a:lnTo>
                  <a:lnTo>
                    <a:pt x="394716" y="0"/>
                  </a:lnTo>
                  <a:close/>
                </a:path>
                <a:path w="818514" h="5079">
                  <a:moveTo>
                    <a:pt x="400812" y="0"/>
                  </a:moveTo>
                  <a:lnTo>
                    <a:pt x="397764" y="0"/>
                  </a:lnTo>
                  <a:lnTo>
                    <a:pt x="397764" y="4572"/>
                  </a:lnTo>
                  <a:lnTo>
                    <a:pt x="400812" y="4572"/>
                  </a:lnTo>
                  <a:lnTo>
                    <a:pt x="400812" y="0"/>
                  </a:lnTo>
                  <a:close/>
                </a:path>
                <a:path w="818514" h="5079">
                  <a:moveTo>
                    <a:pt x="408432" y="0"/>
                  </a:moveTo>
                  <a:lnTo>
                    <a:pt x="403860" y="0"/>
                  </a:lnTo>
                  <a:lnTo>
                    <a:pt x="403860" y="4572"/>
                  </a:lnTo>
                  <a:lnTo>
                    <a:pt x="408432" y="4572"/>
                  </a:lnTo>
                  <a:lnTo>
                    <a:pt x="408432" y="0"/>
                  </a:lnTo>
                  <a:close/>
                </a:path>
                <a:path w="818514" h="5079">
                  <a:moveTo>
                    <a:pt x="414528" y="0"/>
                  </a:moveTo>
                  <a:lnTo>
                    <a:pt x="411480" y="0"/>
                  </a:lnTo>
                  <a:lnTo>
                    <a:pt x="411480" y="4572"/>
                  </a:lnTo>
                  <a:lnTo>
                    <a:pt x="414528" y="4572"/>
                  </a:lnTo>
                  <a:lnTo>
                    <a:pt x="414528" y="0"/>
                  </a:lnTo>
                  <a:close/>
                </a:path>
                <a:path w="818514" h="5079">
                  <a:moveTo>
                    <a:pt x="422148" y="0"/>
                  </a:moveTo>
                  <a:lnTo>
                    <a:pt x="417576" y="0"/>
                  </a:lnTo>
                  <a:lnTo>
                    <a:pt x="417576" y="4572"/>
                  </a:lnTo>
                  <a:lnTo>
                    <a:pt x="422148" y="4572"/>
                  </a:lnTo>
                  <a:lnTo>
                    <a:pt x="422148" y="0"/>
                  </a:lnTo>
                  <a:close/>
                </a:path>
                <a:path w="818514" h="5079">
                  <a:moveTo>
                    <a:pt x="428244" y="0"/>
                  </a:moveTo>
                  <a:lnTo>
                    <a:pt x="425196" y="0"/>
                  </a:lnTo>
                  <a:lnTo>
                    <a:pt x="425196" y="4572"/>
                  </a:lnTo>
                  <a:lnTo>
                    <a:pt x="428244" y="4572"/>
                  </a:lnTo>
                  <a:lnTo>
                    <a:pt x="428244" y="0"/>
                  </a:lnTo>
                  <a:close/>
                </a:path>
                <a:path w="818514" h="5079">
                  <a:moveTo>
                    <a:pt x="435864" y="0"/>
                  </a:moveTo>
                  <a:lnTo>
                    <a:pt x="431292" y="0"/>
                  </a:lnTo>
                  <a:lnTo>
                    <a:pt x="431292" y="4572"/>
                  </a:lnTo>
                  <a:lnTo>
                    <a:pt x="435864" y="4572"/>
                  </a:lnTo>
                  <a:lnTo>
                    <a:pt x="435864" y="0"/>
                  </a:lnTo>
                  <a:close/>
                </a:path>
                <a:path w="818514" h="5079">
                  <a:moveTo>
                    <a:pt x="441960" y="0"/>
                  </a:moveTo>
                  <a:lnTo>
                    <a:pt x="438912" y="0"/>
                  </a:lnTo>
                  <a:lnTo>
                    <a:pt x="438912" y="4572"/>
                  </a:lnTo>
                  <a:lnTo>
                    <a:pt x="441960" y="4572"/>
                  </a:lnTo>
                  <a:lnTo>
                    <a:pt x="441960" y="0"/>
                  </a:lnTo>
                  <a:close/>
                </a:path>
                <a:path w="818514" h="5079">
                  <a:moveTo>
                    <a:pt x="449580" y="0"/>
                  </a:moveTo>
                  <a:lnTo>
                    <a:pt x="445008" y="0"/>
                  </a:lnTo>
                  <a:lnTo>
                    <a:pt x="445008" y="4572"/>
                  </a:lnTo>
                  <a:lnTo>
                    <a:pt x="449580" y="4572"/>
                  </a:lnTo>
                  <a:lnTo>
                    <a:pt x="449580" y="0"/>
                  </a:lnTo>
                  <a:close/>
                </a:path>
                <a:path w="818514" h="5079">
                  <a:moveTo>
                    <a:pt x="455676" y="0"/>
                  </a:moveTo>
                  <a:lnTo>
                    <a:pt x="452628" y="0"/>
                  </a:lnTo>
                  <a:lnTo>
                    <a:pt x="452628" y="4572"/>
                  </a:lnTo>
                  <a:lnTo>
                    <a:pt x="455676" y="4572"/>
                  </a:lnTo>
                  <a:lnTo>
                    <a:pt x="455676" y="0"/>
                  </a:lnTo>
                  <a:close/>
                </a:path>
                <a:path w="818514" h="5079">
                  <a:moveTo>
                    <a:pt x="463296" y="0"/>
                  </a:moveTo>
                  <a:lnTo>
                    <a:pt x="458724" y="0"/>
                  </a:lnTo>
                  <a:lnTo>
                    <a:pt x="458724" y="4572"/>
                  </a:lnTo>
                  <a:lnTo>
                    <a:pt x="463296" y="4572"/>
                  </a:lnTo>
                  <a:lnTo>
                    <a:pt x="463296" y="0"/>
                  </a:lnTo>
                  <a:close/>
                </a:path>
                <a:path w="818514" h="5079">
                  <a:moveTo>
                    <a:pt x="469392" y="0"/>
                  </a:moveTo>
                  <a:lnTo>
                    <a:pt x="466344" y="0"/>
                  </a:lnTo>
                  <a:lnTo>
                    <a:pt x="466344" y="4572"/>
                  </a:lnTo>
                  <a:lnTo>
                    <a:pt x="469392" y="4572"/>
                  </a:lnTo>
                  <a:lnTo>
                    <a:pt x="469392" y="0"/>
                  </a:lnTo>
                  <a:close/>
                </a:path>
                <a:path w="818514" h="5079">
                  <a:moveTo>
                    <a:pt x="477012" y="0"/>
                  </a:moveTo>
                  <a:lnTo>
                    <a:pt x="472440" y="0"/>
                  </a:lnTo>
                  <a:lnTo>
                    <a:pt x="472440" y="4572"/>
                  </a:lnTo>
                  <a:lnTo>
                    <a:pt x="477012" y="4572"/>
                  </a:lnTo>
                  <a:lnTo>
                    <a:pt x="477012" y="0"/>
                  </a:lnTo>
                  <a:close/>
                </a:path>
                <a:path w="818514" h="5079">
                  <a:moveTo>
                    <a:pt x="483108" y="0"/>
                  </a:moveTo>
                  <a:lnTo>
                    <a:pt x="480060" y="0"/>
                  </a:lnTo>
                  <a:lnTo>
                    <a:pt x="480060" y="4572"/>
                  </a:lnTo>
                  <a:lnTo>
                    <a:pt x="483108" y="4572"/>
                  </a:lnTo>
                  <a:lnTo>
                    <a:pt x="483108" y="0"/>
                  </a:lnTo>
                  <a:close/>
                </a:path>
                <a:path w="818514" h="5079">
                  <a:moveTo>
                    <a:pt x="490728" y="0"/>
                  </a:moveTo>
                  <a:lnTo>
                    <a:pt x="486156" y="0"/>
                  </a:lnTo>
                  <a:lnTo>
                    <a:pt x="486156" y="4572"/>
                  </a:lnTo>
                  <a:lnTo>
                    <a:pt x="490728" y="4572"/>
                  </a:lnTo>
                  <a:lnTo>
                    <a:pt x="490728" y="0"/>
                  </a:lnTo>
                  <a:close/>
                </a:path>
                <a:path w="818514" h="5079">
                  <a:moveTo>
                    <a:pt x="496824" y="0"/>
                  </a:moveTo>
                  <a:lnTo>
                    <a:pt x="493776" y="0"/>
                  </a:lnTo>
                  <a:lnTo>
                    <a:pt x="493776" y="4572"/>
                  </a:lnTo>
                  <a:lnTo>
                    <a:pt x="496824" y="4572"/>
                  </a:lnTo>
                  <a:lnTo>
                    <a:pt x="496824" y="0"/>
                  </a:lnTo>
                  <a:close/>
                </a:path>
                <a:path w="818514" h="5079">
                  <a:moveTo>
                    <a:pt x="504444" y="0"/>
                  </a:moveTo>
                  <a:lnTo>
                    <a:pt x="499872" y="0"/>
                  </a:lnTo>
                  <a:lnTo>
                    <a:pt x="499872" y="4572"/>
                  </a:lnTo>
                  <a:lnTo>
                    <a:pt x="504444" y="4572"/>
                  </a:lnTo>
                  <a:lnTo>
                    <a:pt x="504444" y="0"/>
                  </a:lnTo>
                  <a:close/>
                </a:path>
                <a:path w="818514" h="5079">
                  <a:moveTo>
                    <a:pt x="510540" y="0"/>
                  </a:moveTo>
                  <a:lnTo>
                    <a:pt x="507492" y="0"/>
                  </a:lnTo>
                  <a:lnTo>
                    <a:pt x="507492" y="4572"/>
                  </a:lnTo>
                  <a:lnTo>
                    <a:pt x="510540" y="4572"/>
                  </a:lnTo>
                  <a:lnTo>
                    <a:pt x="510540" y="0"/>
                  </a:lnTo>
                  <a:close/>
                </a:path>
                <a:path w="818514" h="5079">
                  <a:moveTo>
                    <a:pt x="518160" y="0"/>
                  </a:moveTo>
                  <a:lnTo>
                    <a:pt x="513588" y="0"/>
                  </a:lnTo>
                  <a:lnTo>
                    <a:pt x="513588" y="4572"/>
                  </a:lnTo>
                  <a:lnTo>
                    <a:pt x="518160" y="4572"/>
                  </a:lnTo>
                  <a:lnTo>
                    <a:pt x="518160" y="0"/>
                  </a:lnTo>
                  <a:close/>
                </a:path>
                <a:path w="818514" h="5079">
                  <a:moveTo>
                    <a:pt x="524256" y="0"/>
                  </a:moveTo>
                  <a:lnTo>
                    <a:pt x="521208" y="0"/>
                  </a:lnTo>
                  <a:lnTo>
                    <a:pt x="521208" y="4572"/>
                  </a:lnTo>
                  <a:lnTo>
                    <a:pt x="524256" y="4572"/>
                  </a:lnTo>
                  <a:lnTo>
                    <a:pt x="524256" y="0"/>
                  </a:lnTo>
                  <a:close/>
                </a:path>
                <a:path w="818514" h="5079">
                  <a:moveTo>
                    <a:pt x="531876" y="0"/>
                  </a:moveTo>
                  <a:lnTo>
                    <a:pt x="527304" y="0"/>
                  </a:lnTo>
                  <a:lnTo>
                    <a:pt x="527304" y="4572"/>
                  </a:lnTo>
                  <a:lnTo>
                    <a:pt x="531876" y="4572"/>
                  </a:lnTo>
                  <a:lnTo>
                    <a:pt x="531876" y="0"/>
                  </a:lnTo>
                  <a:close/>
                </a:path>
                <a:path w="818514" h="5079">
                  <a:moveTo>
                    <a:pt x="537972" y="0"/>
                  </a:moveTo>
                  <a:lnTo>
                    <a:pt x="534924" y="0"/>
                  </a:lnTo>
                  <a:lnTo>
                    <a:pt x="534924" y="4572"/>
                  </a:lnTo>
                  <a:lnTo>
                    <a:pt x="537972" y="4572"/>
                  </a:lnTo>
                  <a:lnTo>
                    <a:pt x="537972" y="0"/>
                  </a:lnTo>
                  <a:close/>
                </a:path>
                <a:path w="818514" h="5079">
                  <a:moveTo>
                    <a:pt x="545592" y="0"/>
                  </a:moveTo>
                  <a:lnTo>
                    <a:pt x="541007" y="0"/>
                  </a:lnTo>
                  <a:lnTo>
                    <a:pt x="541007" y="4572"/>
                  </a:lnTo>
                  <a:lnTo>
                    <a:pt x="545592" y="4572"/>
                  </a:lnTo>
                  <a:lnTo>
                    <a:pt x="545592" y="0"/>
                  </a:lnTo>
                  <a:close/>
                </a:path>
                <a:path w="818514" h="5079">
                  <a:moveTo>
                    <a:pt x="551688" y="0"/>
                  </a:moveTo>
                  <a:lnTo>
                    <a:pt x="548627" y="0"/>
                  </a:lnTo>
                  <a:lnTo>
                    <a:pt x="548627" y="4572"/>
                  </a:lnTo>
                  <a:lnTo>
                    <a:pt x="551688" y="4572"/>
                  </a:lnTo>
                  <a:lnTo>
                    <a:pt x="551688" y="0"/>
                  </a:lnTo>
                  <a:close/>
                </a:path>
                <a:path w="818514" h="5079">
                  <a:moveTo>
                    <a:pt x="729996" y="0"/>
                  </a:moveTo>
                  <a:lnTo>
                    <a:pt x="726948" y="0"/>
                  </a:lnTo>
                  <a:lnTo>
                    <a:pt x="726948" y="4572"/>
                  </a:lnTo>
                  <a:lnTo>
                    <a:pt x="729996" y="4572"/>
                  </a:lnTo>
                  <a:lnTo>
                    <a:pt x="729996" y="0"/>
                  </a:lnTo>
                  <a:close/>
                </a:path>
                <a:path w="818514" h="5079">
                  <a:moveTo>
                    <a:pt x="736092" y="0"/>
                  </a:moveTo>
                  <a:lnTo>
                    <a:pt x="733044" y="0"/>
                  </a:lnTo>
                  <a:lnTo>
                    <a:pt x="733044" y="4572"/>
                  </a:lnTo>
                  <a:lnTo>
                    <a:pt x="736092" y="4572"/>
                  </a:lnTo>
                  <a:lnTo>
                    <a:pt x="736092" y="0"/>
                  </a:lnTo>
                  <a:close/>
                </a:path>
                <a:path w="818514" h="5079">
                  <a:moveTo>
                    <a:pt x="743712" y="0"/>
                  </a:moveTo>
                  <a:lnTo>
                    <a:pt x="740664" y="0"/>
                  </a:lnTo>
                  <a:lnTo>
                    <a:pt x="740664" y="4572"/>
                  </a:lnTo>
                  <a:lnTo>
                    <a:pt x="743712" y="4572"/>
                  </a:lnTo>
                  <a:lnTo>
                    <a:pt x="743712" y="0"/>
                  </a:lnTo>
                  <a:close/>
                </a:path>
                <a:path w="818514" h="5079">
                  <a:moveTo>
                    <a:pt x="749808" y="0"/>
                  </a:moveTo>
                  <a:lnTo>
                    <a:pt x="746760" y="0"/>
                  </a:lnTo>
                  <a:lnTo>
                    <a:pt x="746760" y="4572"/>
                  </a:lnTo>
                  <a:lnTo>
                    <a:pt x="749808" y="4572"/>
                  </a:lnTo>
                  <a:lnTo>
                    <a:pt x="749808" y="0"/>
                  </a:lnTo>
                  <a:close/>
                </a:path>
                <a:path w="818514" h="5079">
                  <a:moveTo>
                    <a:pt x="757428" y="0"/>
                  </a:moveTo>
                  <a:lnTo>
                    <a:pt x="754380" y="0"/>
                  </a:lnTo>
                  <a:lnTo>
                    <a:pt x="754380" y="4572"/>
                  </a:lnTo>
                  <a:lnTo>
                    <a:pt x="757428" y="4572"/>
                  </a:lnTo>
                  <a:lnTo>
                    <a:pt x="757428" y="0"/>
                  </a:lnTo>
                  <a:close/>
                </a:path>
                <a:path w="818514" h="5079">
                  <a:moveTo>
                    <a:pt x="763524" y="0"/>
                  </a:moveTo>
                  <a:lnTo>
                    <a:pt x="760476" y="0"/>
                  </a:lnTo>
                  <a:lnTo>
                    <a:pt x="760476" y="4572"/>
                  </a:lnTo>
                  <a:lnTo>
                    <a:pt x="763524" y="4572"/>
                  </a:lnTo>
                  <a:lnTo>
                    <a:pt x="763524" y="0"/>
                  </a:lnTo>
                  <a:close/>
                </a:path>
                <a:path w="818514" h="5079">
                  <a:moveTo>
                    <a:pt x="771144" y="0"/>
                  </a:moveTo>
                  <a:lnTo>
                    <a:pt x="768096" y="0"/>
                  </a:lnTo>
                  <a:lnTo>
                    <a:pt x="768096" y="4572"/>
                  </a:lnTo>
                  <a:lnTo>
                    <a:pt x="771144" y="4572"/>
                  </a:lnTo>
                  <a:lnTo>
                    <a:pt x="771144" y="0"/>
                  </a:lnTo>
                  <a:close/>
                </a:path>
                <a:path w="818514" h="5079">
                  <a:moveTo>
                    <a:pt x="777240" y="0"/>
                  </a:moveTo>
                  <a:lnTo>
                    <a:pt x="774192" y="0"/>
                  </a:lnTo>
                  <a:lnTo>
                    <a:pt x="774192" y="4572"/>
                  </a:lnTo>
                  <a:lnTo>
                    <a:pt x="777240" y="4572"/>
                  </a:lnTo>
                  <a:lnTo>
                    <a:pt x="777240" y="0"/>
                  </a:lnTo>
                  <a:close/>
                </a:path>
                <a:path w="818514" h="5079">
                  <a:moveTo>
                    <a:pt x="784860" y="0"/>
                  </a:moveTo>
                  <a:lnTo>
                    <a:pt x="781812" y="0"/>
                  </a:lnTo>
                  <a:lnTo>
                    <a:pt x="781812" y="4572"/>
                  </a:lnTo>
                  <a:lnTo>
                    <a:pt x="784860" y="4572"/>
                  </a:lnTo>
                  <a:lnTo>
                    <a:pt x="784860" y="0"/>
                  </a:lnTo>
                  <a:close/>
                </a:path>
                <a:path w="818514" h="5079">
                  <a:moveTo>
                    <a:pt x="790956" y="0"/>
                  </a:moveTo>
                  <a:lnTo>
                    <a:pt x="787908" y="0"/>
                  </a:lnTo>
                  <a:lnTo>
                    <a:pt x="787908" y="4572"/>
                  </a:lnTo>
                  <a:lnTo>
                    <a:pt x="790956" y="4572"/>
                  </a:lnTo>
                  <a:lnTo>
                    <a:pt x="790956" y="0"/>
                  </a:lnTo>
                  <a:close/>
                </a:path>
                <a:path w="818514" h="5079">
                  <a:moveTo>
                    <a:pt x="798576" y="0"/>
                  </a:moveTo>
                  <a:lnTo>
                    <a:pt x="795528" y="0"/>
                  </a:lnTo>
                  <a:lnTo>
                    <a:pt x="795528" y="4572"/>
                  </a:lnTo>
                  <a:lnTo>
                    <a:pt x="798576" y="4572"/>
                  </a:lnTo>
                  <a:lnTo>
                    <a:pt x="798576" y="0"/>
                  </a:lnTo>
                  <a:close/>
                </a:path>
                <a:path w="818514" h="5079">
                  <a:moveTo>
                    <a:pt x="804672" y="0"/>
                  </a:moveTo>
                  <a:lnTo>
                    <a:pt x="801624" y="0"/>
                  </a:lnTo>
                  <a:lnTo>
                    <a:pt x="801624" y="4572"/>
                  </a:lnTo>
                  <a:lnTo>
                    <a:pt x="804672" y="4572"/>
                  </a:lnTo>
                  <a:lnTo>
                    <a:pt x="804672" y="0"/>
                  </a:lnTo>
                  <a:close/>
                </a:path>
                <a:path w="818514" h="5079">
                  <a:moveTo>
                    <a:pt x="812292" y="0"/>
                  </a:moveTo>
                  <a:lnTo>
                    <a:pt x="809244" y="0"/>
                  </a:lnTo>
                  <a:lnTo>
                    <a:pt x="809244" y="4572"/>
                  </a:lnTo>
                  <a:lnTo>
                    <a:pt x="812292" y="4572"/>
                  </a:lnTo>
                  <a:lnTo>
                    <a:pt x="812292" y="0"/>
                  </a:lnTo>
                  <a:close/>
                </a:path>
                <a:path w="818514"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90" name="object 90"/>
            <p:cNvSpPr/>
            <p:nvPr/>
          </p:nvSpPr>
          <p:spPr>
            <a:xfrm>
              <a:off x="1900428" y="3403091"/>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9916" y="0"/>
                  </a:lnTo>
                  <a:lnTo>
                    <a:pt x="89916"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3632" y="0"/>
                  </a:lnTo>
                  <a:lnTo>
                    <a:pt x="103632"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7348" y="0"/>
                  </a:lnTo>
                  <a:lnTo>
                    <a:pt x="117348"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31064" y="0"/>
                  </a:lnTo>
                  <a:lnTo>
                    <a:pt x="131064"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4780" y="0"/>
                  </a:lnTo>
                  <a:lnTo>
                    <a:pt x="144780"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8496" y="0"/>
                  </a:lnTo>
                  <a:lnTo>
                    <a:pt x="158496" y="4572"/>
                  </a:lnTo>
                  <a:lnTo>
                    <a:pt x="161544" y="4572"/>
                  </a:lnTo>
                  <a:lnTo>
                    <a:pt x="161544" y="0"/>
                  </a:lnTo>
                  <a:close/>
                </a:path>
                <a:path w="812800" h="5079">
                  <a:moveTo>
                    <a:pt x="332232" y="0"/>
                  </a:moveTo>
                  <a:lnTo>
                    <a:pt x="330708" y="0"/>
                  </a:lnTo>
                  <a:lnTo>
                    <a:pt x="330708" y="4572"/>
                  </a:lnTo>
                  <a:lnTo>
                    <a:pt x="332232" y="4572"/>
                  </a:lnTo>
                  <a:lnTo>
                    <a:pt x="332232" y="0"/>
                  </a:lnTo>
                  <a:close/>
                </a:path>
                <a:path w="812800" h="5079">
                  <a:moveTo>
                    <a:pt x="339852" y="0"/>
                  </a:moveTo>
                  <a:lnTo>
                    <a:pt x="336804" y="0"/>
                  </a:lnTo>
                  <a:lnTo>
                    <a:pt x="336804"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50520" y="0"/>
                  </a:lnTo>
                  <a:lnTo>
                    <a:pt x="350520"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4236" y="0"/>
                  </a:lnTo>
                  <a:lnTo>
                    <a:pt x="364236"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7952" y="0"/>
                  </a:lnTo>
                  <a:lnTo>
                    <a:pt x="377952"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1668" y="0"/>
                  </a:lnTo>
                  <a:lnTo>
                    <a:pt x="391668"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5384" y="0"/>
                  </a:lnTo>
                  <a:lnTo>
                    <a:pt x="405384"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531876" y="0"/>
                  </a:moveTo>
                  <a:lnTo>
                    <a:pt x="527304" y="0"/>
                  </a:lnTo>
                  <a:lnTo>
                    <a:pt x="527304" y="4572"/>
                  </a:lnTo>
                  <a:lnTo>
                    <a:pt x="531876" y="4572"/>
                  </a:lnTo>
                  <a:lnTo>
                    <a:pt x="531876" y="0"/>
                  </a:lnTo>
                  <a:close/>
                </a:path>
                <a:path w="812800" h="5079">
                  <a:moveTo>
                    <a:pt x="537972" y="0"/>
                  </a:moveTo>
                  <a:lnTo>
                    <a:pt x="534924" y="0"/>
                  </a:lnTo>
                  <a:lnTo>
                    <a:pt x="534924" y="4572"/>
                  </a:lnTo>
                  <a:lnTo>
                    <a:pt x="537972" y="4572"/>
                  </a:lnTo>
                  <a:lnTo>
                    <a:pt x="537972" y="0"/>
                  </a:lnTo>
                  <a:close/>
                </a:path>
                <a:path w="812800" h="5079">
                  <a:moveTo>
                    <a:pt x="545592" y="0"/>
                  </a:moveTo>
                  <a:lnTo>
                    <a:pt x="541020" y="0"/>
                  </a:lnTo>
                  <a:lnTo>
                    <a:pt x="541020" y="4572"/>
                  </a:lnTo>
                  <a:lnTo>
                    <a:pt x="545592" y="4572"/>
                  </a:lnTo>
                  <a:lnTo>
                    <a:pt x="545592" y="0"/>
                  </a:lnTo>
                  <a:close/>
                </a:path>
                <a:path w="812800" h="5079">
                  <a:moveTo>
                    <a:pt x="551688" y="0"/>
                  </a:moveTo>
                  <a:lnTo>
                    <a:pt x="548640" y="0"/>
                  </a:lnTo>
                  <a:lnTo>
                    <a:pt x="548640" y="4572"/>
                  </a:lnTo>
                  <a:lnTo>
                    <a:pt x="551688" y="4572"/>
                  </a:lnTo>
                  <a:lnTo>
                    <a:pt x="551688" y="0"/>
                  </a:lnTo>
                  <a:close/>
                </a:path>
                <a:path w="812800" h="5079">
                  <a:moveTo>
                    <a:pt x="559308" y="0"/>
                  </a:moveTo>
                  <a:lnTo>
                    <a:pt x="554736" y="0"/>
                  </a:lnTo>
                  <a:lnTo>
                    <a:pt x="554736" y="4572"/>
                  </a:lnTo>
                  <a:lnTo>
                    <a:pt x="559308" y="4572"/>
                  </a:lnTo>
                  <a:lnTo>
                    <a:pt x="559308" y="0"/>
                  </a:lnTo>
                  <a:close/>
                </a:path>
                <a:path w="812800" h="5079">
                  <a:moveTo>
                    <a:pt x="565404" y="0"/>
                  </a:moveTo>
                  <a:lnTo>
                    <a:pt x="562356" y="0"/>
                  </a:lnTo>
                  <a:lnTo>
                    <a:pt x="562356" y="4572"/>
                  </a:lnTo>
                  <a:lnTo>
                    <a:pt x="565404" y="4572"/>
                  </a:lnTo>
                  <a:lnTo>
                    <a:pt x="565404" y="0"/>
                  </a:lnTo>
                  <a:close/>
                </a:path>
                <a:path w="812800" h="5079">
                  <a:moveTo>
                    <a:pt x="573024" y="0"/>
                  </a:moveTo>
                  <a:lnTo>
                    <a:pt x="568452" y="0"/>
                  </a:lnTo>
                  <a:lnTo>
                    <a:pt x="568452" y="4572"/>
                  </a:lnTo>
                  <a:lnTo>
                    <a:pt x="573024" y="4572"/>
                  </a:lnTo>
                  <a:lnTo>
                    <a:pt x="573024" y="0"/>
                  </a:lnTo>
                  <a:close/>
                </a:path>
                <a:path w="812800" h="5079">
                  <a:moveTo>
                    <a:pt x="579120" y="0"/>
                  </a:moveTo>
                  <a:lnTo>
                    <a:pt x="576072" y="0"/>
                  </a:lnTo>
                  <a:lnTo>
                    <a:pt x="576072" y="4572"/>
                  </a:lnTo>
                  <a:lnTo>
                    <a:pt x="579120" y="4572"/>
                  </a:lnTo>
                  <a:lnTo>
                    <a:pt x="579120" y="0"/>
                  </a:lnTo>
                  <a:close/>
                </a:path>
                <a:path w="812800" h="5079">
                  <a:moveTo>
                    <a:pt x="586740" y="0"/>
                  </a:moveTo>
                  <a:lnTo>
                    <a:pt x="582168" y="0"/>
                  </a:lnTo>
                  <a:lnTo>
                    <a:pt x="582168" y="4572"/>
                  </a:lnTo>
                  <a:lnTo>
                    <a:pt x="586740" y="4572"/>
                  </a:lnTo>
                  <a:lnTo>
                    <a:pt x="586740" y="0"/>
                  </a:lnTo>
                  <a:close/>
                </a:path>
                <a:path w="812800" h="5079">
                  <a:moveTo>
                    <a:pt x="757428" y="0"/>
                  </a:moveTo>
                  <a:lnTo>
                    <a:pt x="755904" y="0"/>
                  </a:lnTo>
                  <a:lnTo>
                    <a:pt x="755904"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7908" y="0"/>
                  </a:lnTo>
                  <a:lnTo>
                    <a:pt x="787908"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1624" y="0"/>
                  </a:lnTo>
                  <a:lnTo>
                    <a:pt x="801624"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91" name="object 91"/>
            <p:cNvSpPr/>
            <p:nvPr/>
          </p:nvSpPr>
          <p:spPr>
            <a:xfrm>
              <a:off x="2709672" y="3403091"/>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6096" y="0"/>
                  </a:lnTo>
                  <a:lnTo>
                    <a:pt x="6096"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19812" y="0"/>
                  </a:lnTo>
                  <a:lnTo>
                    <a:pt x="19812"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3528" y="0"/>
                  </a:lnTo>
                  <a:lnTo>
                    <a:pt x="33528"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7244" y="0"/>
                  </a:lnTo>
                  <a:lnTo>
                    <a:pt x="47244"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0960" y="0"/>
                  </a:lnTo>
                  <a:lnTo>
                    <a:pt x="60960"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4676" y="0"/>
                  </a:lnTo>
                  <a:lnTo>
                    <a:pt x="74676"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8392" y="0"/>
                  </a:lnTo>
                  <a:lnTo>
                    <a:pt x="88392"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2108" y="0"/>
                  </a:lnTo>
                  <a:lnTo>
                    <a:pt x="102108"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5824" y="0"/>
                  </a:lnTo>
                  <a:lnTo>
                    <a:pt x="115824"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29540" y="0"/>
                  </a:lnTo>
                  <a:lnTo>
                    <a:pt x="129540"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3256" y="0"/>
                  </a:lnTo>
                  <a:lnTo>
                    <a:pt x="143256"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6972" y="0"/>
                  </a:lnTo>
                  <a:lnTo>
                    <a:pt x="156972" y="4572"/>
                  </a:lnTo>
                  <a:lnTo>
                    <a:pt x="161544" y="4572"/>
                  </a:lnTo>
                  <a:lnTo>
                    <a:pt x="161544" y="0"/>
                  </a:lnTo>
                  <a:close/>
                </a:path>
                <a:path w="812800" h="5079">
                  <a:moveTo>
                    <a:pt x="167640" y="0"/>
                  </a:moveTo>
                  <a:lnTo>
                    <a:pt x="164592" y="0"/>
                  </a:lnTo>
                  <a:lnTo>
                    <a:pt x="164592" y="4572"/>
                  </a:lnTo>
                  <a:lnTo>
                    <a:pt x="167640" y="4572"/>
                  </a:lnTo>
                  <a:lnTo>
                    <a:pt x="167640" y="0"/>
                  </a:lnTo>
                  <a:close/>
                </a:path>
                <a:path w="812800" h="5079">
                  <a:moveTo>
                    <a:pt x="175260" y="0"/>
                  </a:moveTo>
                  <a:lnTo>
                    <a:pt x="170688" y="0"/>
                  </a:lnTo>
                  <a:lnTo>
                    <a:pt x="170688" y="4572"/>
                  </a:lnTo>
                  <a:lnTo>
                    <a:pt x="175260" y="4572"/>
                  </a:lnTo>
                  <a:lnTo>
                    <a:pt x="175260" y="0"/>
                  </a:lnTo>
                  <a:close/>
                </a:path>
                <a:path w="812800" h="5079">
                  <a:moveTo>
                    <a:pt x="181356" y="0"/>
                  </a:moveTo>
                  <a:lnTo>
                    <a:pt x="178308" y="0"/>
                  </a:lnTo>
                  <a:lnTo>
                    <a:pt x="178308" y="4572"/>
                  </a:lnTo>
                  <a:lnTo>
                    <a:pt x="181356" y="4572"/>
                  </a:lnTo>
                  <a:lnTo>
                    <a:pt x="181356" y="0"/>
                  </a:lnTo>
                  <a:close/>
                </a:path>
                <a:path w="812800" h="5079">
                  <a:moveTo>
                    <a:pt x="188976" y="0"/>
                  </a:moveTo>
                  <a:lnTo>
                    <a:pt x="184404" y="0"/>
                  </a:lnTo>
                  <a:lnTo>
                    <a:pt x="184404" y="4572"/>
                  </a:lnTo>
                  <a:lnTo>
                    <a:pt x="188976" y="4572"/>
                  </a:lnTo>
                  <a:lnTo>
                    <a:pt x="188976" y="0"/>
                  </a:lnTo>
                  <a:close/>
                </a:path>
                <a:path w="812800" h="5079">
                  <a:moveTo>
                    <a:pt x="195072" y="0"/>
                  </a:moveTo>
                  <a:lnTo>
                    <a:pt x="192024" y="0"/>
                  </a:lnTo>
                  <a:lnTo>
                    <a:pt x="192024" y="4572"/>
                  </a:lnTo>
                  <a:lnTo>
                    <a:pt x="195072" y="4572"/>
                  </a:lnTo>
                  <a:lnTo>
                    <a:pt x="195072" y="0"/>
                  </a:lnTo>
                  <a:close/>
                </a:path>
                <a:path w="812800" h="5079">
                  <a:moveTo>
                    <a:pt x="202692" y="0"/>
                  </a:moveTo>
                  <a:lnTo>
                    <a:pt x="198120" y="0"/>
                  </a:lnTo>
                  <a:lnTo>
                    <a:pt x="198120" y="4572"/>
                  </a:lnTo>
                  <a:lnTo>
                    <a:pt x="202692" y="4572"/>
                  </a:lnTo>
                  <a:lnTo>
                    <a:pt x="202692" y="0"/>
                  </a:lnTo>
                  <a:close/>
                </a:path>
                <a:path w="812800" h="5079">
                  <a:moveTo>
                    <a:pt x="373380" y="0"/>
                  </a:moveTo>
                  <a:lnTo>
                    <a:pt x="371856" y="0"/>
                  </a:lnTo>
                  <a:lnTo>
                    <a:pt x="371856" y="4572"/>
                  </a:lnTo>
                  <a:lnTo>
                    <a:pt x="373380" y="4572"/>
                  </a:lnTo>
                  <a:lnTo>
                    <a:pt x="373380" y="0"/>
                  </a:lnTo>
                  <a:close/>
                </a:path>
                <a:path w="812800" h="5079">
                  <a:moveTo>
                    <a:pt x="379476" y="0"/>
                  </a:moveTo>
                  <a:lnTo>
                    <a:pt x="376428" y="0"/>
                  </a:lnTo>
                  <a:lnTo>
                    <a:pt x="376428" y="4572"/>
                  </a:lnTo>
                  <a:lnTo>
                    <a:pt x="379476" y="4572"/>
                  </a:lnTo>
                  <a:lnTo>
                    <a:pt x="379476" y="0"/>
                  </a:lnTo>
                  <a:close/>
                </a:path>
                <a:path w="812800" h="5079">
                  <a:moveTo>
                    <a:pt x="387096" y="0"/>
                  </a:moveTo>
                  <a:lnTo>
                    <a:pt x="384048" y="0"/>
                  </a:lnTo>
                  <a:lnTo>
                    <a:pt x="384048" y="4572"/>
                  </a:lnTo>
                  <a:lnTo>
                    <a:pt x="387096" y="4572"/>
                  </a:lnTo>
                  <a:lnTo>
                    <a:pt x="387096" y="0"/>
                  </a:lnTo>
                  <a:close/>
                </a:path>
                <a:path w="812800" h="5079">
                  <a:moveTo>
                    <a:pt x="393192" y="0"/>
                  </a:moveTo>
                  <a:lnTo>
                    <a:pt x="390144" y="0"/>
                  </a:lnTo>
                  <a:lnTo>
                    <a:pt x="390144" y="4572"/>
                  </a:lnTo>
                  <a:lnTo>
                    <a:pt x="393192" y="4572"/>
                  </a:lnTo>
                  <a:lnTo>
                    <a:pt x="393192" y="0"/>
                  </a:lnTo>
                  <a:close/>
                </a:path>
                <a:path w="812800" h="5079">
                  <a:moveTo>
                    <a:pt x="400812" y="0"/>
                  </a:moveTo>
                  <a:lnTo>
                    <a:pt x="397764" y="0"/>
                  </a:lnTo>
                  <a:lnTo>
                    <a:pt x="397764" y="4572"/>
                  </a:lnTo>
                  <a:lnTo>
                    <a:pt x="400812" y="4572"/>
                  </a:lnTo>
                  <a:lnTo>
                    <a:pt x="400812" y="0"/>
                  </a:lnTo>
                  <a:close/>
                </a:path>
                <a:path w="812800" h="5079">
                  <a:moveTo>
                    <a:pt x="406908" y="0"/>
                  </a:moveTo>
                  <a:lnTo>
                    <a:pt x="403860" y="0"/>
                  </a:lnTo>
                  <a:lnTo>
                    <a:pt x="403860" y="4572"/>
                  </a:lnTo>
                  <a:lnTo>
                    <a:pt x="406908" y="4572"/>
                  </a:lnTo>
                  <a:lnTo>
                    <a:pt x="406908" y="0"/>
                  </a:lnTo>
                  <a:close/>
                </a:path>
                <a:path w="812800" h="5079">
                  <a:moveTo>
                    <a:pt x="414528" y="0"/>
                  </a:moveTo>
                  <a:lnTo>
                    <a:pt x="411480" y="0"/>
                  </a:lnTo>
                  <a:lnTo>
                    <a:pt x="411480" y="4572"/>
                  </a:lnTo>
                  <a:lnTo>
                    <a:pt x="414528" y="4572"/>
                  </a:lnTo>
                  <a:lnTo>
                    <a:pt x="414528" y="0"/>
                  </a:lnTo>
                  <a:close/>
                </a:path>
                <a:path w="812800" h="5079">
                  <a:moveTo>
                    <a:pt x="420624" y="0"/>
                  </a:moveTo>
                  <a:lnTo>
                    <a:pt x="417576" y="0"/>
                  </a:lnTo>
                  <a:lnTo>
                    <a:pt x="417576" y="4572"/>
                  </a:lnTo>
                  <a:lnTo>
                    <a:pt x="420624" y="4572"/>
                  </a:lnTo>
                  <a:lnTo>
                    <a:pt x="420624" y="0"/>
                  </a:lnTo>
                  <a:close/>
                </a:path>
                <a:path w="812800" h="5079">
                  <a:moveTo>
                    <a:pt x="428244" y="0"/>
                  </a:moveTo>
                  <a:lnTo>
                    <a:pt x="425196" y="0"/>
                  </a:lnTo>
                  <a:lnTo>
                    <a:pt x="425196" y="4572"/>
                  </a:lnTo>
                  <a:lnTo>
                    <a:pt x="428244" y="4572"/>
                  </a:lnTo>
                  <a:lnTo>
                    <a:pt x="428244" y="0"/>
                  </a:lnTo>
                  <a:close/>
                </a:path>
                <a:path w="812800" h="5079">
                  <a:moveTo>
                    <a:pt x="434340" y="0"/>
                  </a:moveTo>
                  <a:lnTo>
                    <a:pt x="431292" y="0"/>
                  </a:lnTo>
                  <a:lnTo>
                    <a:pt x="431292" y="4572"/>
                  </a:lnTo>
                  <a:lnTo>
                    <a:pt x="434340" y="4572"/>
                  </a:lnTo>
                  <a:lnTo>
                    <a:pt x="434340" y="0"/>
                  </a:lnTo>
                  <a:close/>
                </a:path>
                <a:path w="812800" h="5079">
                  <a:moveTo>
                    <a:pt x="441960" y="0"/>
                  </a:moveTo>
                  <a:lnTo>
                    <a:pt x="438912" y="0"/>
                  </a:lnTo>
                  <a:lnTo>
                    <a:pt x="438912" y="4572"/>
                  </a:lnTo>
                  <a:lnTo>
                    <a:pt x="441960" y="4572"/>
                  </a:lnTo>
                  <a:lnTo>
                    <a:pt x="441960" y="0"/>
                  </a:lnTo>
                  <a:close/>
                </a:path>
                <a:path w="812800" h="5079">
                  <a:moveTo>
                    <a:pt x="448056" y="0"/>
                  </a:moveTo>
                  <a:lnTo>
                    <a:pt x="445008" y="0"/>
                  </a:lnTo>
                  <a:lnTo>
                    <a:pt x="445008" y="4572"/>
                  </a:lnTo>
                  <a:lnTo>
                    <a:pt x="448056" y="4572"/>
                  </a:lnTo>
                  <a:lnTo>
                    <a:pt x="448056" y="0"/>
                  </a:lnTo>
                  <a:close/>
                </a:path>
                <a:path w="812800" h="5079">
                  <a:moveTo>
                    <a:pt x="455676" y="0"/>
                  </a:moveTo>
                  <a:lnTo>
                    <a:pt x="452628" y="0"/>
                  </a:lnTo>
                  <a:lnTo>
                    <a:pt x="452628" y="4572"/>
                  </a:lnTo>
                  <a:lnTo>
                    <a:pt x="455676" y="4572"/>
                  </a:lnTo>
                  <a:lnTo>
                    <a:pt x="455676" y="0"/>
                  </a:lnTo>
                  <a:close/>
                </a:path>
                <a:path w="812800" h="5079">
                  <a:moveTo>
                    <a:pt x="461772" y="0"/>
                  </a:moveTo>
                  <a:lnTo>
                    <a:pt x="458724" y="0"/>
                  </a:lnTo>
                  <a:lnTo>
                    <a:pt x="458724" y="4572"/>
                  </a:lnTo>
                  <a:lnTo>
                    <a:pt x="461772" y="4572"/>
                  </a:lnTo>
                  <a:lnTo>
                    <a:pt x="461772" y="0"/>
                  </a:lnTo>
                  <a:close/>
                </a:path>
                <a:path w="812800" h="5079">
                  <a:moveTo>
                    <a:pt x="469392" y="0"/>
                  </a:moveTo>
                  <a:lnTo>
                    <a:pt x="466344" y="0"/>
                  </a:lnTo>
                  <a:lnTo>
                    <a:pt x="466344" y="4572"/>
                  </a:lnTo>
                  <a:lnTo>
                    <a:pt x="469392" y="4572"/>
                  </a:lnTo>
                  <a:lnTo>
                    <a:pt x="469392" y="0"/>
                  </a:lnTo>
                  <a:close/>
                </a:path>
                <a:path w="812800" h="5079">
                  <a:moveTo>
                    <a:pt x="475488" y="0"/>
                  </a:moveTo>
                  <a:lnTo>
                    <a:pt x="472440" y="0"/>
                  </a:lnTo>
                  <a:lnTo>
                    <a:pt x="472440" y="4572"/>
                  </a:lnTo>
                  <a:lnTo>
                    <a:pt x="475488" y="4572"/>
                  </a:lnTo>
                  <a:lnTo>
                    <a:pt x="475488" y="0"/>
                  </a:lnTo>
                  <a:close/>
                </a:path>
                <a:path w="812800" h="5079">
                  <a:moveTo>
                    <a:pt x="483108" y="0"/>
                  </a:moveTo>
                  <a:lnTo>
                    <a:pt x="480060" y="0"/>
                  </a:lnTo>
                  <a:lnTo>
                    <a:pt x="480060" y="4572"/>
                  </a:lnTo>
                  <a:lnTo>
                    <a:pt x="483108" y="4572"/>
                  </a:lnTo>
                  <a:lnTo>
                    <a:pt x="483108" y="0"/>
                  </a:lnTo>
                  <a:close/>
                </a:path>
                <a:path w="812800" h="5079">
                  <a:moveTo>
                    <a:pt x="489204" y="0"/>
                  </a:moveTo>
                  <a:lnTo>
                    <a:pt x="486156" y="0"/>
                  </a:lnTo>
                  <a:lnTo>
                    <a:pt x="486156" y="4572"/>
                  </a:lnTo>
                  <a:lnTo>
                    <a:pt x="489204" y="4572"/>
                  </a:lnTo>
                  <a:lnTo>
                    <a:pt x="489204" y="0"/>
                  </a:lnTo>
                  <a:close/>
                </a:path>
                <a:path w="812800" h="5079">
                  <a:moveTo>
                    <a:pt x="496824" y="0"/>
                  </a:moveTo>
                  <a:lnTo>
                    <a:pt x="493776" y="0"/>
                  </a:lnTo>
                  <a:lnTo>
                    <a:pt x="493776" y="4572"/>
                  </a:lnTo>
                  <a:lnTo>
                    <a:pt x="496824" y="4572"/>
                  </a:lnTo>
                  <a:lnTo>
                    <a:pt x="496824" y="0"/>
                  </a:lnTo>
                  <a:close/>
                </a:path>
                <a:path w="812800" h="5079">
                  <a:moveTo>
                    <a:pt x="502920" y="0"/>
                  </a:moveTo>
                  <a:lnTo>
                    <a:pt x="499872" y="0"/>
                  </a:lnTo>
                  <a:lnTo>
                    <a:pt x="499872" y="4572"/>
                  </a:lnTo>
                  <a:lnTo>
                    <a:pt x="502920" y="4572"/>
                  </a:lnTo>
                  <a:lnTo>
                    <a:pt x="502920" y="0"/>
                  </a:lnTo>
                  <a:close/>
                </a:path>
                <a:path w="812800" h="5079">
                  <a:moveTo>
                    <a:pt x="510540" y="0"/>
                  </a:moveTo>
                  <a:lnTo>
                    <a:pt x="507492" y="0"/>
                  </a:lnTo>
                  <a:lnTo>
                    <a:pt x="507492" y="4572"/>
                  </a:lnTo>
                  <a:lnTo>
                    <a:pt x="510540" y="4572"/>
                  </a:lnTo>
                  <a:lnTo>
                    <a:pt x="510540" y="0"/>
                  </a:lnTo>
                  <a:close/>
                </a:path>
                <a:path w="812800" h="5079">
                  <a:moveTo>
                    <a:pt x="516636" y="0"/>
                  </a:moveTo>
                  <a:lnTo>
                    <a:pt x="513588" y="0"/>
                  </a:lnTo>
                  <a:lnTo>
                    <a:pt x="513588" y="4572"/>
                  </a:lnTo>
                  <a:lnTo>
                    <a:pt x="516636" y="4572"/>
                  </a:lnTo>
                  <a:lnTo>
                    <a:pt x="516636" y="0"/>
                  </a:lnTo>
                  <a:close/>
                </a:path>
                <a:path w="812800" h="5079">
                  <a:moveTo>
                    <a:pt x="524256" y="0"/>
                  </a:moveTo>
                  <a:lnTo>
                    <a:pt x="521208" y="0"/>
                  </a:lnTo>
                  <a:lnTo>
                    <a:pt x="521208" y="4572"/>
                  </a:lnTo>
                  <a:lnTo>
                    <a:pt x="524256" y="4572"/>
                  </a:lnTo>
                  <a:lnTo>
                    <a:pt x="524256" y="0"/>
                  </a:lnTo>
                  <a:close/>
                </a:path>
                <a:path w="812800" h="5079">
                  <a:moveTo>
                    <a:pt x="530352" y="0"/>
                  </a:moveTo>
                  <a:lnTo>
                    <a:pt x="527304" y="0"/>
                  </a:lnTo>
                  <a:lnTo>
                    <a:pt x="527304" y="4572"/>
                  </a:lnTo>
                  <a:lnTo>
                    <a:pt x="530352" y="4572"/>
                  </a:lnTo>
                  <a:lnTo>
                    <a:pt x="530352" y="0"/>
                  </a:lnTo>
                  <a:close/>
                </a:path>
                <a:path w="812800" h="5079">
                  <a:moveTo>
                    <a:pt x="537972" y="0"/>
                  </a:moveTo>
                  <a:lnTo>
                    <a:pt x="534924" y="0"/>
                  </a:lnTo>
                  <a:lnTo>
                    <a:pt x="534924" y="4572"/>
                  </a:lnTo>
                  <a:lnTo>
                    <a:pt x="537972" y="4572"/>
                  </a:lnTo>
                  <a:lnTo>
                    <a:pt x="537972" y="0"/>
                  </a:lnTo>
                  <a:close/>
                </a:path>
                <a:path w="812800" h="5079">
                  <a:moveTo>
                    <a:pt x="544068" y="0"/>
                  </a:moveTo>
                  <a:lnTo>
                    <a:pt x="541020" y="0"/>
                  </a:lnTo>
                  <a:lnTo>
                    <a:pt x="541020" y="4572"/>
                  </a:lnTo>
                  <a:lnTo>
                    <a:pt x="544068" y="4572"/>
                  </a:lnTo>
                  <a:lnTo>
                    <a:pt x="544068" y="0"/>
                  </a:lnTo>
                  <a:close/>
                </a:path>
                <a:path w="812800" h="5079">
                  <a:moveTo>
                    <a:pt x="551688" y="0"/>
                  </a:moveTo>
                  <a:lnTo>
                    <a:pt x="548640" y="0"/>
                  </a:lnTo>
                  <a:lnTo>
                    <a:pt x="548640" y="4572"/>
                  </a:lnTo>
                  <a:lnTo>
                    <a:pt x="551688" y="4572"/>
                  </a:lnTo>
                  <a:lnTo>
                    <a:pt x="551688" y="0"/>
                  </a:lnTo>
                  <a:close/>
                </a:path>
                <a:path w="812800" h="5079">
                  <a:moveTo>
                    <a:pt x="557771" y="0"/>
                  </a:moveTo>
                  <a:lnTo>
                    <a:pt x="554736" y="0"/>
                  </a:lnTo>
                  <a:lnTo>
                    <a:pt x="554736" y="4572"/>
                  </a:lnTo>
                  <a:lnTo>
                    <a:pt x="557771" y="4572"/>
                  </a:lnTo>
                  <a:lnTo>
                    <a:pt x="557771" y="0"/>
                  </a:lnTo>
                  <a:close/>
                </a:path>
                <a:path w="812800" h="5079">
                  <a:moveTo>
                    <a:pt x="565404" y="0"/>
                  </a:moveTo>
                  <a:lnTo>
                    <a:pt x="562356" y="0"/>
                  </a:lnTo>
                  <a:lnTo>
                    <a:pt x="562356" y="4572"/>
                  </a:lnTo>
                  <a:lnTo>
                    <a:pt x="565404" y="4572"/>
                  </a:lnTo>
                  <a:lnTo>
                    <a:pt x="565404" y="0"/>
                  </a:lnTo>
                  <a:close/>
                </a:path>
                <a:path w="812800" h="5079">
                  <a:moveTo>
                    <a:pt x="571500" y="0"/>
                  </a:moveTo>
                  <a:lnTo>
                    <a:pt x="568452" y="0"/>
                  </a:lnTo>
                  <a:lnTo>
                    <a:pt x="568452" y="4572"/>
                  </a:lnTo>
                  <a:lnTo>
                    <a:pt x="571500" y="4572"/>
                  </a:lnTo>
                  <a:lnTo>
                    <a:pt x="571500" y="0"/>
                  </a:lnTo>
                  <a:close/>
                </a:path>
                <a:path w="812800" h="5079">
                  <a:moveTo>
                    <a:pt x="579107" y="0"/>
                  </a:moveTo>
                  <a:lnTo>
                    <a:pt x="576072" y="0"/>
                  </a:lnTo>
                  <a:lnTo>
                    <a:pt x="576072" y="4572"/>
                  </a:lnTo>
                  <a:lnTo>
                    <a:pt x="579107" y="4572"/>
                  </a:lnTo>
                  <a:lnTo>
                    <a:pt x="579107" y="0"/>
                  </a:lnTo>
                  <a:close/>
                </a:path>
                <a:path w="812800" h="5079">
                  <a:moveTo>
                    <a:pt x="585216" y="0"/>
                  </a:moveTo>
                  <a:lnTo>
                    <a:pt x="582168" y="0"/>
                  </a:lnTo>
                  <a:lnTo>
                    <a:pt x="582168" y="4572"/>
                  </a:lnTo>
                  <a:lnTo>
                    <a:pt x="585216" y="4572"/>
                  </a:lnTo>
                  <a:lnTo>
                    <a:pt x="585216" y="0"/>
                  </a:lnTo>
                  <a:close/>
                </a:path>
                <a:path w="812800" h="5079">
                  <a:moveTo>
                    <a:pt x="592836" y="0"/>
                  </a:moveTo>
                  <a:lnTo>
                    <a:pt x="589788" y="0"/>
                  </a:lnTo>
                  <a:lnTo>
                    <a:pt x="589788" y="4572"/>
                  </a:lnTo>
                  <a:lnTo>
                    <a:pt x="592836" y="4572"/>
                  </a:lnTo>
                  <a:lnTo>
                    <a:pt x="592836" y="0"/>
                  </a:lnTo>
                  <a:close/>
                </a:path>
                <a:path w="812800" h="5079">
                  <a:moveTo>
                    <a:pt x="598919" y="0"/>
                  </a:moveTo>
                  <a:lnTo>
                    <a:pt x="595871" y="0"/>
                  </a:lnTo>
                  <a:lnTo>
                    <a:pt x="595871" y="4572"/>
                  </a:lnTo>
                  <a:lnTo>
                    <a:pt x="598919" y="4572"/>
                  </a:lnTo>
                  <a:lnTo>
                    <a:pt x="598919" y="0"/>
                  </a:lnTo>
                  <a:close/>
                </a:path>
                <a:path w="812800" h="5079">
                  <a:moveTo>
                    <a:pt x="606552" y="0"/>
                  </a:moveTo>
                  <a:lnTo>
                    <a:pt x="603504" y="0"/>
                  </a:lnTo>
                  <a:lnTo>
                    <a:pt x="603504" y="4572"/>
                  </a:lnTo>
                  <a:lnTo>
                    <a:pt x="606552" y="4572"/>
                  </a:lnTo>
                  <a:lnTo>
                    <a:pt x="606552" y="0"/>
                  </a:lnTo>
                  <a:close/>
                </a:path>
                <a:path w="812800" h="5079">
                  <a:moveTo>
                    <a:pt x="612648" y="0"/>
                  </a:moveTo>
                  <a:lnTo>
                    <a:pt x="609600" y="0"/>
                  </a:lnTo>
                  <a:lnTo>
                    <a:pt x="609600" y="4572"/>
                  </a:lnTo>
                  <a:lnTo>
                    <a:pt x="612648" y="4572"/>
                  </a:lnTo>
                  <a:lnTo>
                    <a:pt x="612648" y="0"/>
                  </a:lnTo>
                  <a:close/>
                </a:path>
                <a:path w="812800" h="5079">
                  <a:moveTo>
                    <a:pt x="620268" y="0"/>
                  </a:moveTo>
                  <a:lnTo>
                    <a:pt x="617207" y="0"/>
                  </a:lnTo>
                  <a:lnTo>
                    <a:pt x="617207" y="4572"/>
                  </a:lnTo>
                  <a:lnTo>
                    <a:pt x="620268" y="4572"/>
                  </a:lnTo>
                  <a:lnTo>
                    <a:pt x="620268" y="0"/>
                  </a:lnTo>
                  <a:close/>
                </a:path>
                <a:path w="812800" h="5079">
                  <a:moveTo>
                    <a:pt x="626364" y="0"/>
                  </a:moveTo>
                  <a:lnTo>
                    <a:pt x="623316" y="0"/>
                  </a:lnTo>
                  <a:lnTo>
                    <a:pt x="623316" y="4572"/>
                  </a:lnTo>
                  <a:lnTo>
                    <a:pt x="626364" y="4572"/>
                  </a:lnTo>
                  <a:lnTo>
                    <a:pt x="626364" y="0"/>
                  </a:lnTo>
                  <a:close/>
                </a:path>
                <a:path w="812800" h="5079">
                  <a:moveTo>
                    <a:pt x="798576" y="0"/>
                  </a:moveTo>
                  <a:lnTo>
                    <a:pt x="797052" y="0"/>
                  </a:lnTo>
                  <a:lnTo>
                    <a:pt x="797052"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92" name="object 92"/>
            <p:cNvSpPr/>
            <p:nvPr/>
          </p:nvSpPr>
          <p:spPr>
            <a:xfrm>
              <a:off x="3518916" y="3403091"/>
              <a:ext cx="646430" cy="5080"/>
            </a:xfrm>
            <a:custGeom>
              <a:avLst/>
              <a:gdLst/>
              <a:ahLst/>
              <a:cxnLst/>
              <a:rect l="l" t="t" r="r" b="b"/>
              <a:pathLst>
                <a:path w="646429" h="5079">
                  <a:moveTo>
                    <a:pt x="3048" y="0"/>
                  </a:moveTo>
                  <a:lnTo>
                    <a:pt x="0" y="0"/>
                  </a:lnTo>
                  <a:lnTo>
                    <a:pt x="0" y="4572"/>
                  </a:lnTo>
                  <a:lnTo>
                    <a:pt x="3048" y="4572"/>
                  </a:lnTo>
                  <a:lnTo>
                    <a:pt x="3048" y="0"/>
                  </a:lnTo>
                  <a:close/>
                </a:path>
                <a:path w="646429" h="5079">
                  <a:moveTo>
                    <a:pt x="9144" y="0"/>
                  </a:moveTo>
                  <a:lnTo>
                    <a:pt x="6096" y="0"/>
                  </a:lnTo>
                  <a:lnTo>
                    <a:pt x="6096" y="4572"/>
                  </a:lnTo>
                  <a:lnTo>
                    <a:pt x="9144" y="4572"/>
                  </a:lnTo>
                  <a:lnTo>
                    <a:pt x="9144" y="0"/>
                  </a:lnTo>
                  <a:close/>
                </a:path>
                <a:path w="646429" h="5079">
                  <a:moveTo>
                    <a:pt x="16764" y="0"/>
                  </a:moveTo>
                  <a:lnTo>
                    <a:pt x="12192" y="0"/>
                  </a:lnTo>
                  <a:lnTo>
                    <a:pt x="12192" y="4572"/>
                  </a:lnTo>
                  <a:lnTo>
                    <a:pt x="16764" y="4572"/>
                  </a:lnTo>
                  <a:lnTo>
                    <a:pt x="16764" y="0"/>
                  </a:lnTo>
                  <a:close/>
                </a:path>
                <a:path w="646429" h="5079">
                  <a:moveTo>
                    <a:pt x="22860" y="0"/>
                  </a:moveTo>
                  <a:lnTo>
                    <a:pt x="19812" y="0"/>
                  </a:lnTo>
                  <a:lnTo>
                    <a:pt x="19812" y="4572"/>
                  </a:lnTo>
                  <a:lnTo>
                    <a:pt x="22860" y="4572"/>
                  </a:lnTo>
                  <a:lnTo>
                    <a:pt x="22860" y="0"/>
                  </a:lnTo>
                  <a:close/>
                </a:path>
                <a:path w="646429" h="5079">
                  <a:moveTo>
                    <a:pt x="30480" y="0"/>
                  </a:moveTo>
                  <a:lnTo>
                    <a:pt x="25908" y="0"/>
                  </a:lnTo>
                  <a:lnTo>
                    <a:pt x="25908" y="4572"/>
                  </a:lnTo>
                  <a:lnTo>
                    <a:pt x="30480" y="4572"/>
                  </a:lnTo>
                  <a:lnTo>
                    <a:pt x="30480" y="0"/>
                  </a:lnTo>
                  <a:close/>
                </a:path>
                <a:path w="646429" h="5079">
                  <a:moveTo>
                    <a:pt x="36576" y="0"/>
                  </a:moveTo>
                  <a:lnTo>
                    <a:pt x="33528" y="0"/>
                  </a:lnTo>
                  <a:lnTo>
                    <a:pt x="33528" y="4572"/>
                  </a:lnTo>
                  <a:lnTo>
                    <a:pt x="36576" y="4572"/>
                  </a:lnTo>
                  <a:lnTo>
                    <a:pt x="36576" y="0"/>
                  </a:lnTo>
                  <a:close/>
                </a:path>
                <a:path w="646429" h="5079">
                  <a:moveTo>
                    <a:pt x="44196" y="0"/>
                  </a:moveTo>
                  <a:lnTo>
                    <a:pt x="39624" y="0"/>
                  </a:lnTo>
                  <a:lnTo>
                    <a:pt x="39624" y="4572"/>
                  </a:lnTo>
                  <a:lnTo>
                    <a:pt x="44196" y="4572"/>
                  </a:lnTo>
                  <a:lnTo>
                    <a:pt x="44196" y="0"/>
                  </a:lnTo>
                  <a:close/>
                </a:path>
                <a:path w="646429" h="5079">
                  <a:moveTo>
                    <a:pt x="50292" y="0"/>
                  </a:moveTo>
                  <a:lnTo>
                    <a:pt x="47244" y="0"/>
                  </a:lnTo>
                  <a:lnTo>
                    <a:pt x="47244" y="4572"/>
                  </a:lnTo>
                  <a:lnTo>
                    <a:pt x="50292" y="4572"/>
                  </a:lnTo>
                  <a:lnTo>
                    <a:pt x="50292" y="0"/>
                  </a:lnTo>
                  <a:close/>
                </a:path>
                <a:path w="646429" h="5079">
                  <a:moveTo>
                    <a:pt x="57912" y="0"/>
                  </a:moveTo>
                  <a:lnTo>
                    <a:pt x="53340" y="0"/>
                  </a:lnTo>
                  <a:lnTo>
                    <a:pt x="53340" y="4572"/>
                  </a:lnTo>
                  <a:lnTo>
                    <a:pt x="57912" y="4572"/>
                  </a:lnTo>
                  <a:lnTo>
                    <a:pt x="57912" y="0"/>
                  </a:lnTo>
                  <a:close/>
                </a:path>
                <a:path w="646429" h="5079">
                  <a:moveTo>
                    <a:pt x="64008" y="0"/>
                  </a:moveTo>
                  <a:lnTo>
                    <a:pt x="60960" y="0"/>
                  </a:lnTo>
                  <a:lnTo>
                    <a:pt x="60960" y="4572"/>
                  </a:lnTo>
                  <a:lnTo>
                    <a:pt x="64008" y="4572"/>
                  </a:lnTo>
                  <a:lnTo>
                    <a:pt x="64008" y="0"/>
                  </a:lnTo>
                  <a:close/>
                </a:path>
                <a:path w="646429" h="5079">
                  <a:moveTo>
                    <a:pt x="71628" y="0"/>
                  </a:moveTo>
                  <a:lnTo>
                    <a:pt x="67056" y="0"/>
                  </a:lnTo>
                  <a:lnTo>
                    <a:pt x="67056" y="4572"/>
                  </a:lnTo>
                  <a:lnTo>
                    <a:pt x="71628" y="4572"/>
                  </a:lnTo>
                  <a:lnTo>
                    <a:pt x="71628" y="0"/>
                  </a:lnTo>
                  <a:close/>
                </a:path>
                <a:path w="646429" h="5079">
                  <a:moveTo>
                    <a:pt x="77724" y="0"/>
                  </a:moveTo>
                  <a:lnTo>
                    <a:pt x="74676" y="0"/>
                  </a:lnTo>
                  <a:lnTo>
                    <a:pt x="74676" y="4572"/>
                  </a:lnTo>
                  <a:lnTo>
                    <a:pt x="77724" y="4572"/>
                  </a:lnTo>
                  <a:lnTo>
                    <a:pt x="77724" y="0"/>
                  </a:lnTo>
                  <a:close/>
                </a:path>
                <a:path w="646429" h="5079">
                  <a:moveTo>
                    <a:pt x="85344" y="0"/>
                  </a:moveTo>
                  <a:lnTo>
                    <a:pt x="80772" y="0"/>
                  </a:lnTo>
                  <a:lnTo>
                    <a:pt x="80772" y="4572"/>
                  </a:lnTo>
                  <a:lnTo>
                    <a:pt x="85344" y="4572"/>
                  </a:lnTo>
                  <a:lnTo>
                    <a:pt x="85344" y="0"/>
                  </a:lnTo>
                  <a:close/>
                </a:path>
                <a:path w="646429" h="5079">
                  <a:moveTo>
                    <a:pt x="91440" y="0"/>
                  </a:moveTo>
                  <a:lnTo>
                    <a:pt x="88392" y="0"/>
                  </a:lnTo>
                  <a:lnTo>
                    <a:pt x="88392" y="4572"/>
                  </a:lnTo>
                  <a:lnTo>
                    <a:pt x="91440" y="4572"/>
                  </a:lnTo>
                  <a:lnTo>
                    <a:pt x="91440" y="0"/>
                  </a:lnTo>
                  <a:close/>
                </a:path>
                <a:path w="646429" h="5079">
                  <a:moveTo>
                    <a:pt x="99060" y="0"/>
                  </a:moveTo>
                  <a:lnTo>
                    <a:pt x="94488" y="0"/>
                  </a:lnTo>
                  <a:lnTo>
                    <a:pt x="94488" y="4572"/>
                  </a:lnTo>
                  <a:lnTo>
                    <a:pt x="99060" y="4572"/>
                  </a:lnTo>
                  <a:lnTo>
                    <a:pt x="99060" y="0"/>
                  </a:lnTo>
                  <a:close/>
                </a:path>
                <a:path w="646429" h="5079">
                  <a:moveTo>
                    <a:pt x="105156" y="0"/>
                  </a:moveTo>
                  <a:lnTo>
                    <a:pt x="102108" y="0"/>
                  </a:lnTo>
                  <a:lnTo>
                    <a:pt x="102108" y="4572"/>
                  </a:lnTo>
                  <a:lnTo>
                    <a:pt x="105156" y="4572"/>
                  </a:lnTo>
                  <a:lnTo>
                    <a:pt x="105156" y="0"/>
                  </a:lnTo>
                  <a:close/>
                </a:path>
                <a:path w="646429" h="5079">
                  <a:moveTo>
                    <a:pt x="112776" y="0"/>
                  </a:moveTo>
                  <a:lnTo>
                    <a:pt x="108204" y="0"/>
                  </a:lnTo>
                  <a:lnTo>
                    <a:pt x="108204" y="4572"/>
                  </a:lnTo>
                  <a:lnTo>
                    <a:pt x="112776" y="4572"/>
                  </a:lnTo>
                  <a:lnTo>
                    <a:pt x="112776" y="0"/>
                  </a:lnTo>
                  <a:close/>
                </a:path>
                <a:path w="646429" h="5079">
                  <a:moveTo>
                    <a:pt x="118872" y="0"/>
                  </a:moveTo>
                  <a:lnTo>
                    <a:pt x="115824" y="0"/>
                  </a:lnTo>
                  <a:lnTo>
                    <a:pt x="115824" y="4572"/>
                  </a:lnTo>
                  <a:lnTo>
                    <a:pt x="118872" y="4572"/>
                  </a:lnTo>
                  <a:lnTo>
                    <a:pt x="118872" y="0"/>
                  </a:lnTo>
                  <a:close/>
                </a:path>
                <a:path w="646429" h="5079">
                  <a:moveTo>
                    <a:pt x="126492" y="0"/>
                  </a:moveTo>
                  <a:lnTo>
                    <a:pt x="121920" y="0"/>
                  </a:lnTo>
                  <a:lnTo>
                    <a:pt x="121920" y="4572"/>
                  </a:lnTo>
                  <a:lnTo>
                    <a:pt x="126492" y="4572"/>
                  </a:lnTo>
                  <a:lnTo>
                    <a:pt x="126492" y="0"/>
                  </a:lnTo>
                  <a:close/>
                </a:path>
                <a:path w="646429" h="5079">
                  <a:moveTo>
                    <a:pt x="132588" y="0"/>
                  </a:moveTo>
                  <a:lnTo>
                    <a:pt x="129540" y="0"/>
                  </a:lnTo>
                  <a:lnTo>
                    <a:pt x="129540" y="4572"/>
                  </a:lnTo>
                  <a:lnTo>
                    <a:pt x="132588" y="4572"/>
                  </a:lnTo>
                  <a:lnTo>
                    <a:pt x="132588" y="0"/>
                  </a:lnTo>
                  <a:close/>
                </a:path>
                <a:path w="646429" h="5079">
                  <a:moveTo>
                    <a:pt x="140208" y="0"/>
                  </a:moveTo>
                  <a:lnTo>
                    <a:pt x="135636" y="0"/>
                  </a:lnTo>
                  <a:lnTo>
                    <a:pt x="135636" y="4572"/>
                  </a:lnTo>
                  <a:lnTo>
                    <a:pt x="140208" y="4572"/>
                  </a:lnTo>
                  <a:lnTo>
                    <a:pt x="140208" y="0"/>
                  </a:lnTo>
                  <a:close/>
                </a:path>
                <a:path w="646429" h="5079">
                  <a:moveTo>
                    <a:pt x="146304" y="0"/>
                  </a:moveTo>
                  <a:lnTo>
                    <a:pt x="143256" y="0"/>
                  </a:lnTo>
                  <a:lnTo>
                    <a:pt x="143256" y="4572"/>
                  </a:lnTo>
                  <a:lnTo>
                    <a:pt x="146304" y="4572"/>
                  </a:lnTo>
                  <a:lnTo>
                    <a:pt x="146304" y="0"/>
                  </a:lnTo>
                  <a:close/>
                </a:path>
                <a:path w="646429" h="5079">
                  <a:moveTo>
                    <a:pt x="153924" y="0"/>
                  </a:moveTo>
                  <a:lnTo>
                    <a:pt x="149352" y="0"/>
                  </a:lnTo>
                  <a:lnTo>
                    <a:pt x="149352" y="4572"/>
                  </a:lnTo>
                  <a:lnTo>
                    <a:pt x="153924" y="4572"/>
                  </a:lnTo>
                  <a:lnTo>
                    <a:pt x="153924" y="0"/>
                  </a:lnTo>
                  <a:close/>
                </a:path>
                <a:path w="646429" h="5079">
                  <a:moveTo>
                    <a:pt x="160020" y="0"/>
                  </a:moveTo>
                  <a:lnTo>
                    <a:pt x="156972" y="0"/>
                  </a:lnTo>
                  <a:lnTo>
                    <a:pt x="156972" y="4572"/>
                  </a:lnTo>
                  <a:lnTo>
                    <a:pt x="160020" y="4572"/>
                  </a:lnTo>
                  <a:lnTo>
                    <a:pt x="160020" y="0"/>
                  </a:lnTo>
                  <a:close/>
                </a:path>
                <a:path w="646429" h="5079">
                  <a:moveTo>
                    <a:pt x="167640" y="0"/>
                  </a:moveTo>
                  <a:lnTo>
                    <a:pt x="163068" y="0"/>
                  </a:lnTo>
                  <a:lnTo>
                    <a:pt x="163068" y="4572"/>
                  </a:lnTo>
                  <a:lnTo>
                    <a:pt x="167640" y="4572"/>
                  </a:lnTo>
                  <a:lnTo>
                    <a:pt x="167640" y="0"/>
                  </a:lnTo>
                  <a:close/>
                </a:path>
                <a:path w="646429" h="5079">
                  <a:moveTo>
                    <a:pt x="173736" y="0"/>
                  </a:moveTo>
                  <a:lnTo>
                    <a:pt x="170688" y="0"/>
                  </a:lnTo>
                  <a:lnTo>
                    <a:pt x="170688" y="4572"/>
                  </a:lnTo>
                  <a:lnTo>
                    <a:pt x="173736" y="4572"/>
                  </a:lnTo>
                  <a:lnTo>
                    <a:pt x="173736" y="0"/>
                  </a:lnTo>
                  <a:close/>
                </a:path>
                <a:path w="646429" h="5079">
                  <a:moveTo>
                    <a:pt x="181356" y="0"/>
                  </a:moveTo>
                  <a:lnTo>
                    <a:pt x="176784" y="0"/>
                  </a:lnTo>
                  <a:lnTo>
                    <a:pt x="176784" y="4572"/>
                  </a:lnTo>
                  <a:lnTo>
                    <a:pt x="181356" y="4572"/>
                  </a:lnTo>
                  <a:lnTo>
                    <a:pt x="181356" y="0"/>
                  </a:lnTo>
                  <a:close/>
                </a:path>
                <a:path w="646429" h="5079">
                  <a:moveTo>
                    <a:pt x="187452" y="0"/>
                  </a:moveTo>
                  <a:lnTo>
                    <a:pt x="184404" y="0"/>
                  </a:lnTo>
                  <a:lnTo>
                    <a:pt x="184404" y="4572"/>
                  </a:lnTo>
                  <a:lnTo>
                    <a:pt x="187452" y="4572"/>
                  </a:lnTo>
                  <a:lnTo>
                    <a:pt x="187452" y="0"/>
                  </a:lnTo>
                  <a:close/>
                </a:path>
                <a:path w="646429" h="5079">
                  <a:moveTo>
                    <a:pt x="195072" y="0"/>
                  </a:moveTo>
                  <a:lnTo>
                    <a:pt x="190500" y="0"/>
                  </a:lnTo>
                  <a:lnTo>
                    <a:pt x="190500" y="4572"/>
                  </a:lnTo>
                  <a:lnTo>
                    <a:pt x="195072" y="4572"/>
                  </a:lnTo>
                  <a:lnTo>
                    <a:pt x="195072" y="0"/>
                  </a:lnTo>
                  <a:close/>
                </a:path>
                <a:path w="646429" h="5079">
                  <a:moveTo>
                    <a:pt x="201168" y="0"/>
                  </a:moveTo>
                  <a:lnTo>
                    <a:pt x="198120" y="0"/>
                  </a:lnTo>
                  <a:lnTo>
                    <a:pt x="198120" y="4572"/>
                  </a:lnTo>
                  <a:lnTo>
                    <a:pt x="201168" y="4572"/>
                  </a:lnTo>
                  <a:lnTo>
                    <a:pt x="201168" y="0"/>
                  </a:lnTo>
                  <a:close/>
                </a:path>
                <a:path w="646429" h="5079">
                  <a:moveTo>
                    <a:pt x="208788" y="0"/>
                  </a:moveTo>
                  <a:lnTo>
                    <a:pt x="204216" y="0"/>
                  </a:lnTo>
                  <a:lnTo>
                    <a:pt x="204216" y="4572"/>
                  </a:lnTo>
                  <a:lnTo>
                    <a:pt x="208788" y="4572"/>
                  </a:lnTo>
                  <a:lnTo>
                    <a:pt x="208788" y="0"/>
                  </a:lnTo>
                  <a:close/>
                </a:path>
                <a:path w="646429" h="5079">
                  <a:moveTo>
                    <a:pt x="214884" y="0"/>
                  </a:moveTo>
                  <a:lnTo>
                    <a:pt x="211836" y="0"/>
                  </a:lnTo>
                  <a:lnTo>
                    <a:pt x="211836" y="4572"/>
                  </a:lnTo>
                  <a:lnTo>
                    <a:pt x="214884" y="4572"/>
                  </a:lnTo>
                  <a:lnTo>
                    <a:pt x="214884" y="0"/>
                  </a:lnTo>
                  <a:close/>
                </a:path>
                <a:path w="646429" h="5079">
                  <a:moveTo>
                    <a:pt x="222504" y="0"/>
                  </a:moveTo>
                  <a:lnTo>
                    <a:pt x="217932" y="0"/>
                  </a:lnTo>
                  <a:lnTo>
                    <a:pt x="217932" y="4572"/>
                  </a:lnTo>
                  <a:lnTo>
                    <a:pt x="222504" y="4572"/>
                  </a:lnTo>
                  <a:lnTo>
                    <a:pt x="222504" y="0"/>
                  </a:lnTo>
                  <a:close/>
                </a:path>
                <a:path w="646429" h="5079">
                  <a:moveTo>
                    <a:pt x="228600" y="0"/>
                  </a:moveTo>
                  <a:lnTo>
                    <a:pt x="225552" y="0"/>
                  </a:lnTo>
                  <a:lnTo>
                    <a:pt x="225552" y="4572"/>
                  </a:lnTo>
                  <a:lnTo>
                    <a:pt x="228600" y="4572"/>
                  </a:lnTo>
                  <a:lnTo>
                    <a:pt x="228600" y="0"/>
                  </a:lnTo>
                  <a:close/>
                </a:path>
                <a:path w="646429" h="5079">
                  <a:moveTo>
                    <a:pt x="236220" y="0"/>
                  </a:moveTo>
                  <a:lnTo>
                    <a:pt x="231648" y="0"/>
                  </a:lnTo>
                  <a:lnTo>
                    <a:pt x="231648" y="4572"/>
                  </a:lnTo>
                  <a:lnTo>
                    <a:pt x="236220" y="4572"/>
                  </a:lnTo>
                  <a:lnTo>
                    <a:pt x="236220" y="0"/>
                  </a:lnTo>
                  <a:close/>
                </a:path>
                <a:path w="646429" h="5079">
                  <a:moveTo>
                    <a:pt x="242316" y="0"/>
                  </a:moveTo>
                  <a:lnTo>
                    <a:pt x="239268" y="0"/>
                  </a:lnTo>
                  <a:lnTo>
                    <a:pt x="239268" y="4572"/>
                  </a:lnTo>
                  <a:lnTo>
                    <a:pt x="242316" y="4572"/>
                  </a:lnTo>
                  <a:lnTo>
                    <a:pt x="242316" y="0"/>
                  </a:lnTo>
                  <a:close/>
                </a:path>
                <a:path w="646429" h="5079">
                  <a:moveTo>
                    <a:pt x="414528" y="0"/>
                  </a:moveTo>
                  <a:lnTo>
                    <a:pt x="413004" y="0"/>
                  </a:lnTo>
                  <a:lnTo>
                    <a:pt x="413004" y="4572"/>
                  </a:lnTo>
                  <a:lnTo>
                    <a:pt x="414528" y="4572"/>
                  </a:lnTo>
                  <a:lnTo>
                    <a:pt x="414528" y="0"/>
                  </a:lnTo>
                  <a:close/>
                </a:path>
                <a:path w="646429" h="5079">
                  <a:moveTo>
                    <a:pt x="420624" y="0"/>
                  </a:moveTo>
                  <a:lnTo>
                    <a:pt x="417576" y="0"/>
                  </a:lnTo>
                  <a:lnTo>
                    <a:pt x="417576" y="4572"/>
                  </a:lnTo>
                  <a:lnTo>
                    <a:pt x="420624" y="4572"/>
                  </a:lnTo>
                  <a:lnTo>
                    <a:pt x="420624" y="0"/>
                  </a:lnTo>
                  <a:close/>
                </a:path>
                <a:path w="646429" h="5079">
                  <a:moveTo>
                    <a:pt x="428244" y="0"/>
                  </a:moveTo>
                  <a:lnTo>
                    <a:pt x="423672" y="0"/>
                  </a:lnTo>
                  <a:lnTo>
                    <a:pt x="423672" y="4572"/>
                  </a:lnTo>
                  <a:lnTo>
                    <a:pt x="428244" y="4572"/>
                  </a:lnTo>
                  <a:lnTo>
                    <a:pt x="428244" y="0"/>
                  </a:lnTo>
                  <a:close/>
                </a:path>
                <a:path w="646429" h="5079">
                  <a:moveTo>
                    <a:pt x="434340" y="0"/>
                  </a:moveTo>
                  <a:lnTo>
                    <a:pt x="431292" y="0"/>
                  </a:lnTo>
                  <a:lnTo>
                    <a:pt x="431292" y="4572"/>
                  </a:lnTo>
                  <a:lnTo>
                    <a:pt x="434340" y="4572"/>
                  </a:lnTo>
                  <a:lnTo>
                    <a:pt x="434340" y="0"/>
                  </a:lnTo>
                  <a:close/>
                </a:path>
                <a:path w="646429" h="5079">
                  <a:moveTo>
                    <a:pt x="441960" y="0"/>
                  </a:moveTo>
                  <a:lnTo>
                    <a:pt x="437388" y="0"/>
                  </a:lnTo>
                  <a:lnTo>
                    <a:pt x="437388" y="4572"/>
                  </a:lnTo>
                  <a:lnTo>
                    <a:pt x="441960" y="4572"/>
                  </a:lnTo>
                  <a:lnTo>
                    <a:pt x="441960" y="0"/>
                  </a:lnTo>
                  <a:close/>
                </a:path>
                <a:path w="646429" h="5079">
                  <a:moveTo>
                    <a:pt x="448056" y="0"/>
                  </a:moveTo>
                  <a:lnTo>
                    <a:pt x="445008" y="0"/>
                  </a:lnTo>
                  <a:lnTo>
                    <a:pt x="445008" y="4572"/>
                  </a:lnTo>
                  <a:lnTo>
                    <a:pt x="448056" y="4572"/>
                  </a:lnTo>
                  <a:lnTo>
                    <a:pt x="448056" y="0"/>
                  </a:lnTo>
                  <a:close/>
                </a:path>
                <a:path w="646429" h="5079">
                  <a:moveTo>
                    <a:pt x="455676" y="0"/>
                  </a:moveTo>
                  <a:lnTo>
                    <a:pt x="451104" y="0"/>
                  </a:lnTo>
                  <a:lnTo>
                    <a:pt x="451104" y="4572"/>
                  </a:lnTo>
                  <a:lnTo>
                    <a:pt x="455676" y="4572"/>
                  </a:lnTo>
                  <a:lnTo>
                    <a:pt x="455676" y="0"/>
                  </a:lnTo>
                  <a:close/>
                </a:path>
                <a:path w="646429" h="5079">
                  <a:moveTo>
                    <a:pt x="461772" y="0"/>
                  </a:moveTo>
                  <a:lnTo>
                    <a:pt x="458724" y="0"/>
                  </a:lnTo>
                  <a:lnTo>
                    <a:pt x="458724" y="4572"/>
                  </a:lnTo>
                  <a:lnTo>
                    <a:pt x="461772" y="4572"/>
                  </a:lnTo>
                  <a:lnTo>
                    <a:pt x="461772" y="0"/>
                  </a:lnTo>
                  <a:close/>
                </a:path>
                <a:path w="646429" h="5079">
                  <a:moveTo>
                    <a:pt x="469392" y="0"/>
                  </a:moveTo>
                  <a:lnTo>
                    <a:pt x="464820" y="0"/>
                  </a:lnTo>
                  <a:lnTo>
                    <a:pt x="464820" y="4572"/>
                  </a:lnTo>
                  <a:lnTo>
                    <a:pt x="469392" y="4572"/>
                  </a:lnTo>
                  <a:lnTo>
                    <a:pt x="469392" y="0"/>
                  </a:lnTo>
                  <a:close/>
                </a:path>
                <a:path w="646429" h="5079">
                  <a:moveTo>
                    <a:pt x="475488" y="0"/>
                  </a:moveTo>
                  <a:lnTo>
                    <a:pt x="472440" y="0"/>
                  </a:lnTo>
                  <a:lnTo>
                    <a:pt x="472440" y="4572"/>
                  </a:lnTo>
                  <a:lnTo>
                    <a:pt x="475488" y="4572"/>
                  </a:lnTo>
                  <a:lnTo>
                    <a:pt x="475488" y="0"/>
                  </a:lnTo>
                  <a:close/>
                </a:path>
                <a:path w="646429" h="5079">
                  <a:moveTo>
                    <a:pt x="483108" y="0"/>
                  </a:moveTo>
                  <a:lnTo>
                    <a:pt x="478536" y="0"/>
                  </a:lnTo>
                  <a:lnTo>
                    <a:pt x="478536" y="4572"/>
                  </a:lnTo>
                  <a:lnTo>
                    <a:pt x="483108" y="4572"/>
                  </a:lnTo>
                  <a:lnTo>
                    <a:pt x="483108" y="0"/>
                  </a:lnTo>
                  <a:close/>
                </a:path>
                <a:path w="646429" h="5079">
                  <a:moveTo>
                    <a:pt x="489204" y="0"/>
                  </a:moveTo>
                  <a:lnTo>
                    <a:pt x="486156" y="0"/>
                  </a:lnTo>
                  <a:lnTo>
                    <a:pt x="486156" y="4572"/>
                  </a:lnTo>
                  <a:lnTo>
                    <a:pt x="489204" y="4572"/>
                  </a:lnTo>
                  <a:lnTo>
                    <a:pt x="489204" y="0"/>
                  </a:lnTo>
                  <a:close/>
                </a:path>
                <a:path w="646429" h="5079">
                  <a:moveTo>
                    <a:pt x="496824" y="0"/>
                  </a:moveTo>
                  <a:lnTo>
                    <a:pt x="492252" y="0"/>
                  </a:lnTo>
                  <a:lnTo>
                    <a:pt x="492252" y="4572"/>
                  </a:lnTo>
                  <a:lnTo>
                    <a:pt x="496824" y="4572"/>
                  </a:lnTo>
                  <a:lnTo>
                    <a:pt x="496824" y="0"/>
                  </a:lnTo>
                  <a:close/>
                </a:path>
                <a:path w="646429" h="5079">
                  <a:moveTo>
                    <a:pt x="502920" y="0"/>
                  </a:moveTo>
                  <a:lnTo>
                    <a:pt x="499872" y="0"/>
                  </a:lnTo>
                  <a:lnTo>
                    <a:pt x="499872" y="4572"/>
                  </a:lnTo>
                  <a:lnTo>
                    <a:pt x="502920" y="4572"/>
                  </a:lnTo>
                  <a:lnTo>
                    <a:pt x="502920" y="0"/>
                  </a:lnTo>
                  <a:close/>
                </a:path>
                <a:path w="646429" h="5079">
                  <a:moveTo>
                    <a:pt x="510540" y="0"/>
                  </a:moveTo>
                  <a:lnTo>
                    <a:pt x="505968" y="0"/>
                  </a:lnTo>
                  <a:lnTo>
                    <a:pt x="505968" y="4572"/>
                  </a:lnTo>
                  <a:lnTo>
                    <a:pt x="510540" y="4572"/>
                  </a:lnTo>
                  <a:lnTo>
                    <a:pt x="510540" y="0"/>
                  </a:lnTo>
                  <a:close/>
                </a:path>
                <a:path w="646429" h="5079">
                  <a:moveTo>
                    <a:pt x="516636" y="0"/>
                  </a:moveTo>
                  <a:lnTo>
                    <a:pt x="513588" y="0"/>
                  </a:lnTo>
                  <a:lnTo>
                    <a:pt x="513588" y="4572"/>
                  </a:lnTo>
                  <a:lnTo>
                    <a:pt x="516636" y="4572"/>
                  </a:lnTo>
                  <a:lnTo>
                    <a:pt x="516636" y="0"/>
                  </a:lnTo>
                  <a:close/>
                </a:path>
                <a:path w="646429" h="5079">
                  <a:moveTo>
                    <a:pt x="524256" y="0"/>
                  </a:moveTo>
                  <a:lnTo>
                    <a:pt x="519684" y="0"/>
                  </a:lnTo>
                  <a:lnTo>
                    <a:pt x="519684" y="4572"/>
                  </a:lnTo>
                  <a:lnTo>
                    <a:pt x="524256" y="4572"/>
                  </a:lnTo>
                  <a:lnTo>
                    <a:pt x="524256" y="0"/>
                  </a:lnTo>
                  <a:close/>
                </a:path>
                <a:path w="646429" h="5079">
                  <a:moveTo>
                    <a:pt x="530352" y="0"/>
                  </a:moveTo>
                  <a:lnTo>
                    <a:pt x="527304" y="0"/>
                  </a:lnTo>
                  <a:lnTo>
                    <a:pt x="527304" y="4572"/>
                  </a:lnTo>
                  <a:lnTo>
                    <a:pt x="530352" y="4572"/>
                  </a:lnTo>
                  <a:lnTo>
                    <a:pt x="530352" y="0"/>
                  </a:lnTo>
                  <a:close/>
                </a:path>
                <a:path w="646429" h="5079">
                  <a:moveTo>
                    <a:pt x="537972" y="0"/>
                  </a:moveTo>
                  <a:lnTo>
                    <a:pt x="533400" y="0"/>
                  </a:lnTo>
                  <a:lnTo>
                    <a:pt x="533400" y="4572"/>
                  </a:lnTo>
                  <a:lnTo>
                    <a:pt x="537972" y="4572"/>
                  </a:lnTo>
                  <a:lnTo>
                    <a:pt x="537972" y="0"/>
                  </a:lnTo>
                  <a:close/>
                </a:path>
                <a:path w="646429" h="5079">
                  <a:moveTo>
                    <a:pt x="544068" y="0"/>
                  </a:moveTo>
                  <a:lnTo>
                    <a:pt x="541020" y="0"/>
                  </a:lnTo>
                  <a:lnTo>
                    <a:pt x="541020" y="4572"/>
                  </a:lnTo>
                  <a:lnTo>
                    <a:pt x="544068" y="4572"/>
                  </a:lnTo>
                  <a:lnTo>
                    <a:pt x="544068" y="0"/>
                  </a:lnTo>
                  <a:close/>
                </a:path>
                <a:path w="646429" h="5079">
                  <a:moveTo>
                    <a:pt x="551688" y="0"/>
                  </a:moveTo>
                  <a:lnTo>
                    <a:pt x="547116" y="0"/>
                  </a:lnTo>
                  <a:lnTo>
                    <a:pt x="547116" y="4572"/>
                  </a:lnTo>
                  <a:lnTo>
                    <a:pt x="551688" y="4572"/>
                  </a:lnTo>
                  <a:lnTo>
                    <a:pt x="551688" y="0"/>
                  </a:lnTo>
                  <a:close/>
                </a:path>
                <a:path w="646429" h="5079">
                  <a:moveTo>
                    <a:pt x="557784" y="0"/>
                  </a:moveTo>
                  <a:lnTo>
                    <a:pt x="554736" y="0"/>
                  </a:lnTo>
                  <a:lnTo>
                    <a:pt x="554736" y="4572"/>
                  </a:lnTo>
                  <a:lnTo>
                    <a:pt x="557784" y="4572"/>
                  </a:lnTo>
                  <a:lnTo>
                    <a:pt x="557784" y="0"/>
                  </a:lnTo>
                  <a:close/>
                </a:path>
                <a:path w="646429" h="5079">
                  <a:moveTo>
                    <a:pt x="565404" y="0"/>
                  </a:moveTo>
                  <a:lnTo>
                    <a:pt x="560832" y="0"/>
                  </a:lnTo>
                  <a:lnTo>
                    <a:pt x="560832" y="4572"/>
                  </a:lnTo>
                  <a:lnTo>
                    <a:pt x="565404" y="4572"/>
                  </a:lnTo>
                  <a:lnTo>
                    <a:pt x="565404" y="0"/>
                  </a:lnTo>
                  <a:close/>
                </a:path>
                <a:path w="646429" h="5079">
                  <a:moveTo>
                    <a:pt x="571500" y="0"/>
                  </a:moveTo>
                  <a:lnTo>
                    <a:pt x="568452" y="0"/>
                  </a:lnTo>
                  <a:lnTo>
                    <a:pt x="568452" y="4572"/>
                  </a:lnTo>
                  <a:lnTo>
                    <a:pt x="571500" y="4572"/>
                  </a:lnTo>
                  <a:lnTo>
                    <a:pt x="571500" y="0"/>
                  </a:lnTo>
                  <a:close/>
                </a:path>
                <a:path w="646429" h="5079">
                  <a:moveTo>
                    <a:pt x="579120" y="0"/>
                  </a:moveTo>
                  <a:lnTo>
                    <a:pt x="574548" y="0"/>
                  </a:lnTo>
                  <a:lnTo>
                    <a:pt x="574548" y="4572"/>
                  </a:lnTo>
                  <a:lnTo>
                    <a:pt x="579120" y="4572"/>
                  </a:lnTo>
                  <a:lnTo>
                    <a:pt x="579120" y="0"/>
                  </a:lnTo>
                  <a:close/>
                </a:path>
                <a:path w="646429" h="5079">
                  <a:moveTo>
                    <a:pt x="585216" y="0"/>
                  </a:moveTo>
                  <a:lnTo>
                    <a:pt x="582168" y="0"/>
                  </a:lnTo>
                  <a:lnTo>
                    <a:pt x="582168" y="4572"/>
                  </a:lnTo>
                  <a:lnTo>
                    <a:pt x="585216" y="4572"/>
                  </a:lnTo>
                  <a:lnTo>
                    <a:pt x="585216" y="0"/>
                  </a:lnTo>
                  <a:close/>
                </a:path>
                <a:path w="646429" h="5079">
                  <a:moveTo>
                    <a:pt x="592836" y="0"/>
                  </a:moveTo>
                  <a:lnTo>
                    <a:pt x="588264" y="0"/>
                  </a:lnTo>
                  <a:lnTo>
                    <a:pt x="588264" y="4572"/>
                  </a:lnTo>
                  <a:lnTo>
                    <a:pt x="592836" y="4572"/>
                  </a:lnTo>
                  <a:lnTo>
                    <a:pt x="592836" y="0"/>
                  </a:lnTo>
                  <a:close/>
                </a:path>
                <a:path w="646429" h="5079">
                  <a:moveTo>
                    <a:pt x="598932" y="0"/>
                  </a:moveTo>
                  <a:lnTo>
                    <a:pt x="595884" y="0"/>
                  </a:lnTo>
                  <a:lnTo>
                    <a:pt x="595884" y="4572"/>
                  </a:lnTo>
                  <a:lnTo>
                    <a:pt x="598932" y="4572"/>
                  </a:lnTo>
                  <a:lnTo>
                    <a:pt x="598932" y="0"/>
                  </a:lnTo>
                  <a:close/>
                </a:path>
                <a:path w="646429" h="5079">
                  <a:moveTo>
                    <a:pt x="606552" y="0"/>
                  </a:moveTo>
                  <a:lnTo>
                    <a:pt x="601980" y="0"/>
                  </a:lnTo>
                  <a:lnTo>
                    <a:pt x="601980" y="4572"/>
                  </a:lnTo>
                  <a:lnTo>
                    <a:pt x="606552" y="4572"/>
                  </a:lnTo>
                  <a:lnTo>
                    <a:pt x="606552" y="0"/>
                  </a:lnTo>
                  <a:close/>
                </a:path>
                <a:path w="646429" h="5079">
                  <a:moveTo>
                    <a:pt x="612648" y="0"/>
                  </a:moveTo>
                  <a:lnTo>
                    <a:pt x="609600" y="0"/>
                  </a:lnTo>
                  <a:lnTo>
                    <a:pt x="609600" y="4572"/>
                  </a:lnTo>
                  <a:lnTo>
                    <a:pt x="612648" y="4572"/>
                  </a:lnTo>
                  <a:lnTo>
                    <a:pt x="612648" y="0"/>
                  </a:lnTo>
                  <a:close/>
                </a:path>
                <a:path w="646429" h="5079">
                  <a:moveTo>
                    <a:pt x="618744" y="0"/>
                  </a:moveTo>
                  <a:lnTo>
                    <a:pt x="615696" y="0"/>
                  </a:lnTo>
                  <a:lnTo>
                    <a:pt x="615696" y="4572"/>
                  </a:lnTo>
                  <a:lnTo>
                    <a:pt x="618744" y="4572"/>
                  </a:lnTo>
                  <a:lnTo>
                    <a:pt x="618744" y="0"/>
                  </a:lnTo>
                  <a:close/>
                </a:path>
                <a:path w="646429" h="5079">
                  <a:moveTo>
                    <a:pt x="626364" y="0"/>
                  </a:moveTo>
                  <a:lnTo>
                    <a:pt x="623316" y="0"/>
                  </a:lnTo>
                  <a:lnTo>
                    <a:pt x="623316" y="4572"/>
                  </a:lnTo>
                  <a:lnTo>
                    <a:pt x="626364" y="4572"/>
                  </a:lnTo>
                  <a:lnTo>
                    <a:pt x="626364" y="0"/>
                  </a:lnTo>
                  <a:close/>
                </a:path>
                <a:path w="646429" h="5079">
                  <a:moveTo>
                    <a:pt x="632460" y="0"/>
                  </a:moveTo>
                  <a:lnTo>
                    <a:pt x="629412" y="0"/>
                  </a:lnTo>
                  <a:lnTo>
                    <a:pt x="629412" y="4572"/>
                  </a:lnTo>
                  <a:lnTo>
                    <a:pt x="632460" y="4572"/>
                  </a:lnTo>
                  <a:lnTo>
                    <a:pt x="632460" y="0"/>
                  </a:lnTo>
                  <a:close/>
                </a:path>
                <a:path w="646429" h="5079">
                  <a:moveTo>
                    <a:pt x="640080" y="0"/>
                  </a:moveTo>
                  <a:lnTo>
                    <a:pt x="637032" y="0"/>
                  </a:lnTo>
                  <a:lnTo>
                    <a:pt x="637032" y="4572"/>
                  </a:lnTo>
                  <a:lnTo>
                    <a:pt x="640080" y="4572"/>
                  </a:lnTo>
                  <a:lnTo>
                    <a:pt x="640080" y="0"/>
                  </a:lnTo>
                  <a:close/>
                </a:path>
                <a:path w="646429" h="5079">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93" name="object 93"/>
            <p:cNvSpPr/>
            <p:nvPr/>
          </p:nvSpPr>
          <p:spPr>
            <a:xfrm>
              <a:off x="4162044" y="3403091"/>
              <a:ext cx="820419" cy="5080"/>
            </a:xfrm>
            <a:custGeom>
              <a:avLst/>
              <a:gdLst/>
              <a:ahLst/>
              <a:cxnLst/>
              <a:rect l="l" t="t" r="r" b="b"/>
              <a:pathLst>
                <a:path w="820420" h="5079">
                  <a:moveTo>
                    <a:pt x="3048" y="0"/>
                  </a:moveTo>
                  <a:lnTo>
                    <a:pt x="0" y="0"/>
                  </a:lnTo>
                  <a:lnTo>
                    <a:pt x="0" y="4572"/>
                  </a:lnTo>
                  <a:lnTo>
                    <a:pt x="3048" y="4572"/>
                  </a:lnTo>
                  <a:lnTo>
                    <a:pt x="3048" y="0"/>
                  </a:lnTo>
                  <a:close/>
                </a:path>
                <a:path w="820420" h="5079">
                  <a:moveTo>
                    <a:pt x="10668" y="0"/>
                  </a:moveTo>
                  <a:lnTo>
                    <a:pt x="7620" y="0"/>
                  </a:lnTo>
                  <a:lnTo>
                    <a:pt x="7620" y="4572"/>
                  </a:lnTo>
                  <a:lnTo>
                    <a:pt x="10668" y="4572"/>
                  </a:lnTo>
                  <a:lnTo>
                    <a:pt x="10668" y="0"/>
                  </a:lnTo>
                  <a:close/>
                </a:path>
                <a:path w="820420" h="5079">
                  <a:moveTo>
                    <a:pt x="16764" y="0"/>
                  </a:moveTo>
                  <a:lnTo>
                    <a:pt x="13716" y="0"/>
                  </a:lnTo>
                  <a:lnTo>
                    <a:pt x="13716" y="4572"/>
                  </a:lnTo>
                  <a:lnTo>
                    <a:pt x="16764" y="4572"/>
                  </a:lnTo>
                  <a:lnTo>
                    <a:pt x="16764" y="0"/>
                  </a:lnTo>
                  <a:close/>
                </a:path>
                <a:path w="820420" h="5079">
                  <a:moveTo>
                    <a:pt x="24384" y="0"/>
                  </a:moveTo>
                  <a:lnTo>
                    <a:pt x="21336" y="0"/>
                  </a:lnTo>
                  <a:lnTo>
                    <a:pt x="21336" y="4572"/>
                  </a:lnTo>
                  <a:lnTo>
                    <a:pt x="24384" y="4572"/>
                  </a:lnTo>
                  <a:lnTo>
                    <a:pt x="24384" y="0"/>
                  </a:lnTo>
                  <a:close/>
                </a:path>
                <a:path w="820420" h="5079">
                  <a:moveTo>
                    <a:pt x="202692" y="0"/>
                  </a:moveTo>
                  <a:lnTo>
                    <a:pt x="199644" y="0"/>
                  </a:lnTo>
                  <a:lnTo>
                    <a:pt x="199644" y="4572"/>
                  </a:lnTo>
                  <a:lnTo>
                    <a:pt x="202692" y="4572"/>
                  </a:lnTo>
                  <a:lnTo>
                    <a:pt x="202692" y="0"/>
                  </a:lnTo>
                  <a:close/>
                </a:path>
                <a:path w="820420" h="5079">
                  <a:moveTo>
                    <a:pt x="208788" y="0"/>
                  </a:moveTo>
                  <a:lnTo>
                    <a:pt x="205740" y="0"/>
                  </a:lnTo>
                  <a:lnTo>
                    <a:pt x="205740" y="4572"/>
                  </a:lnTo>
                  <a:lnTo>
                    <a:pt x="208788" y="4572"/>
                  </a:lnTo>
                  <a:lnTo>
                    <a:pt x="208788" y="0"/>
                  </a:lnTo>
                  <a:close/>
                </a:path>
                <a:path w="820420" h="5079">
                  <a:moveTo>
                    <a:pt x="216408" y="0"/>
                  </a:moveTo>
                  <a:lnTo>
                    <a:pt x="213360" y="0"/>
                  </a:lnTo>
                  <a:lnTo>
                    <a:pt x="213360" y="4572"/>
                  </a:lnTo>
                  <a:lnTo>
                    <a:pt x="216408" y="4572"/>
                  </a:lnTo>
                  <a:lnTo>
                    <a:pt x="216408" y="0"/>
                  </a:lnTo>
                  <a:close/>
                </a:path>
                <a:path w="820420" h="5079">
                  <a:moveTo>
                    <a:pt x="222504" y="0"/>
                  </a:moveTo>
                  <a:lnTo>
                    <a:pt x="219456" y="0"/>
                  </a:lnTo>
                  <a:lnTo>
                    <a:pt x="219456" y="4572"/>
                  </a:lnTo>
                  <a:lnTo>
                    <a:pt x="222504" y="4572"/>
                  </a:lnTo>
                  <a:lnTo>
                    <a:pt x="222504" y="0"/>
                  </a:lnTo>
                  <a:close/>
                </a:path>
                <a:path w="820420" h="5079">
                  <a:moveTo>
                    <a:pt x="230124" y="0"/>
                  </a:moveTo>
                  <a:lnTo>
                    <a:pt x="227076" y="0"/>
                  </a:lnTo>
                  <a:lnTo>
                    <a:pt x="227076" y="4572"/>
                  </a:lnTo>
                  <a:lnTo>
                    <a:pt x="230124" y="4572"/>
                  </a:lnTo>
                  <a:lnTo>
                    <a:pt x="230124" y="0"/>
                  </a:lnTo>
                  <a:close/>
                </a:path>
                <a:path w="820420" h="5079">
                  <a:moveTo>
                    <a:pt x="236220" y="0"/>
                  </a:moveTo>
                  <a:lnTo>
                    <a:pt x="233172" y="0"/>
                  </a:lnTo>
                  <a:lnTo>
                    <a:pt x="233172" y="4572"/>
                  </a:lnTo>
                  <a:lnTo>
                    <a:pt x="236220" y="4572"/>
                  </a:lnTo>
                  <a:lnTo>
                    <a:pt x="236220" y="0"/>
                  </a:lnTo>
                  <a:close/>
                </a:path>
                <a:path w="820420" h="5079">
                  <a:moveTo>
                    <a:pt x="243840" y="0"/>
                  </a:moveTo>
                  <a:lnTo>
                    <a:pt x="240792" y="0"/>
                  </a:lnTo>
                  <a:lnTo>
                    <a:pt x="240792" y="4572"/>
                  </a:lnTo>
                  <a:lnTo>
                    <a:pt x="243840" y="4572"/>
                  </a:lnTo>
                  <a:lnTo>
                    <a:pt x="243840" y="0"/>
                  </a:lnTo>
                  <a:close/>
                </a:path>
                <a:path w="820420" h="5079">
                  <a:moveTo>
                    <a:pt x="249936" y="0"/>
                  </a:moveTo>
                  <a:lnTo>
                    <a:pt x="246888" y="0"/>
                  </a:lnTo>
                  <a:lnTo>
                    <a:pt x="246888" y="4572"/>
                  </a:lnTo>
                  <a:lnTo>
                    <a:pt x="249936" y="4572"/>
                  </a:lnTo>
                  <a:lnTo>
                    <a:pt x="249936" y="0"/>
                  </a:lnTo>
                  <a:close/>
                </a:path>
                <a:path w="820420" h="5079">
                  <a:moveTo>
                    <a:pt x="257556" y="0"/>
                  </a:moveTo>
                  <a:lnTo>
                    <a:pt x="254508" y="0"/>
                  </a:lnTo>
                  <a:lnTo>
                    <a:pt x="254508" y="4572"/>
                  </a:lnTo>
                  <a:lnTo>
                    <a:pt x="257556" y="4572"/>
                  </a:lnTo>
                  <a:lnTo>
                    <a:pt x="257556" y="0"/>
                  </a:lnTo>
                  <a:close/>
                </a:path>
                <a:path w="820420" h="5079">
                  <a:moveTo>
                    <a:pt x="263652" y="0"/>
                  </a:moveTo>
                  <a:lnTo>
                    <a:pt x="260604" y="0"/>
                  </a:lnTo>
                  <a:lnTo>
                    <a:pt x="260604" y="4572"/>
                  </a:lnTo>
                  <a:lnTo>
                    <a:pt x="263652" y="4572"/>
                  </a:lnTo>
                  <a:lnTo>
                    <a:pt x="263652" y="0"/>
                  </a:lnTo>
                  <a:close/>
                </a:path>
                <a:path w="820420" h="5079">
                  <a:moveTo>
                    <a:pt x="271272" y="0"/>
                  </a:moveTo>
                  <a:lnTo>
                    <a:pt x="268224" y="0"/>
                  </a:lnTo>
                  <a:lnTo>
                    <a:pt x="268224" y="4572"/>
                  </a:lnTo>
                  <a:lnTo>
                    <a:pt x="271272" y="4572"/>
                  </a:lnTo>
                  <a:lnTo>
                    <a:pt x="271272" y="0"/>
                  </a:lnTo>
                  <a:close/>
                </a:path>
                <a:path w="820420" h="5079">
                  <a:moveTo>
                    <a:pt x="277368" y="0"/>
                  </a:moveTo>
                  <a:lnTo>
                    <a:pt x="274320" y="0"/>
                  </a:lnTo>
                  <a:lnTo>
                    <a:pt x="274320" y="4572"/>
                  </a:lnTo>
                  <a:lnTo>
                    <a:pt x="277368" y="4572"/>
                  </a:lnTo>
                  <a:lnTo>
                    <a:pt x="277368" y="0"/>
                  </a:lnTo>
                  <a:close/>
                </a:path>
                <a:path w="820420" h="5079">
                  <a:moveTo>
                    <a:pt x="284988" y="0"/>
                  </a:moveTo>
                  <a:lnTo>
                    <a:pt x="281940" y="0"/>
                  </a:lnTo>
                  <a:lnTo>
                    <a:pt x="281940" y="4572"/>
                  </a:lnTo>
                  <a:lnTo>
                    <a:pt x="284988" y="4572"/>
                  </a:lnTo>
                  <a:lnTo>
                    <a:pt x="284988" y="0"/>
                  </a:lnTo>
                  <a:close/>
                </a:path>
                <a:path w="820420" h="5079">
                  <a:moveTo>
                    <a:pt x="291084" y="0"/>
                  </a:moveTo>
                  <a:lnTo>
                    <a:pt x="288036" y="0"/>
                  </a:lnTo>
                  <a:lnTo>
                    <a:pt x="288036" y="4572"/>
                  </a:lnTo>
                  <a:lnTo>
                    <a:pt x="291084" y="4572"/>
                  </a:lnTo>
                  <a:lnTo>
                    <a:pt x="291084" y="0"/>
                  </a:lnTo>
                  <a:close/>
                </a:path>
                <a:path w="820420" h="5079">
                  <a:moveTo>
                    <a:pt x="298704" y="0"/>
                  </a:moveTo>
                  <a:lnTo>
                    <a:pt x="295656" y="0"/>
                  </a:lnTo>
                  <a:lnTo>
                    <a:pt x="295656" y="4572"/>
                  </a:lnTo>
                  <a:lnTo>
                    <a:pt x="298704" y="4572"/>
                  </a:lnTo>
                  <a:lnTo>
                    <a:pt x="298704" y="0"/>
                  </a:lnTo>
                  <a:close/>
                </a:path>
                <a:path w="820420" h="5079">
                  <a:moveTo>
                    <a:pt x="304800" y="0"/>
                  </a:moveTo>
                  <a:lnTo>
                    <a:pt x="301752" y="0"/>
                  </a:lnTo>
                  <a:lnTo>
                    <a:pt x="301752" y="4572"/>
                  </a:lnTo>
                  <a:lnTo>
                    <a:pt x="304800" y="4572"/>
                  </a:lnTo>
                  <a:lnTo>
                    <a:pt x="304800" y="0"/>
                  </a:lnTo>
                  <a:close/>
                </a:path>
                <a:path w="820420" h="5079">
                  <a:moveTo>
                    <a:pt x="312420" y="0"/>
                  </a:moveTo>
                  <a:lnTo>
                    <a:pt x="309372" y="0"/>
                  </a:lnTo>
                  <a:lnTo>
                    <a:pt x="309372" y="4572"/>
                  </a:lnTo>
                  <a:lnTo>
                    <a:pt x="312420" y="4572"/>
                  </a:lnTo>
                  <a:lnTo>
                    <a:pt x="312420" y="0"/>
                  </a:lnTo>
                  <a:close/>
                </a:path>
                <a:path w="820420" h="5079">
                  <a:moveTo>
                    <a:pt x="318516" y="0"/>
                  </a:moveTo>
                  <a:lnTo>
                    <a:pt x="315468" y="0"/>
                  </a:lnTo>
                  <a:lnTo>
                    <a:pt x="315468" y="4572"/>
                  </a:lnTo>
                  <a:lnTo>
                    <a:pt x="318516" y="4572"/>
                  </a:lnTo>
                  <a:lnTo>
                    <a:pt x="318516" y="0"/>
                  </a:lnTo>
                  <a:close/>
                </a:path>
                <a:path w="820420" h="5079">
                  <a:moveTo>
                    <a:pt x="326136" y="0"/>
                  </a:moveTo>
                  <a:lnTo>
                    <a:pt x="323088" y="0"/>
                  </a:lnTo>
                  <a:lnTo>
                    <a:pt x="323088" y="4572"/>
                  </a:lnTo>
                  <a:lnTo>
                    <a:pt x="326136" y="4572"/>
                  </a:lnTo>
                  <a:lnTo>
                    <a:pt x="326136" y="0"/>
                  </a:lnTo>
                  <a:close/>
                </a:path>
                <a:path w="820420" h="5079">
                  <a:moveTo>
                    <a:pt x="332232" y="0"/>
                  </a:moveTo>
                  <a:lnTo>
                    <a:pt x="329184" y="0"/>
                  </a:lnTo>
                  <a:lnTo>
                    <a:pt x="329184" y="4572"/>
                  </a:lnTo>
                  <a:lnTo>
                    <a:pt x="332232" y="4572"/>
                  </a:lnTo>
                  <a:lnTo>
                    <a:pt x="332232" y="0"/>
                  </a:lnTo>
                  <a:close/>
                </a:path>
                <a:path w="820420" h="5079">
                  <a:moveTo>
                    <a:pt x="339852" y="0"/>
                  </a:moveTo>
                  <a:lnTo>
                    <a:pt x="336804" y="0"/>
                  </a:lnTo>
                  <a:lnTo>
                    <a:pt x="336804" y="4572"/>
                  </a:lnTo>
                  <a:lnTo>
                    <a:pt x="339852" y="4572"/>
                  </a:lnTo>
                  <a:lnTo>
                    <a:pt x="339852" y="0"/>
                  </a:lnTo>
                  <a:close/>
                </a:path>
                <a:path w="820420" h="5079">
                  <a:moveTo>
                    <a:pt x="345948" y="0"/>
                  </a:moveTo>
                  <a:lnTo>
                    <a:pt x="342900" y="0"/>
                  </a:lnTo>
                  <a:lnTo>
                    <a:pt x="342900" y="4572"/>
                  </a:lnTo>
                  <a:lnTo>
                    <a:pt x="345948" y="4572"/>
                  </a:lnTo>
                  <a:lnTo>
                    <a:pt x="345948" y="0"/>
                  </a:lnTo>
                  <a:close/>
                </a:path>
                <a:path w="820420" h="5079">
                  <a:moveTo>
                    <a:pt x="353568" y="0"/>
                  </a:moveTo>
                  <a:lnTo>
                    <a:pt x="350520" y="0"/>
                  </a:lnTo>
                  <a:lnTo>
                    <a:pt x="350520" y="4572"/>
                  </a:lnTo>
                  <a:lnTo>
                    <a:pt x="353568" y="4572"/>
                  </a:lnTo>
                  <a:lnTo>
                    <a:pt x="353568" y="0"/>
                  </a:lnTo>
                  <a:close/>
                </a:path>
                <a:path w="820420" h="5079">
                  <a:moveTo>
                    <a:pt x="359664" y="0"/>
                  </a:moveTo>
                  <a:lnTo>
                    <a:pt x="356616" y="0"/>
                  </a:lnTo>
                  <a:lnTo>
                    <a:pt x="356616" y="4572"/>
                  </a:lnTo>
                  <a:lnTo>
                    <a:pt x="359664" y="4572"/>
                  </a:lnTo>
                  <a:lnTo>
                    <a:pt x="359664" y="0"/>
                  </a:lnTo>
                  <a:close/>
                </a:path>
                <a:path w="820420" h="5079">
                  <a:moveTo>
                    <a:pt x="367284" y="0"/>
                  </a:moveTo>
                  <a:lnTo>
                    <a:pt x="364236" y="0"/>
                  </a:lnTo>
                  <a:lnTo>
                    <a:pt x="364236" y="4572"/>
                  </a:lnTo>
                  <a:lnTo>
                    <a:pt x="367284" y="4572"/>
                  </a:lnTo>
                  <a:lnTo>
                    <a:pt x="367284" y="0"/>
                  </a:lnTo>
                  <a:close/>
                </a:path>
                <a:path w="820420" h="5079">
                  <a:moveTo>
                    <a:pt x="373380" y="0"/>
                  </a:moveTo>
                  <a:lnTo>
                    <a:pt x="370332" y="0"/>
                  </a:lnTo>
                  <a:lnTo>
                    <a:pt x="370332" y="4572"/>
                  </a:lnTo>
                  <a:lnTo>
                    <a:pt x="373380" y="4572"/>
                  </a:lnTo>
                  <a:lnTo>
                    <a:pt x="373380" y="0"/>
                  </a:lnTo>
                  <a:close/>
                </a:path>
                <a:path w="820420" h="5079">
                  <a:moveTo>
                    <a:pt x="381000" y="0"/>
                  </a:moveTo>
                  <a:lnTo>
                    <a:pt x="377952" y="0"/>
                  </a:lnTo>
                  <a:lnTo>
                    <a:pt x="377952" y="4572"/>
                  </a:lnTo>
                  <a:lnTo>
                    <a:pt x="381000" y="4572"/>
                  </a:lnTo>
                  <a:lnTo>
                    <a:pt x="381000" y="0"/>
                  </a:lnTo>
                  <a:close/>
                </a:path>
                <a:path w="820420" h="5079">
                  <a:moveTo>
                    <a:pt x="387096" y="0"/>
                  </a:moveTo>
                  <a:lnTo>
                    <a:pt x="384048" y="0"/>
                  </a:lnTo>
                  <a:lnTo>
                    <a:pt x="384048" y="4572"/>
                  </a:lnTo>
                  <a:lnTo>
                    <a:pt x="387096" y="4572"/>
                  </a:lnTo>
                  <a:lnTo>
                    <a:pt x="387096" y="0"/>
                  </a:lnTo>
                  <a:close/>
                </a:path>
                <a:path w="820420" h="5079">
                  <a:moveTo>
                    <a:pt x="394716" y="0"/>
                  </a:moveTo>
                  <a:lnTo>
                    <a:pt x="391668" y="0"/>
                  </a:lnTo>
                  <a:lnTo>
                    <a:pt x="391668" y="4572"/>
                  </a:lnTo>
                  <a:lnTo>
                    <a:pt x="394716" y="4572"/>
                  </a:lnTo>
                  <a:lnTo>
                    <a:pt x="394716" y="0"/>
                  </a:lnTo>
                  <a:close/>
                </a:path>
                <a:path w="820420" h="5079">
                  <a:moveTo>
                    <a:pt x="400812" y="0"/>
                  </a:moveTo>
                  <a:lnTo>
                    <a:pt x="397764" y="0"/>
                  </a:lnTo>
                  <a:lnTo>
                    <a:pt x="397764" y="4572"/>
                  </a:lnTo>
                  <a:lnTo>
                    <a:pt x="400812" y="4572"/>
                  </a:lnTo>
                  <a:lnTo>
                    <a:pt x="400812" y="0"/>
                  </a:lnTo>
                  <a:close/>
                </a:path>
                <a:path w="820420" h="5079">
                  <a:moveTo>
                    <a:pt x="408432" y="0"/>
                  </a:moveTo>
                  <a:lnTo>
                    <a:pt x="405384" y="0"/>
                  </a:lnTo>
                  <a:lnTo>
                    <a:pt x="405384" y="4572"/>
                  </a:lnTo>
                  <a:lnTo>
                    <a:pt x="408432" y="4572"/>
                  </a:lnTo>
                  <a:lnTo>
                    <a:pt x="408432" y="0"/>
                  </a:lnTo>
                  <a:close/>
                </a:path>
                <a:path w="820420" h="5079">
                  <a:moveTo>
                    <a:pt x="414528" y="0"/>
                  </a:moveTo>
                  <a:lnTo>
                    <a:pt x="411480" y="0"/>
                  </a:lnTo>
                  <a:lnTo>
                    <a:pt x="411480" y="4572"/>
                  </a:lnTo>
                  <a:lnTo>
                    <a:pt x="414528" y="4572"/>
                  </a:lnTo>
                  <a:lnTo>
                    <a:pt x="414528" y="0"/>
                  </a:lnTo>
                  <a:close/>
                </a:path>
                <a:path w="820420" h="5079">
                  <a:moveTo>
                    <a:pt x="422148" y="0"/>
                  </a:moveTo>
                  <a:lnTo>
                    <a:pt x="419100" y="0"/>
                  </a:lnTo>
                  <a:lnTo>
                    <a:pt x="419100" y="4572"/>
                  </a:lnTo>
                  <a:lnTo>
                    <a:pt x="422148" y="4572"/>
                  </a:lnTo>
                  <a:lnTo>
                    <a:pt x="422148" y="0"/>
                  </a:lnTo>
                  <a:close/>
                </a:path>
                <a:path w="820420" h="5079">
                  <a:moveTo>
                    <a:pt x="428244" y="0"/>
                  </a:moveTo>
                  <a:lnTo>
                    <a:pt x="425196" y="0"/>
                  </a:lnTo>
                  <a:lnTo>
                    <a:pt x="425196" y="4572"/>
                  </a:lnTo>
                  <a:lnTo>
                    <a:pt x="428244" y="4572"/>
                  </a:lnTo>
                  <a:lnTo>
                    <a:pt x="428244" y="0"/>
                  </a:lnTo>
                  <a:close/>
                </a:path>
                <a:path w="820420" h="5079">
                  <a:moveTo>
                    <a:pt x="435864" y="0"/>
                  </a:moveTo>
                  <a:lnTo>
                    <a:pt x="432816" y="0"/>
                  </a:lnTo>
                  <a:lnTo>
                    <a:pt x="432816" y="4572"/>
                  </a:lnTo>
                  <a:lnTo>
                    <a:pt x="435864" y="4572"/>
                  </a:lnTo>
                  <a:lnTo>
                    <a:pt x="435864" y="0"/>
                  </a:lnTo>
                  <a:close/>
                </a:path>
                <a:path w="820420" h="5079">
                  <a:moveTo>
                    <a:pt x="441960" y="0"/>
                  </a:moveTo>
                  <a:lnTo>
                    <a:pt x="438912" y="0"/>
                  </a:lnTo>
                  <a:lnTo>
                    <a:pt x="438912" y="4572"/>
                  </a:lnTo>
                  <a:lnTo>
                    <a:pt x="441960" y="4572"/>
                  </a:lnTo>
                  <a:lnTo>
                    <a:pt x="441960" y="0"/>
                  </a:lnTo>
                  <a:close/>
                </a:path>
                <a:path w="820420" h="5079">
                  <a:moveTo>
                    <a:pt x="449580" y="0"/>
                  </a:moveTo>
                  <a:lnTo>
                    <a:pt x="446532" y="0"/>
                  </a:lnTo>
                  <a:lnTo>
                    <a:pt x="446532" y="4572"/>
                  </a:lnTo>
                  <a:lnTo>
                    <a:pt x="449580" y="4572"/>
                  </a:lnTo>
                  <a:lnTo>
                    <a:pt x="449580" y="0"/>
                  </a:lnTo>
                  <a:close/>
                </a:path>
                <a:path w="820420" h="5079">
                  <a:moveTo>
                    <a:pt x="620268" y="0"/>
                  </a:moveTo>
                  <a:lnTo>
                    <a:pt x="618744" y="0"/>
                  </a:lnTo>
                  <a:lnTo>
                    <a:pt x="618744" y="4572"/>
                  </a:lnTo>
                  <a:lnTo>
                    <a:pt x="620268" y="4572"/>
                  </a:lnTo>
                  <a:lnTo>
                    <a:pt x="620268" y="0"/>
                  </a:lnTo>
                  <a:close/>
                </a:path>
                <a:path w="820420" h="5079">
                  <a:moveTo>
                    <a:pt x="627888" y="0"/>
                  </a:moveTo>
                  <a:lnTo>
                    <a:pt x="623316" y="0"/>
                  </a:lnTo>
                  <a:lnTo>
                    <a:pt x="623316" y="4572"/>
                  </a:lnTo>
                  <a:lnTo>
                    <a:pt x="627888" y="4572"/>
                  </a:lnTo>
                  <a:lnTo>
                    <a:pt x="627888" y="0"/>
                  </a:lnTo>
                  <a:close/>
                </a:path>
                <a:path w="820420" h="5079">
                  <a:moveTo>
                    <a:pt x="633984" y="0"/>
                  </a:moveTo>
                  <a:lnTo>
                    <a:pt x="630936" y="0"/>
                  </a:lnTo>
                  <a:lnTo>
                    <a:pt x="630936" y="4572"/>
                  </a:lnTo>
                  <a:lnTo>
                    <a:pt x="633984" y="4572"/>
                  </a:lnTo>
                  <a:lnTo>
                    <a:pt x="633984" y="0"/>
                  </a:lnTo>
                  <a:close/>
                </a:path>
                <a:path w="820420" h="5079">
                  <a:moveTo>
                    <a:pt x="641604" y="0"/>
                  </a:moveTo>
                  <a:lnTo>
                    <a:pt x="637032" y="0"/>
                  </a:lnTo>
                  <a:lnTo>
                    <a:pt x="637032" y="4572"/>
                  </a:lnTo>
                  <a:lnTo>
                    <a:pt x="641604" y="4572"/>
                  </a:lnTo>
                  <a:lnTo>
                    <a:pt x="641604" y="0"/>
                  </a:lnTo>
                  <a:close/>
                </a:path>
                <a:path w="820420" h="5079">
                  <a:moveTo>
                    <a:pt x="647700" y="0"/>
                  </a:moveTo>
                  <a:lnTo>
                    <a:pt x="644652" y="0"/>
                  </a:lnTo>
                  <a:lnTo>
                    <a:pt x="644652" y="4572"/>
                  </a:lnTo>
                  <a:lnTo>
                    <a:pt x="647700" y="4572"/>
                  </a:lnTo>
                  <a:lnTo>
                    <a:pt x="647700" y="0"/>
                  </a:lnTo>
                  <a:close/>
                </a:path>
                <a:path w="820420" h="5079">
                  <a:moveTo>
                    <a:pt x="655320" y="0"/>
                  </a:moveTo>
                  <a:lnTo>
                    <a:pt x="650748" y="0"/>
                  </a:lnTo>
                  <a:lnTo>
                    <a:pt x="650748" y="4572"/>
                  </a:lnTo>
                  <a:lnTo>
                    <a:pt x="655320" y="4572"/>
                  </a:lnTo>
                  <a:lnTo>
                    <a:pt x="655320" y="0"/>
                  </a:lnTo>
                  <a:close/>
                </a:path>
                <a:path w="820420" h="5079">
                  <a:moveTo>
                    <a:pt x="661416" y="0"/>
                  </a:moveTo>
                  <a:lnTo>
                    <a:pt x="658368" y="0"/>
                  </a:lnTo>
                  <a:lnTo>
                    <a:pt x="658368" y="4572"/>
                  </a:lnTo>
                  <a:lnTo>
                    <a:pt x="661416" y="4572"/>
                  </a:lnTo>
                  <a:lnTo>
                    <a:pt x="661416" y="0"/>
                  </a:lnTo>
                  <a:close/>
                </a:path>
                <a:path w="820420" h="5079">
                  <a:moveTo>
                    <a:pt x="669036" y="0"/>
                  </a:moveTo>
                  <a:lnTo>
                    <a:pt x="664464" y="0"/>
                  </a:lnTo>
                  <a:lnTo>
                    <a:pt x="664464" y="4572"/>
                  </a:lnTo>
                  <a:lnTo>
                    <a:pt x="669036" y="4572"/>
                  </a:lnTo>
                  <a:lnTo>
                    <a:pt x="669036" y="0"/>
                  </a:lnTo>
                  <a:close/>
                </a:path>
                <a:path w="820420" h="5079">
                  <a:moveTo>
                    <a:pt x="675132" y="0"/>
                  </a:moveTo>
                  <a:lnTo>
                    <a:pt x="672084" y="0"/>
                  </a:lnTo>
                  <a:lnTo>
                    <a:pt x="672084" y="4572"/>
                  </a:lnTo>
                  <a:lnTo>
                    <a:pt x="675132" y="4572"/>
                  </a:lnTo>
                  <a:lnTo>
                    <a:pt x="675132" y="0"/>
                  </a:lnTo>
                  <a:close/>
                </a:path>
                <a:path w="820420" h="5079">
                  <a:moveTo>
                    <a:pt x="682752" y="0"/>
                  </a:moveTo>
                  <a:lnTo>
                    <a:pt x="678180" y="0"/>
                  </a:lnTo>
                  <a:lnTo>
                    <a:pt x="678180" y="4572"/>
                  </a:lnTo>
                  <a:lnTo>
                    <a:pt x="682752" y="4572"/>
                  </a:lnTo>
                  <a:lnTo>
                    <a:pt x="682752" y="0"/>
                  </a:lnTo>
                  <a:close/>
                </a:path>
                <a:path w="820420" h="5079">
                  <a:moveTo>
                    <a:pt x="688848" y="0"/>
                  </a:moveTo>
                  <a:lnTo>
                    <a:pt x="685800" y="0"/>
                  </a:lnTo>
                  <a:lnTo>
                    <a:pt x="685800" y="4572"/>
                  </a:lnTo>
                  <a:lnTo>
                    <a:pt x="688848" y="4572"/>
                  </a:lnTo>
                  <a:lnTo>
                    <a:pt x="688848" y="0"/>
                  </a:lnTo>
                  <a:close/>
                </a:path>
                <a:path w="820420" h="5079">
                  <a:moveTo>
                    <a:pt x="696468" y="0"/>
                  </a:moveTo>
                  <a:lnTo>
                    <a:pt x="691896" y="0"/>
                  </a:lnTo>
                  <a:lnTo>
                    <a:pt x="691896" y="4572"/>
                  </a:lnTo>
                  <a:lnTo>
                    <a:pt x="696468" y="4572"/>
                  </a:lnTo>
                  <a:lnTo>
                    <a:pt x="696468" y="0"/>
                  </a:lnTo>
                  <a:close/>
                </a:path>
                <a:path w="820420" h="5079">
                  <a:moveTo>
                    <a:pt x="702564" y="0"/>
                  </a:moveTo>
                  <a:lnTo>
                    <a:pt x="699516" y="0"/>
                  </a:lnTo>
                  <a:lnTo>
                    <a:pt x="699516" y="4572"/>
                  </a:lnTo>
                  <a:lnTo>
                    <a:pt x="702564" y="4572"/>
                  </a:lnTo>
                  <a:lnTo>
                    <a:pt x="702564" y="0"/>
                  </a:lnTo>
                  <a:close/>
                </a:path>
                <a:path w="820420" h="5079">
                  <a:moveTo>
                    <a:pt x="710184" y="0"/>
                  </a:moveTo>
                  <a:lnTo>
                    <a:pt x="705612" y="0"/>
                  </a:lnTo>
                  <a:lnTo>
                    <a:pt x="705612" y="4572"/>
                  </a:lnTo>
                  <a:lnTo>
                    <a:pt x="710184" y="4572"/>
                  </a:lnTo>
                  <a:lnTo>
                    <a:pt x="710184" y="0"/>
                  </a:lnTo>
                  <a:close/>
                </a:path>
                <a:path w="820420" h="5079">
                  <a:moveTo>
                    <a:pt x="716280" y="0"/>
                  </a:moveTo>
                  <a:lnTo>
                    <a:pt x="713232" y="0"/>
                  </a:lnTo>
                  <a:lnTo>
                    <a:pt x="713232" y="4572"/>
                  </a:lnTo>
                  <a:lnTo>
                    <a:pt x="716280" y="4572"/>
                  </a:lnTo>
                  <a:lnTo>
                    <a:pt x="716280" y="0"/>
                  </a:lnTo>
                  <a:close/>
                </a:path>
                <a:path w="820420" h="5079">
                  <a:moveTo>
                    <a:pt x="723900" y="0"/>
                  </a:moveTo>
                  <a:lnTo>
                    <a:pt x="719328" y="0"/>
                  </a:lnTo>
                  <a:lnTo>
                    <a:pt x="719328" y="4572"/>
                  </a:lnTo>
                  <a:lnTo>
                    <a:pt x="723900" y="4572"/>
                  </a:lnTo>
                  <a:lnTo>
                    <a:pt x="723900" y="0"/>
                  </a:lnTo>
                  <a:close/>
                </a:path>
                <a:path w="820420" h="5079">
                  <a:moveTo>
                    <a:pt x="729996" y="0"/>
                  </a:moveTo>
                  <a:lnTo>
                    <a:pt x="726948" y="0"/>
                  </a:lnTo>
                  <a:lnTo>
                    <a:pt x="726948" y="4572"/>
                  </a:lnTo>
                  <a:lnTo>
                    <a:pt x="729996" y="4572"/>
                  </a:lnTo>
                  <a:lnTo>
                    <a:pt x="729996" y="0"/>
                  </a:lnTo>
                  <a:close/>
                </a:path>
                <a:path w="820420" h="5079">
                  <a:moveTo>
                    <a:pt x="737616" y="0"/>
                  </a:moveTo>
                  <a:lnTo>
                    <a:pt x="733044" y="0"/>
                  </a:lnTo>
                  <a:lnTo>
                    <a:pt x="733044" y="4572"/>
                  </a:lnTo>
                  <a:lnTo>
                    <a:pt x="737616" y="4572"/>
                  </a:lnTo>
                  <a:lnTo>
                    <a:pt x="737616" y="0"/>
                  </a:lnTo>
                  <a:close/>
                </a:path>
                <a:path w="820420" h="5079">
                  <a:moveTo>
                    <a:pt x="743712" y="0"/>
                  </a:moveTo>
                  <a:lnTo>
                    <a:pt x="740664" y="0"/>
                  </a:lnTo>
                  <a:lnTo>
                    <a:pt x="740664" y="4572"/>
                  </a:lnTo>
                  <a:lnTo>
                    <a:pt x="743712" y="4572"/>
                  </a:lnTo>
                  <a:lnTo>
                    <a:pt x="743712" y="0"/>
                  </a:lnTo>
                  <a:close/>
                </a:path>
                <a:path w="820420" h="5079">
                  <a:moveTo>
                    <a:pt x="751332" y="0"/>
                  </a:moveTo>
                  <a:lnTo>
                    <a:pt x="746760" y="0"/>
                  </a:lnTo>
                  <a:lnTo>
                    <a:pt x="746760" y="4572"/>
                  </a:lnTo>
                  <a:lnTo>
                    <a:pt x="751332" y="4572"/>
                  </a:lnTo>
                  <a:lnTo>
                    <a:pt x="751332" y="0"/>
                  </a:lnTo>
                  <a:close/>
                </a:path>
                <a:path w="820420" h="5079">
                  <a:moveTo>
                    <a:pt x="757428" y="0"/>
                  </a:moveTo>
                  <a:lnTo>
                    <a:pt x="754380" y="0"/>
                  </a:lnTo>
                  <a:lnTo>
                    <a:pt x="754380" y="4572"/>
                  </a:lnTo>
                  <a:lnTo>
                    <a:pt x="757428" y="4572"/>
                  </a:lnTo>
                  <a:lnTo>
                    <a:pt x="757428" y="0"/>
                  </a:lnTo>
                  <a:close/>
                </a:path>
                <a:path w="820420" h="5079">
                  <a:moveTo>
                    <a:pt x="765048" y="0"/>
                  </a:moveTo>
                  <a:lnTo>
                    <a:pt x="760476" y="0"/>
                  </a:lnTo>
                  <a:lnTo>
                    <a:pt x="760476" y="4572"/>
                  </a:lnTo>
                  <a:lnTo>
                    <a:pt x="765048" y="4572"/>
                  </a:lnTo>
                  <a:lnTo>
                    <a:pt x="765048" y="0"/>
                  </a:lnTo>
                  <a:close/>
                </a:path>
                <a:path w="820420" h="5079">
                  <a:moveTo>
                    <a:pt x="771144" y="0"/>
                  </a:moveTo>
                  <a:lnTo>
                    <a:pt x="768096" y="0"/>
                  </a:lnTo>
                  <a:lnTo>
                    <a:pt x="768096" y="4572"/>
                  </a:lnTo>
                  <a:lnTo>
                    <a:pt x="771144" y="4572"/>
                  </a:lnTo>
                  <a:lnTo>
                    <a:pt x="771144" y="0"/>
                  </a:lnTo>
                  <a:close/>
                </a:path>
                <a:path w="820420" h="5079">
                  <a:moveTo>
                    <a:pt x="778764" y="0"/>
                  </a:moveTo>
                  <a:lnTo>
                    <a:pt x="774192" y="0"/>
                  </a:lnTo>
                  <a:lnTo>
                    <a:pt x="774192" y="4572"/>
                  </a:lnTo>
                  <a:lnTo>
                    <a:pt x="778764" y="4572"/>
                  </a:lnTo>
                  <a:lnTo>
                    <a:pt x="778764" y="0"/>
                  </a:lnTo>
                  <a:close/>
                </a:path>
                <a:path w="820420" h="5079">
                  <a:moveTo>
                    <a:pt x="784860" y="0"/>
                  </a:moveTo>
                  <a:lnTo>
                    <a:pt x="781812" y="0"/>
                  </a:lnTo>
                  <a:lnTo>
                    <a:pt x="781812" y="4572"/>
                  </a:lnTo>
                  <a:lnTo>
                    <a:pt x="784860" y="4572"/>
                  </a:lnTo>
                  <a:lnTo>
                    <a:pt x="784860" y="0"/>
                  </a:lnTo>
                  <a:close/>
                </a:path>
                <a:path w="820420" h="5079">
                  <a:moveTo>
                    <a:pt x="792480" y="0"/>
                  </a:moveTo>
                  <a:lnTo>
                    <a:pt x="787908" y="0"/>
                  </a:lnTo>
                  <a:lnTo>
                    <a:pt x="787908" y="4572"/>
                  </a:lnTo>
                  <a:lnTo>
                    <a:pt x="792480" y="4572"/>
                  </a:lnTo>
                  <a:lnTo>
                    <a:pt x="792480" y="0"/>
                  </a:lnTo>
                  <a:close/>
                </a:path>
                <a:path w="820420" h="5079">
                  <a:moveTo>
                    <a:pt x="798576" y="0"/>
                  </a:moveTo>
                  <a:lnTo>
                    <a:pt x="795528" y="0"/>
                  </a:lnTo>
                  <a:lnTo>
                    <a:pt x="795528" y="4572"/>
                  </a:lnTo>
                  <a:lnTo>
                    <a:pt x="798576" y="4572"/>
                  </a:lnTo>
                  <a:lnTo>
                    <a:pt x="798576" y="0"/>
                  </a:lnTo>
                  <a:close/>
                </a:path>
                <a:path w="820420" h="5079">
                  <a:moveTo>
                    <a:pt x="806196" y="0"/>
                  </a:moveTo>
                  <a:lnTo>
                    <a:pt x="801624" y="0"/>
                  </a:lnTo>
                  <a:lnTo>
                    <a:pt x="801624" y="4572"/>
                  </a:lnTo>
                  <a:lnTo>
                    <a:pt x="806196" y="4572"/>
                  </a:lnTo>
                  <a:lnTo>
                    <a:pt x="806196" y="0"/>
                  </a:lnTo>
                  <a:close/>
                </a:path>
                <a:path w="820420" h="5079">
                  <a:moveTo>
                    <a:pt x="812292" y="0"/>
                  </a:moveTo>
                  <a:lnTo>
                    <a:pt x="809244" y="0"/>
                  </a:lnTo>
                  <a:lnTo>
                    <a:pt x="809244" y="4572"/>
                  </a:lnTo>
                  <a:lnTo>
                    <a:pt x="812292" y="4572"/>
                  </a:lnTo>
                  <a:lnTo>
                    <a:pt x="812292" y="0"/>
                  </a:lnTo>
                  <a:close/>
                </a:path>
                <a:path w="820420" h="5079">
                  <a:moveTo>
                    <a:pt x="819912" y="0"/>
                  </a:moveTo>
                  <a:lnTo>
                    <a:pt x="815340" y="0"/>
                  </a:lnTo>
                  <a:lnTo>
                    <a:pt x="815340" y="4572"/>
                  </a:lnTo>
                  <a:lnTo>
                    <a:pt x="819912" y="4572"/>
                  </a:lnTo>
                  <a:lnTo>
                    <a:pt x="819912" y="0"/>
                  </a:lnTo>
                  <a:close/>
                </a:path>
              </a:pathLst>
            </a:custGeom>
            <a:solidFill>
              <a:srgbClr val="D8D8D8"/>
            </a:solidFill>
          </p:spPr>
          <p:txBody>
            <a:bodyPr wrap="square" lIns="0" tIns="0" rIns="0" bIns="0" rtlCol="0"/>
            <a:lstStyle/>
            <a:p>
              <a:endParaRPr sz="1539"/>
            </a:p>
          </p:txBody>
        </p:sp>
        <p:sp>
          <p:nvSpPr>
            <p:cNvPr id="94" name="object 94"/>
            <p:cNvSpPr/>
            <p:nvPr/>
          </p:nvSpPr>
          <p:spPr>
            <a:xfrm>
              <a:off x="4977384" y="3403091"/>
              <a:ext cx="812800" cy="5080"/>
            </a:xfrm>
            <a:custGeom>
              <a:avLst/>
              <a:gdLst/>
              <a:ahLst/>
              <a:cxnLst/>
              <a:rect l="l" t="t" r="r" b="b"/>
              <a:pathLst>
                <a:path w="812800" h="5079">
                  <a:moveTo>
                    <a:pt x="4572" y="0"/>
                  </a:moveTo>
                  <a:lnTo>
                    <a:pt x="0" y="0"/>
                  </a:lnTo>
                  <a:lnTo>
                    <a:pt x="0" y="4572"/>
                  </a:lnTo>
                  <a:lnTo>
                    <a:pt x="4572" y="4572"/>
                  </a:lnTo>
                  <a:lnTo>
                    <a:pt x="4572" y="0"/>
                  </a:lnTo>
                  <a:close/>
                </a:path>
                <a:path w="812800" h="5079">
                  <a:moveTo>
                    <a:pt x="10668" y="0"/>
                  </a:moveTo>
                  <a:lnTo>
                    <a:pt x="7620" y="0"/>
                  </a:lnTo>
                  <a:lnTo>
                    <a:pt x="7620" y="4572"/>
                  </a:lnTo>
                  <a:lnTo>
                    <a:pt x="10668" y="4572"/>
                  </a:lnTo>
                  <a:lnTo>
                    <a:pt x="10668" y="0"/>
                  </a:lnTo>
                  <a:close/>
                </a:path>
                <a:path w="812800" h="5079">
                  <a:moveTo>
                    <a:pt x="18288" y="0"/>
                  </a:moveTo>
                  <a:lnTo>
                    <a:pt x="13716" y="0"/>
                  </a:lnTo>
                  <a:lnTo>
                    <a:pt x="13716" y="4572"/>
                  </a:lnTo>
                  <a:lnTo>
                    <a:pt x="18288" y="4572"/>
                  </a:lnTo>
                  <a:lnTo>
                    <a:pt x="18288" y="0"/>
                  </a:lnTo>
                  <a:close/>
                </a:path>
                <a:path w="812800" h="5079">
                  <a:moveTo>
                    <a:pt x="24384" y="0"/>
                  </a:moveTo>
                  <a:lnTo>
                    <a:pt x="21336" y="0"/>
                  </a:lnTo>
                  <a:lnTo>
                    <a:pt x="21336" y="4572"/>
                  </a:lnTo>
                  <a:lnTo>
                    <a:pt x="24384" y="4572"/>
                  </a:lnTo>
                  <a:lnTo>
                    <a:pt x="24384" y="0"/>
                  </a:lnTo>
                  <a:close/>
                </a:path>
                <a:path w="812800" h="5079">
                  <a:moveTo>
                    <a:pt x="32004" y="0"/>
                  </a:moveTo>
                  <a:lnTo>
                    <a:pt x="27432" y="0"/>
                  </a:lnTo>
                  <a:lnTo>
                    <a:pt x="27432" y="4572"/>
                  </a:lnTo>
                  <a:lnTo>
                    <a:pt x="32004" y="4572"/>
                  </a:lnTo>
                  <a:lnTo>
                    <a:pt x="32004" y="0"/>
                  </a:lnTo>
                  <a:close/>
                </a:path>
                <a:path w="812800" h="5079">
                  <a:moveTo>
                    <a:pt x="38100" y="0"/>
                  </a:moveTo>
                  <a:lnTo>
                    <a:pt x="35052" y="0"/>
                  </a:lnTo>
                  <a:lnTo>
                    <a:pt x="35052" y="4572"/>
                  </a:lnTo>
                  <a:lnTo>
                    <a:pt x="38100" y="4572"/>
                  </a:lnTo>
                  <a:lnTo>
                    <a:pt x="38100" y="0"/>
                  </a:lnTo>
                  <a:close/>
                </a:path>
                <a:path w="812800" h="5079">
                  <a:moveTo>
                    <a:pt x="45720" y="0"/>
                  </a:moveTo>
                  <a:lnTo>
                    <a:pt x="41148" y="0"/>
                  </a:lnTo>
                  <a:lnTo>
                    <a:pt x="41148" y="4572"/>
                  </a:lnTo>
                  <a:lnTo>
                    <a:pt x="45720" y="4572"/>
                  </a:lnTo>
                  <a:lnTo>
                    <a:pt x="45720" y="0"/>
                  </a:lnTo>
                  <a:close/>
                </a:path>
                <a:path w="812800" h="5079">
                  <a:moveTo>
                    <a:pt x="51816" y="0"/>
                  </a:moveTo>
                  <a:lnTo>
                    <a:pt x="48768" y="0"/>
                  </a:lnTo>
                  <a:lnTo>
                    <a:pt x="48768" y="4572"/>
                  </a:lnTo>
                  <a:lnTo>
                    <a:pt x="51816" y="4572"/>
                  </a:lnTo>
                  <a:lnTo>
                    <a:pt x="51816" y="0"/>
                  </a:lnTo>
                  <a:close/>
                </a:path>
                <a:path w="812800" h="5079">
                  <a:moveTo>
                    <a:pt x="59436" y="0"/>
                  </a:moveTo>
                  <a:lnTo>
                    <a:pt x="54864" y="0"/>
                  </a:lnTo>
                  <a:lnTo>
                    <a:pt x="54864" y="4572"/>
                  </a:lnTo>
                  <a:lnTo>
                    <a:pt x="59436" y="4572"/>
                  </a:lnTo>
                  <a:lnTo>
                    <a:pt x="59436" y="0"/>
                  </a:lnTo>
                  <a:close/>
                </a:path>
                <a:path w="812800" h="5079">
                  <a:moveTo>
                    <a:pt x="230124" y="0"/>
                  </a:moveTo>
                  <a:lnTo>
                    <a:pt x="228600" y="0"/>
                  </a:lnTo>
                  <a:lnTo>
                    <a:pt x="228600" y="4572"/>
                  </a:lnTo>
                  <a:lnTo>
                    <a:pt x="230124" y="4572"/>
                  </a:lnTo>
                  <a:lnTo>
                    <a:pt x="230124" y="0"/>
                  </a:lnTo>
                  <a:close/>
                </a:path>
                <a:path w="812800" h="5079">
                  <a:moveTo>
                    <a:pt x="237744" y="0"/>
                  </a:moveTo>
                  <a:lnTo>
                    <a:pt x="233172" y="0"/>
                  </a:lnTo>
                  <a:lnTo>
                    <a:pt x="233172" y="4572"/>
                  </a:lnTo>
                  <a:lnTo>
                    <a:pt x="237744" y="4572"/>
                  </a:lnTo>
                  <a:lnTo>
                    <a:pt x="237744" y="0"/>
                  </a:lnTo>
                  <a:close/>
                </a:path>
                <a:path w="812800" h="5079">
                  <a:moveTo>
                    <a:pt x="243840" y="0"/>
                  </a:moveTo>
                  <a:lnTo>
                    <a:pt x="240792" y="0"/>
                  </a:lnTo>
                  <a:lnTo>
                    <a:pt x="240792" y="4572"/>
                  </a:lnTo>
                  <a:lnTo>
                    <a:pt x="243840" y="4572"/>
                  </a:lnTo>
                  <a:lnTo>
                    <a:pt x="243840" y="0"/>
                  </a:lnTo>
                  <a:close/>
                </a:path>
                <a:path w="812800" h="5079">
                  <a:moveTo>
                    <a:pt x="251460" y="0"/>
                  </a:moveTo>
                  <a:lnTo>
                    <a:pt x="246888" y="0"/>
                  </a:lnTo>
                  <a:lnTo>
                    <a:pt x="246888" y="4572"/>
                  </a:lnTo>
                  <a:lnTo>
                    <a:pt x="251460" y="4572"/>
                  </a:lnTo>
                  <a:lnTo>
                    <a:pt x="251460" y="0"/>
                  </a:lnTo>
                  <a:close/>
                </a:path>
                <a:path w="812800" h="5079">
                  <a:moveTo>
                    <a:pt x="257556" y="0"/>
                  </a:moveTo>
                  <a:lnTo>
                    <a:pt x="254508" y="0"/>
                  </a:lnTo>
                  <a:lnTo>
                    <a:pt x="254508" y="4572"/>
                  </a:lnTo>
                  <a:lnTo>
                    <a:pt x="257556" y="4572"/>
                  </a:lnTo>
                  <a:lnTo>
                    <a:pt x="257556" y="0"/>
                  </a:lnTo>
                  <a:close/>
                </a:path>
                <a:path w="812800" h="5079">
                  <a:moveTo>
                    <a:pt x="265176" y="0"/>
                  </a:moveTo>
                  <a:lnTo>
                    <a:pt x="260604" y="0"/>
                  </a:lnTo>
                  <a:lnTo>
                    <a:pt x="260604" y="4572"/>
                  </a:lnTo>
                  <a:lnTo>
                    <a:pt x="265176" y="4572"/>
                  </a:lnTo>
                  <a:lnTo>
                    <a:pt x="265176" y="0"/>
                  </a:lnTo>
                  <a:close/>
                </a:path>
                <a:path w="812800" h="5079">
                  <a:moveTo>
                    <a:pt x="271272" y="0"/>
                  </a:moveTo>
                  <a:lnTo>
                    <a:pt x="268224" y="0"/>
                  </a:lnTo>
                  <a:lnTo>
                    <a:pt x="268224" y="4572"/>
                  </a:lnTo>
                  <a:lnTo>
                    <a:pt x="271272" y="4572"/>
                  </a:lnTo>
                  <a:lnTo>
                    <a:pt x="271272" y="0"/>
                  </a:lnTo>
                  <a:close/>
                </a:path>
                <a:path w="812800" h="5079">
                  <a:moveTo>
                    <a:pt x="278892" y="0"/>
                  </a:moveTo>
                  <a:lnTo>
                    <a:pt x="274320" y="0"/>
                  </a:lnTo>
                  <a:lnTo>
                    <a:pt x="274320" y="4572"/>
                  </a:lnTo>
                  <a:lnTo>
                    <a:pt x="278892" y="4572"/>
                  </a:lnTo>
                  <a:lnTo>
                    <a:pt x="278892" y="0"/>
                  </a:lnTo>
                  <a:close/>
                </a:path>
                <a:path w="812800" h="5079">
                  <a:moveTo>
                    <a:pt x="284988" y="0"/>
                  </a:moveTo>
                  <a:lnTo>
                    <a:pt x="281940" y="0"/>
                  </a:lnTo>
                  <a:lnTo>
                    <a:pt x="281940" y="4572"/>
                  </a:lnTo>
                  <a:lnTo>
                    <a:pt x="284988" y="4572"/>
                  </a:lnTo>
                  <a:lnTo>
                    <a:pt x="284988" y="0"/>
                  </a:lnTo>
                  <a:close/>
                </a:path>
                <a:path w="812800" h="5079">
                  <a:moveTo>
                    <a:pt x="292608" y="0"/>
                  </a:moveTo>
                  <a:lnTo>
                    <a:pt x="288036" y="0"/>
                  </a:lnTo>
                  <a:lnTo>
                    <a:pt x="288036" y="4572"/>
                  </a:lnTo>
                  <a:lnTo>
                    <a:pt x="292608" y="4572"/>
                  </a:lnTo>
                  <a:lnTo>
                    <a:pt x="292608" y="0"/>
                  </a:lnTo>
                  <a:close/>
                </a:path>
                <a:path w="812800" h="5079">
                  <a:moveTo>
                    <a:pt x="298704" y="0"/>
                  </a:moveTo>
                  <a:lnTo>
                    <a:pt x="295656" y="0"/>
                  </a:lnTo>
                  <a:lnTo>
                    <a:pt x="295656" y="4572"/>
                  </a:lnTo>
                  <a:lnTo>
                    <a:pt x="298704" y="4572"/>
                  </a:lnTo>
                  <a:lnTo>
                    <a:pt x="298704" y="0"/>
                  </a:lnTo>
                  <a:close/>
                </a:path>
                <a:path w="812800" h="5079">
                  <a:moveTo>
                    <a:pt x="306324" y="0"/>
                  </a:moveTo>
                  <a:lnTo>
                    <a:pt x="301752" y="0"/>
                  </a:lnTo>
                  <a:lnTo>
                    <a:pt x="301752" y="4572"/>
                  </a:lnTo>
                  <a:lnTo>
                    <a:pt x="306324" y="4572"/>
                  </a:lnTo>
                  <a:lnTo>
                    <a:pt x="306324" y="0"/>
                  </a:lnTo>
                  <a:close/>
                </a:path>
                <a:path w="812800" h="5079">
                  <a:moveTo>
                    <a:pt x="312420" y="0"/>
                  </a:moveTo>
                  <a:lnTo>
                    <a:pt x="309372" y="0"/>
                  </a:lnTo>
                  <a:lnTo>
                    <a:pt x="309372" y="4572"/>
                  </a:lnTo>
                  <a:lnTo>
                    <a:pt x="312420" y="4572"/>
                  </a:lnTo>
                  <a:lnTo>
                    <a:pt x="312420" y="0"/>
                  </a:lnTo>
                  <a:close/>
                </a:path>
                <a:path w="812800" h="5079">
                  <a:moveTo>
                    <a:pt x="320040" y="0"/>
                  </a:moveTo>
                  <a:lnTo>
                    <a:pt x="315468" y="0"/>
                  </a:lnTo>
                  <a:lnTo>
                    <a:pt x="315468" y="4572"/>
                  </a:lnTo>
                  <a:lnTo>
                    <a:pt x="320040" y="4572"/>
                  </a:lnTo>
                  <a:lnTo>
                    <a:pt x="320040" y="0"/>
                  </a:lnTo>
                  <a:close/>
                </a:path>
                <a:path w="812800" h="5079">
                  <a:moveTo>
                    <a:pt x="326136" y="0"/>
                  </a:moveTo>
                  <a:lnTo>
                    <a:pt x="323088" y="0"/>
                  </a:lnTo>
                  <a:lnTo>
                    <a:pt x="323088" y="4572"/>
                  </a:lnTo>
                  <a:lnTo>
                    <a:pt x="326136" y="4572"/>
                  </a:lnTo>
                  <a:lnTo>
                    <a:pt x="326136" y="0"/>
                  </a:lnTo>
                  <a:close/>
                </a:path>
                <a:path w="812800" h="5079">
                  <a:moveTo>
                    <a:pt x="333756" y="0"/>
                  </a:moveTo>
                  <a:lnTo>
                    <a:pt x="329184" y="0"/>
                  </a:lnTo>
                  <a:lnTo>
                    <a:pt x="329184" y="4572"/>
                  </a:lnTo>
                  <a:lnTo>
                    <a:pt x="333756" y="4572"/>
                  </a:lnTo>
                  <a:lnTo>
                    <a:pt x="333756" y="0"/>
                  </a:lnTo>
                  <a:close/>
                </a:path>
                <a:path w="812800" h="5079">
                  <a:moveTo>
                    <a:pt x="339852" y="0"/>
                  </a:moveTo>
                  <a:lnTo>
                    <a:pt x="336804" y="0"/>
                  </a:lnTo>
                  <a:lnTo>
                    <a:pt x="336804" y="4572"/>
                  </a:lnTo>
                  <a:lnTo>
                    <a:pt x="339852" y="4572"/>
                  </a:lnTo>
                  <a:lnTo>
                    <a:pt x="339852" y="0"/>
                  </a:lnTo>
                  <a:close/>
                </a:path>
                <a:path w="812800" h="5079">
                  <a:moveTo>
                    <a:pt x="347472" y="0"/>
                  </a:moveTo>
                  <a:lnTo>
                    <a:pt x="342900" y="0"/>
                  </a:lnTo>
                  <a:lnTo>
                    <a:pt x="342900" y="4572"/>
                  </a:lnTo>
                  <a:lnTo>
                    <a:pt x="347472" y="4572"/>
                  </a:lnTo>
                  <a:lnTo>
                    <a:pt x="347472" y="0"/>
                  </a:lnTo>
                  <a:close/>
                </a:path>
                <a:path w="812800" h="5079">
                  <a:moveTo>
                    <a:pt x="353568" y="0"/>
                  </a:moveTo>
                  <a:lnTo>
                    <a:pt x="350520" y="0"/>
                  </a:lnTo>
                  <a:lnTo>
                    <a:pt x="350520" y="4572"/>
                  </a:lnTo>
                  <a:lnTo>
                    <a:pt x="353568" y="4572"/>
                  </a:lnTo>
                  <a:lnTo>
                    <a:pt x="353568" y="0"/>
                  </a:lnTo>
                  <a:close/>
                </a:path>
                <a:path w="812800" h="5079">
                  <a:moveTo>
                    <a:pt x="361188" y="0"/>
                  </a:moveTo>
                  <a:lnTo>
                    <a:pt x="356616" y="0"/>
                  </a:lnTo>
                  <a:lnTo>
                    <a:pt x="356616" y="4572"/>
                  </a:lnTo>
                  <a:lnTo>
                    <a:pt x="361188" y="4572"/>
                  </a:lnTo>
                  <a:lnTo>
                    <a:pt x="361188" y="0"/>
                  </a:lnTo>
                  <a:close/>
                </a:path>
                <a:path w="812800" h="5079">
                  <a:moveTo>
                    <a:pt x="367284" y="0"/>
                  </a:moveTo>
                  <a:lnTo>
                    <a:pt x="364236" y="0"/>
                  </a:lnTo>
                  <a:lnTo>
                    <a:pt x="364236" y="4572"/>
                  </a:lnTo>
                  <a:lnTo>
                    <a:pt x="367284" y="4572"/>
                  </a:lnTo>
                  <a:lnTo>
                    <a:pt x="367284" y="0"/>
                  </a:lnTo>
                  <a:close/>
                </a:path>
                <a:path w="812800" h="5079">
                  <a:moveTo>
                    <a:pt x="374904" y="0"/>
                  </a:moveTo>
                  <a:lnTo>
                    <a:pt x="370332" y="0"/>
                  </a:lnTo>
                  <a:lnTo>
                    <a:pt x="370332" y="4572"/>
                  </a:lnTo>
                  <a:lnTo>
                    <a:pt x="374904" y="4572"/>
                  </a:lnTo>
                  <a:lnTo>
                    <a:pt x="374904" y="0"/>
                  </a:lnTo>
                  <a:close/>
                </a:path>
                <a:path w="812800" h="5079">
                  <a:moveTo>
                    <a:pt x="381000" y="0"/>
                  </a:moveTo>
                  <a:lnTo>
                    <a:pt x="377952" y="0"/>
                  </a:lnTo>
                  <a:lnTo>
                    <a:pt x="377952"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1668" y="0"/>
                  </a:lnTo>
                  <a:lnTo>
                    <a:pt x="391668"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5384" y="0"/>
                  </a:lnTo>
                  <a:lnTo>
                    <a:pt x="405384"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9100" y="0"/>
                  </a:lnTo>
                  <a:lnTo>
                    <a:pt x="419100"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2816" y="0"/>
                  </a:lnTo>
                  <a:lnTo>
                    <a:pt x="432816"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6532" y="0"/>
                  </a:lnTo>
                  <a:lnTo>
                    <a:pt x="446532"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60248" y="0"/>
                  </a:lnTo>
                  <a:lnTo>
                    <a:pt x="460248"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3964" y="0"/>
                  </a:lnTo>
                  <a:lnTo>
                    <a:pt x="473964"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655320" y="0"/>
                  </a:moveTo>
                  <a:lnTo>
                    <a:pt x="653796" y="0"/>
                  </a:lnTo>
                  <a:lnTo>
                    <a:pt x="653796" y="4572"/>
                  </a:lnTo>
                  <a:lnTo>
                    <a:pt x="655320" y="4572"/>
                  </a:lnTo>
                  <a:lnTo>
                    <a:pt x="655320" y="0"/>
                  </a:lnTo>
                  <a:close/>
                </a:path>
                <a:path w="812800" h="5079">
                  <a:moveTo>
                    <a:pt x="661416" y="0"/>
                  </a:moveTo>
                  <a:lnTo>
                    <a:pt x="658368" y="0"/>
                  </a:lnTo>
                  <a:lnTo>
                    <a:pt x="658368" y="4572"/>
                  </a:lnTo>
                  <a:lnTo>
                    <a:pt x="661416" y="4572"/>
                  </a:lnTo>
                  <a:lnTo>
                    <a:pt x="661416" y="0"/>
                  </a:lnTo>
                  <a:close/>
                </a:path>
                <a:path w="812800" h="5079">
                  <a:moveTo>
                    <a:pt x="669036" y="0"/>
                  </a:moveTo>
                  <a:lnTo>
                    <a:pt x="665988" y="0"/>
                  </a:lnTo>
                  <a:lnTo>
                    <a:pt x="665988" y="4572"/>
                  </a:lnTo>
                  <a:lnTo>
                    <a:pt x="669036" y="4572"/>
                  </a:lnTo>
                  <a:lnTo>
                    <a:pt x="669036" y="0"/>
                  </a:lnTo>
                  <a:close/>
                </a:path>
                <a:path w="812800" h="5079">
                  <a:moveTo>
                    <a:pt x="675132" y="0"/>
                  </a:moveTo>
                  <a:lnTo>
                    <a:pt x="672084" y="0"/>
                  </a:lnTo>
                  <a:lnTo>
                    <a:pt x="672084" y="4572"/>
                  </a:lnTo>
                  <a:lnTo>
                    <a:pt x="675132" y="4572"/>
                  </a:lnTo>
                  <a:lnTo>
                    <a:pt x="675132" y="0"/>
                  </a:lnTo>
                  <a:close/>
                </a:path>
                <a:path w="812800" h="5079">
                  <a:moveTo>
                    <a:pt x="682752" y="0"/>
                  </a:moveTo>
                  <a:lnTo>
                    <a:pt x="679704" y="0"/>
                  </a:lnTo>
                  <a:lnTo>
                    <a:pt x="679704" y="4572"/>
                  </a:lnTo>
                  <a:lnTo>
                    <a:pt x="682752" y="4572"/>
                  </a:lnTo>
                  <a:lnTo>
                    <a:pt x="682752" y="0"/>
                  </a:lnTo>
                  <a:close/>
                </a:path>
                <a:path w="812800" h="5079">
                  <a:moveTo>
                    <a:pt x="688848" y="0"/>
                  </a:moveTo>
                  <a:lnTo>
                    <a:pt x="685800" y="0"/>
                  </a:lnTo>
                  <a:lnTo>
                    <a:pt x="685800" y="4572"/>
                  </a:lnTo>
                  <a:lnTo>
                    <a:pt x="688848" y="4572"/>
                  </a:lnTo>
                  <a:lnTo>
                    <a:pt x="688848" y="0"/>
                  </a:lnTo>
                  <a:close/>
                </a:path>
                <a:path w="812800" h="5079">
                  <a:moveTo>
                    <a:pt x="696468" y="0"/>
                  </a:moveTo>
                  <a:lnTo>
                    <a:pt x="693420" y="0"/>
                  </a:lnTo>
                  <a:lnTo>
                    <a:pt x="693420" y="4572"/>
                  </a:lnTo>
                  <a:lnTo>
                    <a:pt x="696468" y="4572"/>
                  </a:lnTo>
                  <a:lnTo>
                    <a:pt x="696468" y="0"/>
                  </a:lnTo>
                  <a:close/>
                </a:path>
                <a:path w="812800" h="5079">
                  <a:moveTo>
                    <a:pt x="702564" y="0"/>
                  </a:moveTo>
                  <a:lnTo>
                    <a:pt x="699516" y="0"/>
                  </a:lnTo>
                  <a:lnTo>
                    <a:pt x="699516" y="4572"/>
                  </a:lnTo>
                  <a:lnTo>
                    <a:pt x="702564" y="4572"/>
                  </a:lnTo>
                  <a:lnTo>
                    <a:pt x="702564" y="0"/>
                  </a:lnTo>
                  <a:close/>
                </a:path>
                <a:path w="812800" h="5079">
                  <a:moveTo>
                    <a:pt x="710184" y="0"/>
                  </a:moveTo>
                  <a:lnTo>
                    <a:pt x="707136" y="0"/>
                  </a:lnTo>
                  <a:lnTo>
                    <a:pt x="707136" y="4572"/>
                  </a:lnTo>
                  <a:lnTo>
                    <a:pt x="710184" y="4572"/>
                  </a:lnTo>
                  <a:lnTo>
                    <a:pt x="710184" y="0"/>
                  </a:lnTo>
                  <a:close/>
                </a:path>
                <a:path w="812800" h="5079">
                  <a:moveTo>
                    <a:pt x="716280" y="0"/>
                  </a:moveTo>
                  <a:lnTo>
                    <a:pt x="713232" y="0"/>
                  </a:lnTo>
                  <a:lnTo>
                    <a:pt x="713232" y="4572"/>
                  </a:lnTo>
                  <a:lnTo>
                    <a:pt x="716280" y="4572"/>
                  </a:lnTo>
                  <a:lnTo>
                    <a:pt x="716280" y="0"/>
                  </a:lnTo>
                  <a:close/>
                </a:path>
                <a:path w="812800" h="5079">
                  <a:moveTo>
                    <a:pt x="723900" y="0"/>
                  </a:moveTo>
                  <a:lnTo>
                    <a:pt x="720852" y="0"/>
                  </a:lnTo>
                  <a:lnTo>
                    <a:pt x="720852"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4568" y="0"/>
                  </a:lnTo>
                  <a:lnTo>
                    <a:pt x="734568"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32" y="0"/>
                  </a:moveTo>
                  <a:lnTo>
                    <a:pt x="748284" y="0"/>
                  </a:lnTo>
                  <a:lnTo>
                    <a:pt x="748284" y="4572"/>
                  </a:lnTo>
                  <a:lnTo>
                    <a:pt x="751332" y="4572"/>
                  </a:lnTo>
                  <a:lnTo>
                    <a:pt x="751332" y="0"/>
                  </a:lnTo>
                  <a:close/>
                </a:path>
                <a:path w="812800" h="5079">
                  <a:moveTo>
                    <a:pt x="757428" y="0"/>
                  </a:moveTo>
                  <a:lnTo>
                    <a:pt x="754380" y="0"/>
                  </a:lnTo>
                  <a:lnTo>
                    <a:pt x="754380" y="4572"/>
                  </a:lnTo>
                  <a:lnTo>
                    <a:pt x="757428" y="4572"/>
                  </a:lnTo>
                  <a:lnTo>
                    <a:pt x="757428" y="0"/>
                  </a:lnTo>
                  <a:close/>
                </a:path>
                <a:path w="812800" h="5079">
                  <a:moveTo>
                    <a:pt x="765048" y="0"/>
                  </a:moveTo>
                  <a:lnTo>
                    <a:pt x="762000" y="0"/>
                  </a:lnTo>
                  <a:lnTo>
                    <a:pt x="762000"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5716" y="0"/>
                  </a:lnTo>
                  <a:lnTo>
                    <a:pt x="775716"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80" y="0"/>
                  </a:moveTo>
                  <a:lnTo>
                    <a:pt x="789432" y="0"/>
                  </a:lnTo>
                  <a:lnTo>
                    <a:pt x="789432" y="4572"/>
                  </a:lnTo>
                  <a:lnTo>
                    <a:pt x="792480" y="4572"/>
                  </a:lnTo>
                  <a:lnTo>
                    <a:pt x="792480" y="0"/>
                  </a:lnTo>
                  <a:close/>
                </a:path>
                <a:path w="812800" h="5079">
                  <a:moveTo>
                    <a:pt x="798576" y="0"/>
                  </a:moveTo>
                  <a:lnTo>
                    <a:pt x="795528" y="0"/>
                  </a:lnTo>
                  <a:lnTo>
                    <a:pt x="795528" y="4572"/>
                  </a:lnTo>
                  <a:lnTo>
                    <a:pt x="798576" y="4572"/>
                  </a:lnTo>
                  <a:lnTo>
                    <a:pt x="798576" y="0"/>
                  </a:lnTo>
                  <a:close/>
                </a:path>
                <a:path w="812800" h="5079">
                  <a:moveTo>
                    <a:pt x="806196" y="0"/>
                  </a:moveTo>
                  <a:lnTo>
                    <a:pt x="803148" y="0"/>
                  </a:lnTo>
                  <a:lnTo>
                    <a:pt x="803148" y="4572"/>
                  </a:lnTo>
                  <a:lnTo>
                    <a:pt x="806196" y="4572"/>
                  </a:lnTo>
                  <a:lnTo>
                    <a:pt x="806196"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95" name="object 95"/>
            <p:cNvSpPr/>
            <p:nvPr/>
          </p:nvSpPr>
          <p:spPr>
            <a:xfrm>
              <a:off x="5786628" y="3403091"/>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7620" y="0"/>
                  </a:lnTo>
                  <a:lnTo>
                    <a:pt x="7620"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21336" y="0"/>
                  </a:lnTo>
                  <a:lnTo>
                    <a:pt x="21336"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5052" y="0"/>
                  </a:lnTo>
                  <a:lnTo>
                    <a:pt x="35052"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8768" y="0"/>
                  </a:lnTo>
                  <a:lnTo>
                    <a:pt x="48768"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2484" y="0"/>
                  </a:lnTo>
                  <a:lnTo>
                    <a:pt x="62484"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6200" y="0"/>
                  </a:lnTo>
                  <a:lnTo>
                    <a:pt x="76200"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9916" y="0"/>
                  </a:lnTo>
                  <a:lnTo>
                    <a:pt x="89916"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271272" y="0"/>
                  </a:moveTo>
                  <a:lnTo>
                    <a:pt x="269748" y="0"/>
                  </a:lnTo>
                  <a:lnTo>
                    <a:pt x="269748" y="4572"/>
                  </a:lnTo>
                  <a:lnTo>
                    <a:pt x="271272" y="4572"/>
                  </a:lnTo>
                  <a:lnTo>
                    <a:pt x="271272" y="0"/>
                  </a:lnTo>
                  <a:close/>
                </a:path>
                <a:path w="812800" h="5079">
                  <a:moveTo>
                    <a:pt x="277368" y="0"/>
                  </a:moveTo>
                  <a:lnTo>
                    <a:pt x="274320" y="0"/>
                  </a:lnTo>
                  <a:lnTo>
                    <a:pt x="274320" y="4572"/>
                  </a:lnTo>
                  <a:lnTo>
                    <a:pt x="277368" y="4572"/>
                  </a:lnTo>
                  <a:lnTo>
                    <a:pt x="277368" y="0"/>
                  </a:lnTo>
                  <a:close/>
                </a:path>
                <a:path w="812800" h="5079">
                  <a:moveTo>
                    <a:pt x="284988" y="0"/>
                  </a:moveTo>
                  <a:lnTo>
                    <a:pt x="280416" y="0"/>
                  </a:lnTo>
                  <a:lnTo>
                    <a:pt x="280416" y="4572"/>
                  </a:lnTo>
                  <a:lnTo>
                    <a:pt x="284988" y="4572"/>
                  </a:lnTo>
                  <a:lnTo>
                    <a:pt x="284988" y="0"/>
                  </a:lnTo>
                  <a:close/>
                </a:path>
                <a:path w="812800" h="5079">
                  <a:moveTo>
                    <a:pt x="291084" y="0"/>
                  </a:moveTo>
                  <a:lnTo>
                    <a:pt x="288036" y="0"/>
                  </a:lnTo>
                  <a:lnTo>
                    <a:pt x="288036" y="4572"/>
                  </a:lnTo>
                  <a:lnTo>
                    <a:pt x="291084" y="4572"/>
                  </a:lnTo>
                  <a:lnTo>
                    <a:pt x="291084" y="0"/>
                  </a:lnTo>
                  <a:close/>
                </a:path>
                <a:path w="812800" h="5079">
                  <a:moveTo>
                    <a:pt x="298704" y="0"/>
                  </a:moveTo>
                  <a:lnTo>
                    <a:pt x="294132" y="0"/>
                  </a:lnTo>
                  <a:lnTo>
                    <a:pt x="294132" y="4572"/>
                  </a:lnTo>
                  <a:lnTo>
                    <a:pt x="298704" y="4572"/>
                  </a:lnTo>
                  <a:lnTo>
                    <a:pt x="298704" y="0"/>
                  </a:lnTo>
                  <a:close/>
                </a:path>
                <a:path w="812800" h="5079">
                  <a:moveTo>
                    <a:pt x="304800" y="0"/>
                  </a:moveTo>
                  <a:lnTo>
                    <a:pt x="301752" y="0"/>
                  </a:lnTo>
                  <a:lnTo>
                    <a:pt x="301752" y="4572"/>
                  </a:lnTo>
                  <a:lnTo>
                    <a:pt x="304800" y="4572"/>
                  </a:lnTo>
                  <a:lnTo>
                    <a:pt x="304800" y="0"/>
                  </a:lnTo>
                  <a:close/>
                </a:path>
                <a:path w="812800" h="5079">
                  <a:moveTo>
                    <a:pt x="312420" y="0"/>
                  </a:moveTo>
                  <a:lnTo>
                    <a:pt x="307848" y="0"/>
                  </a:lnTo>
                  <a:lnTo>
                    <a:pt x="307848" y="4572"/>
                  </a:lnTo>
                  <a:lnTo>
                    <a:pt x="312420" y="4572"/>
                  </a:lnTo>
                  <a:lnTo>
                    <a:pt x="312420" y="0"/>
                  </a:lnTo>
                  <a:close/>
                </a:path>
                <a:path w="812800" h="5079">
                  <a:moveTo>
                    <a:pt x="318516" y="0"/>
                  </a:moveTo>
                  <a:lnTo>
                    <a:pt x="315468" y="0"/>
                  </a:lnTo>
                  <a:lnTo>
                    <a:pt x="315468" y="4572"/>
                  </a:lnTo>
                  <a:lnTo>
                    <a:pt x="318516" y="4572"/>
                  </a:lnTo>
                  <a:lnTo>
                    <a:pt x="318516" y="0"/>
                  </a:lnTo>
                  <a:close/>
                </a:path>
                <a:path w="812800" h="5079">
                  <a:moveTo>
                    <a:pt x="326136" y="0"/>
                  </a:moveTo>
                  <a:lnTo>
                    <a:pt x="321564" y="0"/>
                  </a:lnTo>
                  <a:lnTo>
                    <a:pt x="321564" y="4572"/>
                  </a:lnTo>
                  <a:lnTo>
                    <a:pt x="326136" y="4572"/>
                  </a:lnTo>
                  <a:lnTo>
                    <a:pt x="326136" y="0"/>
                  </a:lnTo>
                  <a:close/>
                </a:path>
                <a:path w="812800" h="5079">
                  <a:moveTo>
                    <a:pt x="332232" y="0"/>
                  </a:moveTo>
                  <a:lnTo>
                    <a:pt x="329184" y="0"/>
                  </a:lnTo>
                  <a:lnTo>
                    <a:pt x="329184" y="4572"/>
                  </a:lnTo>
                  <a:lnTo>
                    <a:pt x="332232" y="4572"/>
                  </a:lnTo>
                  <a:lnTo>
                    <a:pt x="332232" y="0"/>
                  </a:lnTo>
                  <a:close/>
                </a:path>
                <a:path w="812800" h="5079">
                  <a:moveTo>
                    <a:pt x="339852" y="0"/>
                  </a:moveTo>
                  <a:lnTo>
                    <a:pt x="335280" y="0"/>
                  </a:lnTo>
                  <a:lnTo>
                    <a:pt x="335280" y="4572"/>
                  </a:lnTo>
                  <a:lnTo>
                    <a:pt x="339852" y="4572"/>
                  </a:lnTo>
                  <a:lnTo>
                    <a:pt x="339852" y="0"/>
                  </a:lnTo>
                  <a:close/>
                </a:path>
                <a:path w="812800" h="5079">
                  <a:moveTo>
                    <a:pt x="345948" y="0"/>
                  </a:moveTo>
                  <a:lnTo>
                    <a:pt x="342900" y="0"/>
                  </a:lnTo>
                  <a:lnTo>
                    <a:pt x="342900" y="4572"/>
                  </a:lnTo>
                  <a:lnTo>
                    <a:pt x="345948" y="4572"/>
                  </a:lnTo>
                  <a:lnTo>
                    <a:pt x="345948" y="0"/>
                  </a:lnTo>
                  <a:close/>
                </a:path>
                <a:path w="812800" h="5079">
                  <a:moveTo>
                    <a:pt x="353568" y="0"/>
                  </a:moveTo>
                  <a:lnTo>
                    <a:pt x="348996" y="0"/>
                  </a:lnTo>
                  <a:lnTo>
                    <a:pt x="348996"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2712" y="0"/>
                  </a:lnTo>
                  <a:lnTo>
                    <a:pt x="362712"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6428" y="0"/>
                  </a:lnTo>
                  <a:lnTo>
                    <a:pt x="376428"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4716" y="0"/>
                  </a:moveTo>
                  <a:lnTo>
                    <a:pt x="390144" y="0"/>
                  </a:lnTo>
                  <a:lnTo>
                    <a:pt x="390144" y="4572"/>
                  </a:lnTo>
                  <a:lnTo>
                    <a:pt x="394716" y="4572"/>
                  </a:lnTo>
                  <a:lnTo>
                    <a:pt x="394716" y="0"/>
                  </a:lnTo>
                  <a:close/>
                </a:path>
                <a:path w="812800" h="5079">
                  <a:moveTo>
                    <a:pt x="400812" y="0"/>
                  </a:moveTo>
                  <a:lnTo>
                    <a:pt x="397764" y="0"/>
                  </a:lnTo>
                  <a:lnTo>
                    <a:pt x="397764" y="4572"/>
                  </a:lnTo>
                  <a:lnTo>
                    <a:pt x="400812" y="4572"/>
                  </a:lnTo>
                  <a:lnTo>
                    <a:pt x="400812" y="0"/>
                  </a:lnTo>
                  <a:close/>
                </a:path>
                <a:path w="812800" h="5079">
                  <a:moveTo>
                    <a:pt x="408432" y="0"/>
                  </a:moveTo>
                  <a:lnTo>
                    <a:pt x="403860" y="0"/>
                  </a:lnTo>
                  <a:lnTo>
                    <a:pt x="403860" y="4572"/>
                  </a:lnTo>
                  <a:lnTo>
                    <a:pt x="408432" y="4572"/>
                  </a:lnTo>
                  <a:lnTo>
                    <a:pt x="408432" y="0"/>
                  </a:lnTo>
                  <a:close/>
                </a:path>
                <a:path w="812800" h="5079">
                  <a:moveTo>
                    <a:pt x="414528" y="0"/>
                  </a:moveTo>
                  <a:lnTo>
                    <a:pt x="411480" y="0"/>
                  </a:lnTo>
                  <a:lnTo>
                    <a:pt x="411480" y="4572"/>
                  </a:lnTo>
                  <a:lnTo>
                    <a:pt x="414528" y="4572"/>
                  </a:lnTo>
                  <a:lnTo>
                    <a:pt x="414528" y="0"/>
                  </a:lnTo>
                  <a:close/>
                </a:path>
                <a:path w="812800" h="5079">
                  <a:moveTo>
                    <a:pt x="422148" y="0"/>
                  </a:moveTo>
                  <a:lnTo>
                    <a:pt x="417576" y="0"/>
                  </a:lnTo>
                  <a:lnTo>
                    <a:pt x="417576" y="4572"/>
                  </a:lnTo>
                  <a:lnTo>
                    <a:pt x="422148" y="4572"/>
                  </a:lnTo>
                  <a:lnTo>
                    <a:pt x="422148" y="0"/>
                  </a:lnTo>
                  <a:close/>
                </a:path>
                <a:path w="812800" h="5079">
                  <a:moveTo>
                    <a:pt x="428244" y="0"/>
                  </a:moveTo>
                  <a:lnTo>
                    <a:pt x="425196" y="0"/>
                  </a:lnTo>
                  <a:lnTo>
                    <a:pt x="425196" y="4572"/>
                  </a:lnTo>
                  <a:lnTo>
                    <a:pt x="428244" y="4572"/>
                  </a:lnTo>
                  <a:lnTo>
                    <a:pt x="428244" y="0"/>
                  </a:lnTo>
                  <a:close/>
                </a:path>
                <a:path w="812800" h="5079">
                  <a:moveTo>
                    <a:pt x="435864" y="0"/>
                  </a:moveTo>
                  <a:lnTo>
                    <a:pt x="431292" y="0"/>
                  </a:lnTo>
                  <a:lnTo>
                    <a:pt x="431292" y="4572"/>
                  </a:lnTo>
                  <a:lnTo>
                    <a:pt x="435864" y="4572"/>
                  </a:lnTo>
                  <a:lnTo>
                    <a:pt x="435864" y="0"/>
                  </a:lnTo>
                  <a:close/>
                </a:path>
                <a:path w="812800" h="5079">
                  <a:moveTo>
                    <a:pt x="441960" y="0"/>
                  </a:moveTo>
                  <a:lnTo>
                    <a:pt x="438912" y="0"/>
                  </a:lnTo>
                  <a:lnTo>
                    <a:pt x="438912" y="4572"/>
                  </a:lnTo>
                  <a:lnTo>
                    <a:pt x="441960" y="4572"/>
                  </a:lnTo>
                  <a:lnTo>
                    <a:pt x="441960" y="0"/>
                  </a:lnTo>
                  <a:close/>
                </a:path>
                <a:path w="812800" h="5079">
                  <a:moveTo>
                    <a:pt x="449580" y="0"/>
                  </a:moveTo>
                  <a:lnTo>
                    <a:pt x="445008" y="0"/>
                  </a:lnTo>
                  <a:lnTo>
                    <a:pt x="445008" y="4572"/>
                  </a:lnTo>
                  <a:lnTo>
                    <a:pt x="449580" y="4572"/>
                  </a:lnTo>
                  <a:lnTo>
                    <a:pt x="449580" y="0"/>
                  </a:lnTo>
                  <a:close/>
                </a:path>
                <a:path w="812800" h="5079">
                  <a:moveTo>
                    <a:pt x="455676" y="0"/>
                  </a:moveTo>
                  <a:lnTo>
                    <a:pt x="452628" y="0"/>
                  </a:lnTo>
                  <a:lnTo>
                    <a:pt x="452628" y="4572"/>
                  </a:lnTo>
                  <a:lnTo>
                    <a:pt x="455676" y="4572"/>
                  </a:lnTo>
                  <a:lnTo>
                    <a:pt x="455676" y="0"/>
                  </a:lnTo>
                  <a:close/>
                </a:path>
                <a:path w="812800" h="5079">
                  <a:moveTo>
                    <a:pt x="463296" y="0"/>
                  </a:moveTo>
                  <a:lnTo>
                    <a:pt x="458724" y="0"/>
                  </a:lnTo>
                  <a:lnTo>
                    <a:pt x="458724" y="4572"/>
                  </a:lnTo>
                  <a:lnTo>
                    <a:pt x="463296" y="4572"/>
                  </a:lnTo>
                  <a:lnTo>
                    <a:pt x="463296" y="0"/>
                  </a:lnTo>
                  <a:close/>
                </a:path>
                <a:path w="812800" h="5079">
                  <a:moveTo>
                    <a:pt x="469392" y="0"/>
                  </a:moveTo>
                  <a:lnTo>
                    <a:pt x="466344" y="0"/>
                  </a:lnTo>
                  <a:lnTo>
                    <a:pt x="466344" y="4572"/>
                  </a:lnTo>
                  <a:lnTo>
                    <a:pt x="469392" y="4572"/>
                  </a:lnTo>
                  <a:lnTo>
                    <a:pt x="469392" y="0"/>
                  </a:lnTo>
                  <a:close/>
                </a:path>
                <a:path w="812800" h="5079">
                  <a:moveTo>
                    <a:pt x="477012" y="0"/>
                  </a:moveTo>
                  <a:lnTo>
                    <a:pt x="472440" y="0"/>
                  </a:lnTo>
                  <a:lnTo>
                    <a:pt x="472440" y="4572"/>
                  </a:lnTo>
                  <a:lnTo>
                    <a:pt x="477012" y="4572"/>
                  </a:lnTo>
                  <a:lnTo>
                    <a:pt x="477012" y="0"/>
                  </a:lnTo>
                  <a:close/>
                </a:path>
                <a:path w="812800" h="5079">
                  <a:moveTo>
                    <a:pt x="483108" y="0"/>
                  </a:moveTo>
                  <a:lnTo>
                    <a:pt x="480060" y="0"/>
                  </a:lnTo>
                  <a:lnTo>
                    <a:pt x="480060" y="4572"/>
                  </a:lnTo>
                  <a:lnTo>
                    <a:pt x="483108" y="4572"/>
                  </a:lnTo>
                  <a:lnTo>
                    <a:pt x="483108" y="0"/>
                  </a:lnTo>
                  <a:close/>
                </a:path>
                <a:path w="812800" h="5079">
                  <a:moveTo>
                    <a:pt x="490728" y="0"/>
                  </a:moveTo>
                  <a:lnTo>
                    <a:pt x="486156" y="0"/>
                  </a:lnTo>
                  <a:lnTo>
                    <a:pt x="486156" y="4572"/>
                  </a:lnTo>
                  <a:lnTo>
                    <a:pt x="490728" y="4572"/>
                  </a:lnTo>
                  <a:lnTo>
                    <a:pt x="490728" y="0"/>
                  </a:lnTo>
                  <a:close/>
                </a:path>
                <a:path w="812800" h="5079">
                  <a:moveTo>
                    <a:pt x="496824" y="0"/>
                  </a:moveTo>
                  <a:lnTo>
                    <a:pt x="493776" y="0"/>
                  </a:lnTo>
                  <a:lnTo>
                    <a:pt x="493776" y="4572"/>
                  </a:lnTo>
                  <a:lnTo>
                    <a:pt x="496824" y="4572"/>
                  </a:lnTo>
                  <a:lnTo>
                    <a:pt x="496824" y="0"/>
                  </a:lnTo>
                  <a:close/>
                </a:path>
                <a:path w="812800" h="5079">
                  <a:moveTo>
                    <a:pt x="504444" y="0"/>
                  </a:moveTo>
                  <a:lnTo>
                    <a:pt x="499872" y="0"/>
                  </a:lnTo>
                  <a:lnTo>
                    <a:pt x="499872" y="4572"/>
                  </a:lnTo>
                  <a:lnTo>
                    <a:pt x="504444" y="4572"/>
                  </a:lnTo>
                  <a:lnTo>
                    <a:pt x="504444" y="0"/>
                  </a:lnTo>
                  <a:close/>
                </a:path>
                <a:path w="812800" h="5079">
                  <a:moveTo>
                    <a:pt x="510540" y="0"/>
                  </a:moveTo>
                  <a:lnTo>
                    <a:pt x="507492" y="0"/>
                  </a:lnTo>
                  <a:lnTo>
                    <a:pt x="507492" y="4572"/>
                  </a:lnTo>
                  <a:lnTo>
                    <a:pt x="510540" y="4572"/>
                  </a:lnTo>
                  <a:lnTo>
                    <a:pt x="510540" y="0"/>
                  </a:lnTo>
                  <a:close/>
                </a:path>
                <a:path w="812800" h="5079">
                  <a:moveTo>
                    <a:pt x="518160" y="0"/>
                  </a:moveTo>
                  <a:lnTo>
                    <a:pt x="513588" y="0"/>
                  </a:lnTo>
                  <a:lnTo>
                    <a:pt x="513588" y="4572"/>
                  </a:lnTo>
                  <a:lnTo>
                    <a:pt x="518160" y="4572"/>
                  </a:lnTo>
                  <a:lnTo>
                    <a:pt x="518160" y="0"/>
                  </a:lnTo>
                  <a:close/>
                </a:path>
                <a:path w="812800" h="5079">
                  <a:moveTo>
                    <a:pt x="524256" y="0"/>
                  </a:moveTo>
                  <a:lnTo>
                    <a:pt x="521208" y="0"/>
                  </a:lnTo>
                  <a:lnTo>
                    <a:pt x="521208" y="4572"/>
                  </a:lnTo>
                  <a:lnTo>
                    <a:pt x="524256" y="4572"/>
                  </a:lnTo>
                  <a:lnTo>
                    <a:pt x="524256" y="0"/>
                  </a:lnTo>
                  <a:close/>
                </a:path>
                <a:path w="812800" h="5079">
                  <a:moveTo>
                    <a:pt x="696468" y="0"/>
                  </a:moveTo>
                  <a:lnTo>
                    <a:pt x="694944" y="0"/>
                  </a:lnTo>
                  <a:lnTo>
                    <a:pt x="694944" y="4572"/>
                  </a:lnTo>
                  <a:lnTo>
                    <a:pt x="696468" y="4572"/>
                  </a:lnTo>
                  <a:lnTo>
                    <a:pt x="696468" y="0"/>
                  </a:lnTo>
                  <a:close/>
                </a:path>
                <a:path w="812800" h="5079">
                  <a:moveTo>
                    <a:pt x="702564" y="0"/>
                  </a:moveTo>
                  <a:lnTo>
                    <a:pt x="699516" y="0"/>
                  </a:lnTo>
                  <a:lnTo>
                    <a:pt x="699516" y="4572"/>
                  </a:lnTo>
                  <a:lnTo>
                    <a:pt x="702564" y="4572"/>
                  </a:lnTo>
                  <a:lnTo>
                    <a:pt x="702564" y="0"/>
                  </a:lnTo>
                  <a:close/>
                </a:path>
                <a:path w="812800" h="5079">
                  <a:moveTo>
                    <a:pt x="710184" y="0"/>
                  </a:moveTo>
                  <a:lnTo>
                    <a:pt x="705612" y="0"/>
                  </a:lnTo>
                  <a:lnTo>
                    <a:pt x="705612" y="4572"/>
                  </a:lnTo>
                  <a:lnTo>
                    <a:pt x="710184" y="4572"/>
                  </a:lnTo>
                  <a:lnTo>
                    <a:pt x="710184" y="0"/>
                  </a:lnTo>
                  <a:close/>
                </a:path>
                <a:path w="812800" h="5079">
                  <a:moveTo>
                    <a:pt x="716267" y="0"/>
                  </a:moveTo>
                  <a:lnTo>
                    <a:pt x="713232" y="0"/>
                  </a:lnTo>
                  <a:lnTo>
                    <a:pt x="713232" y="4572"/>
                  </a:lnTo>
                  <a:lnTo>
                    <a:pt x="716267" y="4572"/>
                  </a:lnTo>
                  <a:lnTo>
                    <a:pt x="716267" y="0"/>
                  </a:lnTo>
                  <a:close/>
                </a:path>
                <a:path w="812800" h="5079">
                  <a:moveTo>
                    <a:pt x="723900" y="0"/>
                  </a:moveTo>
                  <a:lnTo>
                    <a:pt x="719328" y="0"/>
                  </a:lnTo>
                  <a:lnTo>
                    <a:pt x="719328" y="4572"/>
                  </a:lnTo>
                  <a:lnTo>
                    <a:pt x="723900" y="4572"/>
                  </a:lnTo>
                  <a:lnTo>
                    <a:pt x="723900" y="0"/>
                  </a:lnTo>
                  <a:close/>
                </a:path>
                <a:path w="812800" h="5079">
                  <a:moveTo>
                    <a:pt x="729996" y="0"/>
                  </a:moveTo>
                  <a:lnTo>
                    <a:pt x="726948" y="0"/>
                  </a:lnTo>
                  <a:lnTo>
                    <a:pt x="726948" y="4572"/>
                  </a:lnTo>
                  <a:lnTo>
                    <a:pt x="729996" y="4572"/>
                  </a:lnTo>
                  <a:lnTo>
                    <a:pt x="729996" y="0"/>
                  </a:lnTo>
                  <a:close/>
                </a:path>
                <a:path w="812800" h="5079">
                  <a:moveTo>
                    <a:pt x="737616" y="0"/>
                  </a:moveTo>
                  <a:lnTo>
                    <a:pt x="733044" y="0"/>
                  </a:lnTo>
                  <a:lnTo>
                    <a:pt x="733044" y="4572"/>
                  </a:lnTo>
                  <a:lnTo>
                    <a:pt x="737616" y="4572"/>
                  </a:lnTo>
                  <a:lnTo>
                    <a:pt x="737616" y="0"/>
                  </a:lnTo>
                  <a:close/>
                </a:path>
                <a:path w="812800" h="5079">
                  <a:moveTo>
                    <a:pt x="743712" y="0"/>
                  </a:moveTo>
                  <a:lnTo>
                    <a:pt x="740664" y="0"/>
                  </a:lnTo>
                  <a:lnTo>
                    <a:pt x="740664" y="4572"/>
                  </a:lnTo>
                  <a:lnTo>
                    <a:pt x="743712" y="4572"/>
                  </a:lnTo>
                  <a:lnTo>
                    <a:pt x="743712" y="0"/>
                  </a:lnTo>
                  <a:close/>
                </a:path>
                <a:path w="812800" h="5079">
                  <a:moveTo>
                    <a:pt x="751319" y="0"/>
                  </a:moveTo>
                  <a:lnTo>
                    <a:pt x="746760" y="0"/>
                  </a:lnTo>
                  <a:lnTo>
                    <a:pt x="746760" y="4572"/>
                  </a:lnTo>
                  <a:lnTo>
                    <a:pt x="751319" y="4572"/>
                  </a:lnTo>
                  <a:lnTo>
                    <a:pt x="751319" y="0"/>
                  </a:lnTo>
                  <a:close/>
                </a:path>
                <a:path w="812800" h="5079">
                  <a:moveTo>
                    <a:pt x="757428" y="0"/>
                  </a:moveTo>
                  <a:lnTo>
                    <a:pt x="754367" y="0"/>
                  </a:lnTo>
                  <a:lnTo>
                    <a:pt x="754367" y="4572"/>
                  </a:lnTo>
                  <a:lnTo>
                    <a:pt x="757428" y="4572"/>
                  </a:lnTo>
                  <a:lnTo>
                    <a:pt x="757428" y="0"/>
                  </a:lnTo>
                  <a:close/>
                </a:path>
                <a:path w="812800" h="5079">
                  <a:moveTo>
                    <a:pt x="765048" y="0"/>
                  </a:moveTo>
                  <a:lnTo>
                    <a:pt x="760476" y="0"/>
                  </a:lnTo>
                  <a:lnTo>
                    <a:pt x="760476" y="4572"/>
                  </a:lnTo>
                  <a:lnTo>
                    <a:pt x="765048" y="4572"/>
                  </a:lnTo>
                  <a:lnTo>
                    <a:pt x="765048" y="0"/>
                  </a:lnTo>
                  <a:close/>
                </a:path>
                <a:path w="812800" h="5079">
                  <a:moveTo>
                    <a:pt x="771144" y="0"/>
                  </a:moveTo>
                  <a:lnTo>
                    <a:pt x="768096" y="0"/>
                  </a:lnTo>
                  <a:lnTo>
                    <a:pt x="768096" y="4572"/>
                  </a:lnTo>
                  <a:lnTo>
                    <a:pt x="771144" y="4572"/>
                  </a:lnTo>
                  <a:lnTo>
                    <a:pt x="771144" y="0"/>
                  </a:lnTo>
                  <a:close/>
                </a:path>
                <a:path w="812800" h="5079">
                  <a:moveTo>
                    <a:pt x="778764" y="0"/>
                  </a:moveTo>
                  <a:lnTo>
                    <a:pt x="774192" y="0"/>
                  </a:lnTo>
                  <a:lnTo>
                    <a:pt x="774192" y="4572"/>
                  </a:lnTo>
                  <a:lnTo>
                    <a:pt x="778764" y="4572"/>
                  </a:lnTo>
                  <a:lnTo>
                    <a:pt x="778764" y="0"/>
                  </a:lnTo>
                  <a:close/>
                </a:path>
                <a:path w="812800" h="5079">
                  <a:moveTo>
                    <a:pt x="784860" y="0"/>
                  </a:moveTo>
                  <a:lnTo>
                    <a:pt x="781812" y="0"/>
                  </a:lnTo>
                  <a:lnTo>
                    <a:pt x="781812" y="4572"/>
                  </a:lnTo>
                  <a:lnTo>
                    <a:pt x="784860" y="4572"/>
                  </a:lnTo>
                  <a:lnTo>
                    <a:pt x="784860" y="0"/>
                  </a:lnTo>
                  <a:close/>
                </a:path>
                <a:path w="812800" h="5079">
                  <a:moveTo>
                    <a:pt x="792467" y="0"/>
                  </a:moveTo>
                  <a:lnTo>
                    <a:pt x="787895" y="0"/>
                  </a:lnTo>
                  <a:lnTo>
                    <a:pt x="787895" y="4572"/>
                  </a:lnTo>
                  <a:lnTo>
                    <a:pt x="792467" y="4572"/>
                  </a:lnTo>
                  <a:lnTo>
                    <a:pt x="792467" y="0"/>
                  </a:lnTo>
                  <a:close/>
                </a:path>
                <a:path w="812800" h="5079">
                  <a:moveTo>
                    <a:pt x="798576" y="0"/>
                  </a:moveTo>
                  <a:lnTo>
                    <a:pt x="795528" y="0"/>
                  </a:lnTo>
                  <a:lnTo>
                    <a:pt x="795528"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96" name="object 96"/>
            <p:cNvSpPr/>
            <p:nvPr/>
          </p:nvSpPr>
          <p:spPr>
            <a:xfrm>
              <a:off x="6595872" y="3403091"/>
              <a:ext cx="818515" cy="5080"/>
            </a:xfrm>
            <a:custGeom>
              <a:avLst/>
              <a:gdLst/>
              <a:ahLst/>
              <a:cxnLst/>
              <a:rect l="l" t="t" r="r" b="b"/>
              <a:pathLst>
                <a:path w="818515" h="5079">
                  <a:moveTo>
                    <a:pt x="3048" y="0"/>
                  </a:moveTo>
                  <a:lnTo>
                    <a:pt x="0" y="0"/>
                  </a:lnTo>
                  <a:lnTo>
                    <a:pt x="0" y="4572"/>
                  </a:lnTo>
                  <a:lnTo>
                    <a:pt x="3048" y="4572"/>
                  </a:lnTo>
                  <a:lnTo>
                    <a:pt x="3048" y="0"/>
                  </a:lnTo>
                  <a:close/>
                </a:path>
                <a:path w="818515" h="5079">
                  <a:moveTo>
                    <a:pt x="9144" y="0"/>
                  </a:moveTo>
                  <a:lnTo>
                    <a:pt x="6096" y="0"/>
                  </a:lnTo>
                  <a:lnTo>
                    <a:pt x="6096" y="4572"/>
                  </a:lnTo>
                  <a:lnTo>
                    <a:pt x="9144" y="4572"/>
                  </a:lnTo>
                  <a:lnTo>
                    <a:pt x="9144" y="0"/>
                  </a:lnTo>
                  <a:close/>
                </a:path>
                <a:path w="818515" h="5079">
                  <a:moveTo>
                    <a:pt x="16751" y="0"/>
                  </a:moveTo>
                  <a:lnTo>
                    <a:pt x="13716" y="0"/>
                  </a:lnTo>
                  <a:lnTo>
                    <a:pt x="13716" y="4572"/>
                  </a:lnTo>
                  <a:lnTo>
                    <a:pt x="16751" y="4572"/>
                  </a:lnTo>
                  <a:lnTo>
                    <a:pt x="16751" y="0"/>
                  </a:lnTo>
                  <a:close/>
                </a:path>
                <a:path w="818515" h="5079">
                  <a:moveTo>
                    <a:pt x="22847" y="0"/>
                  </a:moveTo>
                  <a:lnTo>
                    <a:pt x="19799" y="0"/>
                  </a:lnTo>
                  <a:lnTo>
                    <a:pt x="19799" y="4572"/>
                  </a:lnTo>
                  <a:lnTo>
                    <a:pt x="22847" y="4572"/>
                  </a:lnTo>
                  <a:lnTo>
                    <a:pt x="22847" y="0"/>
                  </a:lnTo>
                  <a:close/>
                </a:path>
                <a:path w="818515" h="5079">
                  <a:moveTo>
                    <a:pt x="30480" y="0"/>
                  </a:moveTo>
                  <a:lnTo>
                    <a:pt x="27432" y="0"/>
                  </a:lnTo>
                  <a:lnTo>
                    <a:pt x="27432" y="4572"/>
                  </a:lnTo>
                  <a:lnTo>
                    <a:pt x="30480" y="4572"/>
                  </a:lnTo>
                  <a:lnTo>
                    <a:pt x="30480" y="0"/>
                  </a:lnTo>
                  <a:close/>
                </a:path>
                <a:path w="818515" h="5079">
                  <a:moveTo>
                    <a:pt x="36576" y="0"/>
                  </a:moveTo>
                  <a:lnTo>
                    <a:pt x="33528" y="0"/>
                  </a:lnTo>
                  <a:lnTo>
                    <a:pt x="33528" y="4572"/>
                  </a:lnTo>
                  <a:lnTo>
                    <a:pt x="36576" y="4572"/>
                  </a:lnTo>
                  <a:lnTo>
                    <a:pt x="36576" y="0"/>
                  </a:lnTo>
                  <a:close/>
                </a:path>
                <a:path w="818515" h="5079">
                  <a:moveTo>
                    <a:pt x="44196" y="0"/>
                  </a:moveTo>
                  <a:lnTo>
                    <a:pt x="41148" y="0"/>
                  </a:lnTo>
                  <a:lnTo>
                    <a:pt x="41148" y="4572"/>
                  </a:lnTo>
                  <a:lnTo>
                    <a:pt x="44196" y="4572"/>
                  </a:lnTo>
                  <a:lnTo>
                    <a:pt x="44196" y="0"/>
                  </a:lnTo>
                  <a:close/>
                </a:path>
                <a:path w="818515" h="5079">
                  <a:moveTo>
                    <a:pt x="50292" y="0"/>
                  </a:moveTo>
                  <a:lnTo>
                    <a:pt x="47244" y="0"/>
                  </a:lnTo>
                  <a:lnTo>
                    <a:pt x="47244" y="4572"/>
                  </a:lnTo>
                  <a:lnTo>
                    <a:pt x="50292" y="4572"/>
                  </a:lnTo>
                  <a:lnTo>
                    <a:pt x="50292" y="0"/>
                  </a:lnTo>
                  <a:close/>
                </a:path>
                <a:path w="818515" h="5079">
                  <a:moveTo>
                    <a:pt x="57899" y="0"/>
                  </a:moveTo>
                  <a:lnTo>
                    <a:pt x="54851" y="0"/>
                  </a:lnTo>
                  <a:lnTo>
                    <a:pt x="54851" y="4572"/>
                  </a:lnTo>
                  <a:lnTo>
                    <a:pt x="57899" y="4572"/>
                  </a:lnTo>
                  <a:lnTo>
                    <a:pt x="57899" y="0"/>
                  </a:lnTo>
                  <a:close/>
                </a:path>
                <a:path w="818515" h="5079">
                  <a:moveTo>
                    <a:pt x="64008" y="0"/>
                  </a:moveTo>
                  <a:lnTo>
                    <a:pt x="60947" y="0"/>
                  </a:lnTo>
                  <a:lnTo>
                    <a:pt x="60947" y="4572"/>
                  </a:lnTo>
                  <a:lnTo>
                    <a:pt x="64008" y="4572"/>
                  </a:lnTo>
                  <a:lnTo>
                    <a:pt x="64008" y="0"/>
                  </a:lnTo>
                  <a:close/>
                </a:path>
                <a:path w="818515" h="5079">
                  <a:moveTo>
                    <a:pt x="71628" y="0"/>
                  </a:moveTo>
                  <a:lnTo>
                    <a:pt x="68580" y="0"/>
                  </a:lnTo>
                  <a:lnTo>
                    <a:pt x="68580" y="4572"/>
                  </a:lnTo>
                  <a:lnTo>
                    <a:pt x="71628" y="4572"/>
                  </a:lnTo>
                  <a:lnTo>
                    <a:pt x="71628" y="0"/>
                  </a:lnTo>
                  <a:close/>
                </a:path>
                <a:path w="818515" h="5079">
                  <a:moveTo>
                    <a:pt x="77724" y="0"/>
                  </a:moveTo>
                  <a:lnTo>
                    <a:pt x="74676" y="0"/>
                  </a:lnTo>
                  <a:lnTo>
                    <a:pt x="74676" y="4572"/>
                  </a:lnTo>
                  <a:lnTo>
                    <a:pt x="77724" y="4572"/>
                  </a:lnTo>
                  <a:lnTo>
                    <a:pt x="77724" y="0"/>
                  </a:lnTo>
                  <a:close/>
                </a:path>
                <a:path w="818515" h="5079">
                  <a:moveTo>
                    <a:pt x="85344" y="0"/>
                  </a:moveTo>
                  <a:lnTo>
                    <a:pt x="82296" y="0"/>
                  </a:lnTo>
                  <a:lnTo>
                    <a:pt x="82296" y="4572"/>
                  </a:lnTo>
                  <a:lnTo>
                    <a:pt x="85344" y="4572"/>
                  </a:lnTo>
                  <a:lnTo>
                    <a:pt x="85344" y="0"/>
                  </a:lnTo>
                  <a:close/>
                </a:path>
                <a:path w="818515" h="5079">
                  <a:moveTo>
                    <a:pt x="91440" y="0"/>
                  </a:moveTo>
                  <a:lnTo>
                    <a:pt x="88392" y="0"/>
                  </a:lnTo>
                  <a:lnTo>
                    <a:pt x="88392" y="4572"/>
                  </a:lnTo>
                  <a:lnTo>
                    <a:pt x="91440" y="4572"/>
                  </a:lnTo>
                  <a:lnTo>
                    <a:pt x="91440" y="0"/>
                  </a:lnTo>
                  <a:close/>
                </a:path>
                <a:path w="818515" h="5079">
                  <a:moveTo>
                    <a:pt x="99060" y="0"/>
                  </a:moveTo>
                  <a:lnTo>
                    <a:pt x="96012" y="0"/>
                  </a:lnTo>
                  <a:lnTo>
                    <a:pt x="96012" y="4572"/>
                  </a:lnTo>
                  <a:lnTo>
                    <a:pt x="99060" y="4572"/>
                  </a:lnTo>
                  <a:lnTo>
                    <a:pt x="99060" y="0"/>
                  </a:lnTo>
                  <a:close/>
                </a:path>
                <a:path w="818515" h="5079">
                  <a:moveTo>
                    <a:pt x="105156" y="0"/>
                  </a:moveTo>
                  <a:lnTo>
                    <a:pt x="102108" y="0"/>
                  </a:lnTo>
                  <a:lnTo>
                    <a:pt x="102108" y="4572"/>
                  </a:lnTo>
                  <a:lnTo>
                    <a:pt x="105156" y="4572"/>
                  </a:lnTo>
                  <a:lnTo>
                    <a:pt x="105156" y="0"/>
                  </a:lnTo>
                  <a:close/>
                </a:path>
                <a:path w="818515" h="5079">
                  <a:moveTo>
                    <a:pt x="112776" y="0"/>
                  </a:moveTo>
                  <a:lnTo>
                    <a:pt x="109728" y="0"/>
                  </a:lnTo>
                  <a:lnTo>
                    <a:pt x="109728" y="4572"/>
                  </a:lnTo>
                  <a:lnTo>
                    <a:pt x="112776" y="4572"/>
                  </a:lnTo>
                  <a:lnTo>
                    <a:pt x="112776" y="0"/>
                  </a:lnTo>
                  <a:close/>
                </a:path>
                <a:path w="818515" h="5079">
                  <a:moveTo>
                    <a:pt x="118872" y="0"/>
                  </a:moveTo>
                  <a:lnTo>
                    <a:pt x="115824" y="0"/>
                  </a:lnTo>
                  <a:lnTo>
                    <a:pt x="115824" y="4572"/>
                  </a:lnTo>
                  <a:lnTo>
                    <a:pt x="118872" y="4572"/>
                  </a:lnTo>
                  <a:lnTo>
                    <a:pt x="118872" y="0"/>
                  </a:lnTo>
                  <a:close/>
                </a:path>
                <a:path w="818515" h="5079">
                  <a:moveTo>
                    <a:pt x="126492" y="0"/>
                  </a:moveTo>
                  <a:lnTo>
                    <a:pt x="123444" y="0"/>
                  </a:lnTo>
                  <a:lnTo>
                    <a:pt x="123444" y="4572"/>
                  </a:lnTo>
                  <a:lnTo>
                    <a:pt x="126492" y="4572"/>
                  </a:lnTo>
                  <a:lnTo>
                    <a:pt x="126492" y="0"/>
                  </a:lnTo>
                  <a:close/>
                </a:path>
                <a:path w="818515" h="5079">
                  <a:moveTo>
                    <a:pt x="132588" y="0"/>
                  </a:moveTo>
                  <a:lnTo>
                    <a:pt x="129540" y="0"/>
                  </a:lnTo>
                  <a:lnTo>
                    <a:pt x="129540" y="4572"/>
                  </a:lnTo>
                  <a:lnTo>
                    <a:pt x="132588" y="4572"/>
                  </a:lnTo>
                  <a:lnTo>
                    <a:pt x="132588" y="0"/>
                  </a:lnTo>
                  <a:close/>
                </a:path>
                <a:path w="818515" h="5079">
                  <a:moveTo>
                    <a:pt x="140208" y="0"/>
                  </a:moveTo>
                  <a:lnTo>
                    <a:pt x="137160" y="0"/>
                  </a:lnTo>
                  <a:lnTo>
                    <a:pt x="137160" y="4572"/>
                  </a:lnTo>
                  <a:lnTo>
                    <a:pt x="140208" y="4572"/>
                  </a:lnTo>
                  <a:lnTo>
                    <a:pt x="140208" y="0"/>
                  </a:lnTo>
                  <a:close/>
                </a:path>
                <a:path w="818515" h="5079">
                  <a:moveTo>
                    <a:pt x="318516" y="0"/>
                  </a:moveTo>
                  <a:lnTo>
                    <a:pt x="315468" y="0"/>
                  </a:lnTo>
                  <a:lnTo>
                    <a:pt x="315468" y="4572"/>
                  </a:lnTo>
                  <a:lnTo>
                    <a:pt x="318516" y="4572"/>
                  </a:lnTo>
                  <a:lnTo>
                    <a:pt x="318516" y="0"/>
                  </a:lnTo>
                  <a:close/>
                </a:path>
                <a:path w="818515" h="5079">
                  <a:moveTo>
                    <a:pt x="324612" y="0"/>
                  </a:moveTo>
                  <a:lnTo>
                    <a:pt x="321564" y="0"/>
                  </a:lnTo>
                  <a:lnTo>
                    <a:pt x="321564" y="4572"/>
                  </a:lnTo>
                  <a:lnTo>
                    <a:pt x="324612" y="4572"/>
                  </a:lnTo>
                  <a:lnTo>
                    <a:pt x="324612" y="0"/>
                  </a:lnTo>
                  <a:close/>
                </a:path>
                <a:path w="818515" h="5079">
                  <a:moveTo>
                    <a:pt x="332232" y="0"/>
                  </a:moveTo>
                  <a:lnTo>
                    <a:pt x="329184" y="0"/>
                  </a:lnTo>
                  <a:lnTo>
                    <a:pt x="329184" y="4572"/>
                  </a:lnTo>
                  <a:lnTo>
                    <a:pt x="332232" y="4572"/>
                  </a:lnTo>
                  <a:lnTo>
                    <a:pt x="332232" y="0"/>
                  </a:lnTo>
                  <a:close/>
                </a:path>
                <a:path w="818515" h="5079">
                  <a:moveTo>
                    <a:pt x="338328" y="0"/>
                  </a:moveTo>
                  <a:lnTo>
                    <a:pt x="335280" y="0"/>
                  </a:lnTo>
                  <a:lnTo>
                    <a:pt x="335280" y="4572"/>
                  </a:lnTo>
                  <a:lnTo>
                    <a:pt x="338328" y="4572"/>
                  </a:lnTo>
                  <a:lnTo>
                    <a:pt x="338328" y="0"/>
                  </a:lnTo>
                  <a:close/>
                </a:path>
                <a:path w="818515" h="5079">
                  <a:moveTo>
                    <a:pt x="345948" y="0"/>
                  </a:moveTo>
                  <a:lnTo>
                    <a:pt x="342900" y="0"/>
                  </a:lnTo>
                  <a:lnTo>
                    <a:pt x="342900" y="4572"/>
                  </a:lnTo>
                  <a:lnTo>
                    <a:pt x="345948" y="4572"/>
                  </a:lnTo>
                  <a:lnTo>
                    <a:pt x="345948" y="0"/>
                  </a:lnTo>
                  <a:close/>
                </a:path>
                <a:path w="818515" h="5079">
                  <a:moveTo>
                    <a:pt x="352044" y="0"/>
                  </a:moveTo>
                  <a:lnTo>
                    <a:pt x="348996" y="0"/>
                  </a:lnTo>
                  <a:lnTo>
                    <a:pt x="348996" y="4572"/>
                  </a:lnTo>
                  <a:lnTo>
                    <a:pt x="352044" y="4572"/>
                  </a:lnTo>
                  <a:lnTo>
                    <a:pt x="352044" y="0"/>
                  </a:lnTo>
                  <a:close/>
                </a:path>
                <a:path w="818515" h="5079">
                  <a:moveTo>
                    <a:pt x="359664" y="0"/>
                  </a:moveTo>
                  <a:lnTo>
                    <a:pt x="356616" y="0"/>
                  </a:lnTo>
                  <a:lnTo>
                    <a:pt x="356616" y="4572"/>
                  </a:lnTo>
                  <a:lnTo>
                    <a:pt x="359664" y="4572"/>
                  </a:lnTo>
                  <a:lnTo>
                    <a:pt x="359664" y="0"/>
                  </a:lnTo>
                  <a:close/>
                </a:path>
                <a:path w="818515" h="5079">
                  <a:moveTo>
                    <a:pt x="365760" y="0"/>
                  </a:moveTo>
                  <a:lnTo>
                    <a:pt x="362712" y="0"/>
                  </a:lnTo>
                  <a:lnTo>
                    <a:pt x="362712" y="4572"/>
                  </a:lnTo>
                  <a:lnTo>
                    <a:pt x="365760" y="4572"/>
                  </a:lnTo>
                  <a:lnTo>
                    <a:pt x="365760" y="0"/>
                  </a:lnTo>
                  <a:close/>
                </a:path>
                <a:path w="818515" h="5079">
                  <a:moveTo>
                    <a:pt x="373380" y="0"/>
                  </a:moveTo>
                  <a:lnTo>
                    <a:pt x="370332" y="0"/>
                  </a:lnTo>
                  <a:lnTo>
                    <a:pt x="370332" y="4572"/>
                  </a:lnTo>
                  <a:lnTo>
                    <a:pt x="373380" y="4572"/>
                  </a:lnTo>
                  <a:lnTo>
                    <a:pt x="373380" y="0"/>
                  </a:lnTo>
                  <a:close/>
                </a:path>
                <a:path w="818515" h="5079">
                  <a:moveTo>
                    <a:pt x="379476" y="0"/>
                  </a:moveTo>
                  <a:lnTo>
                    <a:pt x="376428" y="0"/>
                  </a:lnTo>
                  <a:lnTo>
                    <a:pt x="376428" y="4572"/>
                  </a:lnTo>
                  <a:lnTo>
                    <a:pt x="379476" y="4572"/>
                  </a:lnTo>
                  <a:lnTo>
                    <a:pt x="379476" y="0"/>
                  </a:lnTo>
                  <a:close/>
                </a:path>
                <a:path w="818515" h="5079">
                  <a:moveTo>
                    <a:pt x="387096" y="0"/>
                  </a:moveTo>
                  <a:lnTo>
                    <a:pt x="384048" y="0"/>
                  </a:lnTo>
                  <a:lnTo>
                    <a:pt x="384048" y="4572"/>
                  </a:lnTo>
                  <a:lnTo>
                    <a:pt x="387096" y="4572"/>
                  </a:lnTo>
                  <a:lnTo>
                    <a:pt x="387096" y="0"/>
                  </a:lnTo>
                  <a:close/>
                </a:path>
                <a:path w="818515" h="5079">
                  <a:moveTo>
                    <a:pt x="393192" y="0"/>
                  </a:moveTo>
                  <a:lnTo>
                    <a:pt x="390144" y="0"/>
                  </a:lnTo>
                  <a:lnTo>
                    <a:pt x="390144" y="4572"/>
                  </a:lnTo>
                  <a:lnTo>
                    <a:pt x="393192" y="4572"/>
                  </a:lnTo>
                  <a:lnTo>
                    <a:pt x="393192" y="0"/>
                  </a:lnTo>
                  <a:close/>
                </a:path>
                <a:path w="818515" h="5079">
                  <a:moveTo>
                    <a:pt x="400812" y="0"/>
                  </a:moveTo>
                  <a:lnTo>
                    <a:pt x="397764" y="0"/>
                  </a:lnTo>
                  <a:lnTo>
                    <a:pt x="397764" y="4572"/>
                  </a:lnTo>
                  <a:lnTo>
                    <a:pt x="400812" y="4572"/>
                  </a:lnTo>
                  <a:lnTo>
                    <a:pt x="400812" y="0"/>
                  </a:lnTo>
                  <a:close/>
                </a:path>
                <a:path w="818515" h="5079">
                  <a:moveTo>
                    <a:pt x="406908" y="0"/>
                  </a:moveTo>
                  <a:lnTo>
                    <a:pt x="403860" y="0"/>
                  </a:lnTo>
                  <a:lnTo>
                    <a:pt x="403860" y="4572"/>
                  </a:lnTo>
                  <a:lnTo>
                    <a:pt x="406908" y="4572"/>
                  </a:lnTo>
                  <a:lnTo>
                    <a:pt x="406908" y="0"/>
                  </a:lnTo>
                  <a:close/>
                </a:path>
                <a:path w="818515" h="5079">
                  <a:moveTo>
                    <a:pt x="414528" y="0"/>
                  </a:moveTo>
                  <a:lnTo>
                    <a:pt x="411480" y="0"/>
                  </a:lnTo>
                  <a:lnTo>
                    <a:pt x="411480" y="4572"/>
                  </a:lnTo>
                  <a:lnTo>
                    <a:pt x="414528" y="4572"/>
                  </a:lnTo>
                  <a:lnTo>
                    <a:pt x="414528" y="0"/>
                  </a:lnTo>
                  <a:close/>
                </a:path>
                <a:path w="818515" h="5079">
                  <a:moveTo>
                    <a:pt x="420624" y="0"/>
                  </a:moveTo>
                  <a:lnTo>
                    <a:pt x="417576" y="0"/>
                  </a:lnTo>
                  <a:lnTo>
                    <a:pt x="417576" y="4572"/>
                  </a:lnTo>
                  <a:lnTo>
                    <a:pt x="420624" y="4572"/>
                  </a:lnTo>
                  <a:lnTo>
                    <a:pt x="420624" y="0"/>
                  </a:lnTo>
                  <a:close/>
                </a:path>
                <a:path w="818515" h="5079">
                  <a:moveTo>
                    <a:pt x="428244" y="0"/>
                  </a:moveTo>
                  <a:lnTo>
                    <a:pt x="425196" y="0"/>
                  </a:lnTo>
                  <a:lnTo>
                    <a:pt x="425196" y="4572"/>
                  </a:lnTo>
                  <a:lnTo>
                    <a:pt x="428244" y="4572"/>
                  </a:lnTo>
                  <a:lnTo>
                    <a:pt x="428244" y="0"/>
                  </a:lnTo>
                  <a:close/>
                </a:path>
                <a:path w="818515" h="5079">
                  <a:moveTo>
                    <a:pt x="434340" y="0"/>
                  </a:moveTo>
                  <a:lnTo>
                    <a:pt x="431292" y="0"/>
                  </a:lnTo>
                  <a:lnTo>
                    <a:pt x="431292" y="4572"/>
                  </a:lnTo>
                  <a:lnTo>
                    <a:pt x="434340" y="4572"/>
                  </a:lnTo>
                  <a:lnTo>
                    <a:pt x="434340" y="0"/>
                  </a:lnTo>
                  <a:close/>
                </a:path>
                <a:path w="818515" h="5079">
                  <a:moveTo>
                    <a:pt x="441960" y="0"/>
                  </a:moveTo>
                  <a:lnTo>
                    <a:pt x="438912" y="0"/>
                  </a:lnTo>
                  <a:lnTo>
                    <a:pt x="438912" y="4572"/>
                  </a:lnTo>
                  <a:lnTo>
                    <a:pt x="441960" y="4572"/>
                  </a:lnTo>
                  <a:lnTo>
                    <a:pt x="441960" y="0"/>
                  </a:lnTo>
                  <a:close/>
                </a:path>
                <a:path w="818515" h="5079">
                  <a:moveTo>
                    <a:pt x="448056" y="0"/>
                  </a:moveTo>
                  <a:lnTo>
                    <a:pt x="445008" y="0"/>
                  </a:lnTo>
                  <a:lnTo>
                    <a:pt x="445008" y="4572"/>
                  </a:lnTo>
                  <a:lnTo>
                    <a:pt x="448056" y="4572"/>
                  </a:lnTo>
                  <a:lnTo>
                    <a:pt x="448056" y="0"/>
                  </a:lnTo>
                  <a:close/>
                </a:path>
                <a:path w="818515" h="5079">
                  <a:moveTo>
                    <a:pt x="455676" y="0"/>
                  </a:moveTo>
                  <a:lnTo>
                    <a:pt x="452628" y="0"/>
                  </a:lnTo>
                  <a:lnTo>
                    <a:pt x="452628" y="4572"/>
                  </a:lnTo>
                  <a:lnTo>
                    <a:pt x="455676" y="4572"/>
                  </a:lnTo>
                  <a:lnTo>
                    <a:pt x="455676" y="0"/>
                  </a:lnTo>
                  <a:close/>
                </a:path>
                <a:path w="818515" h="5079">
                  <a:moveTo>
                    <a:pt x="461772" y="0"/>
                  </a:moveTo>
                  <a:lnTo>
                    <a:pt x="458724" y="0"/>
                  </a:lnTo>
                  <a:lnTo>
                    <a:pt x="458724" y="4572"/>
                  </a:lnTo>
                  <a:lnTo>
                    <a:pt x="461772" y="4572"/>
                  </a:lnTo>
                  <a:lnTo>
                    <a:pt x="461772" y="0"/>
                  </a:lnTo>
                  <a:close/>
                </a:path>
                <a:path w="818515" h="5079">
                  <a:moveTo>
                    <a:pt x="469392" y="0"/>
                  </a:moveTo>
                  <a:lnTo>
                    <a:pt x="466344" y="0"/>
                  </a:lnTo>
                  <a:lnTo>
                    <a:pt x="466344" y="4572"/>
                  </a:lnTo>
                  <a:lnTo>
                    <a:pt x="469392" y="4572"/>
                  </a:lnTo>
                  <a:lnTo>
                    <a:pt x="469392" y="0"/>
                  </a:lnTo>
                  <a:close/>
                </a:path>
                <a:path w="818515" h="5079">
                  <a:moveTo>
                    <a:pt x="475488" y="0"/>
                  </a:moveTo>
                  <a:lnTo>
                    <a:pt x="472440" y="0"/>
                  </a:lnTo>
                  <a:lnTo>
                    <a:pt x="472440" y="4572"/>
                  </a:lnTo>
                  <a:lnTo>
                    <a:pt x="475488" y="4572"/>
                  </a:lnTo>
                  <a:lnTo>
                    <a:pt x="475488" y="0"/>
                  </a:lnTo>
                  <a:close/>
                </a:path>
                <a:path w="818515" h="5079">
                  <a:moveTo>
                    <a:pt x="483108" y="0"/>
                  </a:moveTo>
                  <a:lnTo>
                    <a:pt x="480060" y="0"/>
                  </a:lnTo>
                  <a:lnTo>
                    <a:pt x="480060" y="4572"/>
                  </a:lnTo>
                  <a:lnTo>
                    <a:pt x="483108" y="4572"/>
                  </a:lnTo>
                  <a:lnTo>
                    <a:pt x="483108" y="0"/>
                  </a:lnTo>
                  <a:close/>
                </a:path>
                <a:path w="818515" h="5079">
                  <a:moveTo>
                    <a:pt x="489204" y="0"/>
                  </a:moveTo>
                  <a:lnTo>
                    <a:pt x="486156" y="0"/>
                  </a:lnTo>
                  <a:lnTo>
                    <a:pt x="486156" y="4572"/>
                  </a:lnTo>
                  <a:lnTo>
                    <a:pt x="489204" y="4572"/>
                  </a:lnTo>
                  <a:lnTo>
                    <a:pt x="489204" y="0"/>
                  </a:lnTo>
                  <a:close/>
                </a:path>
                <a:path w="818515" h="5079">
                  <a:moveTo>
                    <a:pt x="496824" y="0"/>
                  </a:moveTo>
                  <a:lnTo>
                    <a:pt x="493776" y="0"/>
                  </a:lnTo>
                  <a:lnTo>
                    <a:pt x="493776" y="4572"/>
                  </a:lnTo>
                  <a:lnTo>
                    <a:pt x="496824" y="4572"/>
                  </a:lnTo>
                  <a:lnTo>
                    <a:pt x="496824" y="0"/>
                  </a:lnTo>
                  <a:close/>
                </a:path>
                <a:path w="818515" h="5079">
                  <a:moveTo>
                    <a:pt x="502920" y="0"/>
                  </a:moveTo>
                  <a:lnTo>
                    <a:pt x="499872" y="0"/>
                  </a:lnTo>
                  <a:lnTo>
                    <a:pt x="499872" y="4572"/>
                  </a:lnTo>
                  <a:lnTo>
                    <a:pt x="502920" y="4572"/>
                  </a:lnTo>
                  <a:lnTo>
                    <a:pt x="502920" y="0"/>
                  </a:lnTo>
                  <a:close/>
                </a:path>
                <a:path w="818515" h="5079">
                  <a:moveTo>
                    <a:pt x="510540" y="0"/>
                  </a:moveTo>
                  <a:lnTo>
                    <a:pt x="507492" y="0"/>
                  </a:lnTo>
                  <a:lnTo>
                    <a:pt x="507492" y="4572"/>
                  </a:lnTo>
                  <a:lnTo>
                    <a:pt x="510540" y="4572"/>
                  </a:lnTo>
                  <a:lnTo>
                    <a:pt x="510540" y="0"/>
                  </a:lnTo>
                  <a:close/>
                </a:path>
                <a:path w="818515" h="5079">
                  <a:moveTo>
                    <a:pt x="516636" y="0"/>
                  </a:moveTo>
                  <a:lnTo>
                    <a:pt x="513588" y="0"/>
                  </a:lnTo>
                  <a:lnTo>
                    <a:pt x="513588" y="4572"/>
                  </a:lnTo>
                  <a:lnTo>
                    <a:pt x="516636" y="4572"/>
                  </a:lnTo>
                  <a:lnTo>
                    <a:pt x="516636" y="0"/>
                  </a:lnTo>
                  <a:close/>
                </a:path>
                <a:path w="818515" h="5079">
                  <a:moveTo>
                    <a:pt x="524256" y="0"/>
                  </a:moveTo>
                  <a:lnTo>
                    <a:pt x="521208" y="0"/>
                  </a:lnTo>
                  <a:lnTo>
                    <a:pt x="521208" y="4572"/>
                  </a:lnTo>
                  <a:lnTo>
                    <a:pt x="524256" y="4572"/>
                  </a:lnTo>
                  <a:lnTo>
                    <a:pt x="524256" y="0"/>
                  </a:lnTo>
                  <a:close/>
                </a:path>
                <a:path w="818515" h="5079">
                  <a:moveTo>
                    <a:pt x="530352" y="0"/>
                  </a:moveTo>
                  <a:lnTo>
                    <a:pt x="527304" y="0"/>
                  </a:lnTo>
                  <a:lnTo>
                    <a:pt x="527304" y="4572"/>
                  </a:lnTo>
                  <a:lnTo>
                    <a:pt x="530352" y="4572"/>
                  </a:lnTo>
                  <a:lnTo>
                    <a:pt x="530352" y="0"/>
                  </a:lnTo>
                  <a:close/>
                </a:path>
                <a:path w="818515" h="5079">
                  <a:moveTo>
                    <a:pt x="537972" y="0"/>
                  </a:moveTo>
                  <a:lnTo>
                    <a:pt x="534924" y="0"/>
                  </a:lnTo>
                  <a:lnTo>
                    <a:pt x="534924" y="4572"/>
                  </a:lnTo>
                  <a:lnTo>
                    <a:pt x="537972" y="4572"/>
                  </a:lnTo>
                  <a:lnTo>
                    <a:pt x="537972" y="0"/>
                  </a:lnTo>
                  <a:close/>
                </a:path>
                <a:path w="818515" h="5079">
                  <a:moveTo>
                    <a:pt x="544068" y="0"/>
                  </a:moveTo>
                  <a:lnTo>
                    <a:pt x="541020" y="0"/>
                  </a:lnTo>
                  <a:lnTo>
                    <a:pt x="541020" y="4572"/>
                  </a:lnTo>
                  <a:lnTo>
                    <a:pt x="544068" y="4572"/>
                  </a:lnTo>
                  <a:lnTo>
                    <a:pt x="544068" y="0"/>
                  </a:lnTo>
                  <a:close/>
                </a:path>
                <a:path w="818515" h="5079">
                  <a:moveTo>
                    <a:pt x="551688" y="0"/>
                  </a:moveTo>
                  <a:lnTo>
                    <a:pt x="548640" y="0"/>
                  </a:lnTo>
                  <a:lnTo>
                    <a:pt x="548640" y="4572"/>
                  </a:lnTo>
                  <a:lnTo>
                    <a:pt x="551688" y="4572"/>
                  </a:lnTo>
                  <a:lnTo>
                    <a:pt x="551688" y="0"/>
                  </a:lnTo>
                  <a:close/>
                </a:path>
                <a:path w="818515" h="5079">
                  <a:moveTo>
                    <a:pt x="557784" y="0"/>
                  </a:moveTo>
                  <a:lnTo>
                    <a:pt x="554736" y="0"/>
                  </a:lnTo>
                  <a:lnTo>
                    <a:pt x="554736" y="4572"/>
                  </a:lnTo>
                  <a:lnTo>
                    <a:pt x="557784" y="4572"/>
                  </a:lnTo>
                  <a:lnTo>
                    <a:pt x="557784" y="0"/>
                  </a:lnTo>
                  <a:close/>
                </a:path>
                <a:path w="818515" h="5079">
                  <a:moveTo>
                    <a:pt x="565404" y="0"/>
                  </a:moveTo>
                  <a:lnTo>
                    <a:pt x="562356" y="0"/>
                  </a:lnTo>
                  <a:lnTo>
                    <a:pt x="562356" y="4572"/>
                  </a:lnTo>
                  <a:lnTo>
                    <a:pt x="565404" y="4572"/>
                  </a:lnTo>
                  <a:lnTo>
                    <a:pt x="565404" y="0"/>
                  </a:lnTo>
                  <a:close/>
                </a:path>
                <a:path w="818515" h="5079">
                  <a:moveTo>
                    <a:pt x="736092" y="0"/>
                  </a:moveTo>
                  <a:lnTo>
                    <a:pt x="734568" y="0"/>
                  </a:lnTo>
                  <a:lnTo>
                    <a:pt x="734568" y="4572"/>
                  </a:lnTo>
                  <a:lnTo>
                    <a:pt x="736092" y="4572"/>
                  </a:lnTo>
                  <a:lnTo>
                    <a:pt x="736092" y="0"/>
                  </a:lnTo>
                  <a:close/>
                </a:path>
                <a:path w="818515" h="5079">
                  <a:moveTo>
                    <a:pt x="743712" y="0"/>
                  </a:moveTo>
                  <a:lnTo>
                    <a:pt x="739140" y="0"/>
                  </a:lnTo>
                  <a:lnTo>
                    <a:pt x="739140" y="4572"/>
                  </a:lnTo>
                  <a:lnTo>
                    <a:pt x="743712" y="4572"/>
                  </a:lnTo>
                  <a:lnTo>
                    <a:pt x="743712" y="0"/>
                  </a:lnTo>
                  <a:close/>
                </a:path>
                <a:path w="818515" h="5079">
                  <a:moveTo>
                    <a:pt x="749808" y="0"/>
                  </a:moveTo>
                  <a:lnTo>
                    <a:pt x="746760" y="0"/>
                  </a:lnTo>
                  <a:lnTo>
                    <a:pt x="746760" y="4572"/>
                  </a:lnTo>
                  <a:lnTo>
                    <a:pt x="749808" y="4572"/>
                  </a:lnTo>
                  <a:lnTo>
                    <a:pt x="749808" y="0"/>
                  </a:lnTo>
                  <a:close/>
                </a:path>
                <a:path w="818515" h="5079">
                  <a:moveTo>
                    <a:pt x="757428" y="0"/>
                  </a:moveTo>
                  <a:lnTo>
                    <a:pt x="752856" y="0"/>
                  </a:lnTo>
                  <a:lnTo>
                    <a:pt x="752856" y="4572"/>
                  </a:lnTo>
                  <a:lnTo>
                    <a:pt x="757428" y="4572"/>
                  </a:lnTo>
                  <a:lnTo>
                    <a:pt x="757428" y="0"/>
                  </a:lnTo>
                  <a:close/>
                </a:path>
                <a:path w="818515" h="5079">
                  <a:moveTo>
                    <a:pt x="763524" y="0"/>
                  </a:moveTo>
                  <a:lnTo>
                    <a:pt x="760476" y="0"/>
                  </a:lnTo>
                  <a:lnTo>
                    <a:pt x="760476" y="4572"/>
                  </a:lnTo>
                  <a:lnTo>
                    <a:pt x="763524" y="4572"/>
                  </a:lnTo>
                  <a:lnTo>
                    <a:pt x="763524" y="0"/>
                  </a:lnTo>
                  <a:close/>
                </a:path>
                <a:path w="818515" h="5079">
                  <a:moveTo>
                    <a:pt x="771144" y="0"/>
                  </a:moveTo>
                  <a:lnTo>
                    <a:pt x="766572" y="0"/>
                  </a:lnTo>
                  <a:lnTo>
                    <a:pt x="766572" y="4572"/>
                  </a:lnTo>
                  <a:lnTo>
                    <a:pt x="771144" y="4572"/>
                  </a:lnTo>
                  <a:lnTo>
                    <a:pt x="771144" y="0"/>
                  </a:lnTo>
                  <a:close/>
                </a:path>
                <a:path w="818515" h="5079">
                  <a:moveTo>
                    <a:pt x="777240" y="0"/>
                  </a:moveTo>
                  <a:lnTo>
                    <a:pt x="774192" y="0"/>
                  </a:lnTo>
                  <a:lnTo>
                    <a:pt x="774192" y="4572"/>
                  </a:lnTo>
                  <a:lnTo>
                    <a:pt x="777240" y="4572"/>
                  </a:lnTo>
                  <a:lnTo>
                    <a:pt x="777240" y="0"/>
                  </a:lnTo>
                  <a:close/>
                </a:path>
                <a:path w="818515" h="5079">
                  <a:moveTo>
                    <a:pt x="784860" y="0"/>
                  </a:moveTo>
                  <a:lnTo>
                    <a:pt x="780288" y="0"/>
                  </a:lnTo>
                  <a:lnTo>
                    <a:pt x="780288" y="4572"/>
                  </a:lnTo>
                  <a:lnTo>
                    <a:pt x="784860" y="4572"/>
                  </a:lnTo>
                  <a:lnTo>
                    <a:pt x="784860" y="0"/>
                  </a:lnTo>
                  <a:close/>
                </a:path>
                <a:path w="818515" h="5079">
                  <a:moveTo>
                    <a:pt x="790956" y="0"/>
                  </a:moveTo>
                  <a:lnTo>
                    <a:pt x="787908" y="0"/>
                  </a:lnTo>
                  <a:lnTo>
                    <a:pt x="787908" y="4572"/>
                  </a:lnTo>
                  <a:lnTo>
                    <a:pt x="790956" y="4572"/>
                  </a:lnTo>
                  <a:lnTo>
                    <a:pt x="790956" y="0"/>
                  </a:lnTo>
                  <a:close/>
                </a:path>
                <a:path w="818515" h="5079">
                  <a:moveTo>
                    <a:pt x="798576" y="0"/>
                  </a:moveTo>
                  <a:lnTo>
                    <a:pt x="794004" y="0"/>
                  </a:lnTo>
                  <a:lnTo>
                    <a:pt x="794004" y="4572"/>
                  </a:lnTo>
                  <a:lnTo>
                    <a:pt x="798576" y="4572"/>
                  </a:lnTo>
                  <a:lnTo>
                    <a:pt x="798576" y="0"/>
                  </a:lnTo>
                  <a:close/>
                </a:path>
                <a:path w="818515" h="5079">
                  <a:moveTo>
                    <a:pt x="804672" y="0"/>
                  </a:moveTo>
                  <a:lnTo>
                    <a:pt x="801624" y="0"/>
                  </a:lnTo>
                  <a:lnTo>
                    <a:pt x="801624" y="4572"/>
                  </a:lnTo>
                  <a:lnTo>
                    <a:pt x="804672" y="4572"/>
                  </a:lnTo>
                  <a:lnTo>
                    <a:pt x="804672" y="0"/>
                  </a:lnTo>
                  <a:close/>
                </a:path>
                <a:path w="818515" h="5079">
                  <a:moveTo>
                    <a:pt x="812292" y="0"/>
                  </a:moveTo>
                  <a:lnTo>
                    <a:pt x="807720" y="0"/>
                  </a:lnTo>
                  <a:lnTo>
                    <a:pt x="807720" y="4572"/>
                  </a:lnTo>
                  <a:lnTo>
                    <a:pt x="812292" y="4572"/>
                  </a:lnTo>
                  <a:lnTo>
                    <a:pt x="812292" y="0"/>
                  </a:lnTo>
                  <a:close/>
                </a:path>
                <a:path w="818515"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97" name="object 97"/>
            <p:cNvSpPr/>
            <p:nvPr/>
          </p:nvSpPr>
          <p:spPr>
            <a:xfrm>
              <a:off x="7411212" y="3403091"/>
              <a:ext cx="812800" cy="5080"/>
            </a:xfrm>
            <a:custGeom>
              <a:avLst/>
              <a:gdLst/>
              <a:ahLst/>
              <a:cxnLst/>
              <a:rect l="l" t="t" r="r" b="b"/>
              <a:pathLst>
                <a:path w="812800" h="5079">
                  <a:moveTo>
                    <a:pt x="3048" y="0"/>
                  </a:moveTo>
                  <a:lnTo>
                    <a:pt x="0" y="0"/>
                  </a:lnTo>
                  <a:lnTo>
                    <a:pt x="0" y="4572"/>
                  </a:lnTo>
                  <a:lnTo>
                    <a:pt x="3048" y="4572"/>
                  </a:lnTo>
                  <a:lnTo>
                    <a:pt x="3048" y="0"/>
                  </a:lnTo>
                  <a:close/>
                </a:path>
                <a:path w="812800" h="5079">
                  <a:moveTo>
                    <a:pt x="10668" y="0"/>
                  </a:moveTo>
                  <a:lnTo>
                    <a:pt x="6096" y="0"/>
                  </a:lnTo>
                  <a:lnTo>
                    <a:pt x="6096" y="4572"/>
                  </a:lnTo>
                  <a:lnTo>
                    <a:pt x="10668" y="4572"/>
                  </a:lnTo>
                  <a:lnTo>
                    <a:pt x="10668" y="0"/>
                  </a:lnTo>
                  <a:close/>
                </a:path>
                <a:path w="812800" h="5079">
                  <a:moveTo>
                    <a:pt x="16764" y="0"/>
                  </a:moveTo>
                  <a:lnTo>
                    <a:pt x="13716" y="0"/>
                  </a:lnTo>
                  <a:lnTo>
                    <a:pt x="13716" y="4572"/>
                  </a:lnTo>
                  <a:lnTo>
                    <a:pt x="16764" y="4572"/>
                  </a:lnTo>
                  <a:lnTo>
                    <a:pt x="16764" y="0"/>
                  </a:lnTo>
                  <a:close/>
                </a:path>
                <a:path w="812800" h="5079">
                  <a:moveTo>
                    <a:pt x="24384" y="0"/>
                  </a:moveTo>
                  <a:lnTo>
                    <a:pt x="19812" y="0"/>
                  </a:lnTo>
                  <a:lnTo>
                    <a:pt x="19812" y="4572"/>
                  </a:lnTo>
                  <a:lnTo>
                    <a:pt x="24384" y="4572"/>
                  </a:lnTo>
                  <a:lnTo>
                    <a:pt x="24384" y="0"/>
                  </a:lnTo>
                  <a:close/>
                </a:path>
                <a:path w="812800" h="5079">
                  <a:moveTo>
                    <a:pt x="30480" y="0"/>
                  </a:moveTo>
                  <a:lnTo>
                    <a:pt x="27432" y="0"/>
                  </a:lnTo>
                  <a:lnTo>
                    <a:pt x="27432" y="4572"/>
                  </a:lnTo>
                  <a:lnTo>
                    <a:pt x="30480" y="4572"/>
                  </a:lnTo>
                  <a:lnTo>
                    <a:pt x="30480" y="0"/>
                  </a:lnTo>
                  <a:close/>
                </a:path>
                <a:path w="812800" h="5079">
                  <a:moveTo>
                    <a:pt x="38100" y="0"/>
                  </a:moveTo>
                  <a:lnTo>
                    <a:pt x="33528" y="0"/>
                  </a:lnTo>
                  <a:lnTo>
                    <a:pt x="33528" y="4572"/>
                  </a:lnTo>
                  <a:lnTo>
                    <a:pt x="38100" y="4572"/>
                  </a:lnTo>
                  <a:lnTo>
                    <a:pt x="38100" y="0"/>
                  </a:lnTo>
                  <a:close/>
                </a:path>
                <a:path w="812800" h="5079">
                  <a:moveTo>
                    <a:pt x="44196" y="0"/>
                  </a:moveTo>
                  <a:lnTo>
                    <a:pt x="41148" y="0"/>
                  </a:lnTo>
                  <a:lnTo>
                    <a:pt x="41148" y="4572"/>
                  </a:lnTo>
                  <a:lnTo>
                    <a:pt x="44196" y="4572"/>
                  </a:lnTo>
                  <a:lnTo>
                    <a:pt x="44196" y="0"/>
                  </a:lnTo>
                  <a:close/>
                </a:path>
                <a:path w="812800" h="5079">
                  <a:moveTo>
                    <a:pt x="51816" y="0"/>
                  </a:moveTo>
                  <a:lnTo>
                    <a:pt x="47244" y="0"/>
                  </a:lnTo>
                  <a:lnTo>
                    <a:pt x="47244" y="4572"/>
                  </a:lnTo>
                  <a:lnTo>
                    <a:pt x="51816" y="4572"/>
                  </a:lnTo>
                  <a:lnTo>
                    <a:pt x="51816" y="0"/>
                  </a:lnTo>
                  <a:close/>
                </a:path>
                <a:path w="812800" h="5079">
                  <a:moveTo>
                    <a:pt x="57912" y="0"/>
                  </a:moveTo>
                  <a:lnTo>
                    <a:pt x="54864" y="0"/>
                  </a:lnTo>
                  <a:lnTo>
                    <a:pt x="54864" y="4572"/>
                  </a:lnTo>
                  <a:lnTo>
                    <a:pt x="57912" y="4572"/>
                  </a:lnTo>
                  <a:lnTo>
                    <a:pt x="57912" y="0"/>
                  </a:lnTo>
                  <a:close/>
                </a:path>
                <a:path w="812800" h="5079">
                  <a:moveTo>
                    <a:pt x="65532" y="0"/>
                  </a:moveTo>
                  <a:lnTo>
                    <a:pt x="60960" y="0"/>
                  </a:lnTo>
                  <a:lnTo>
                    <a:pt x="60960" y="4572"/>
                  </a:lnTo>
                  <a:lnTo>
                    <a:pt x="65532" y="4572"/>
                  </a:lnTo>
                  <a:lnTo>
                    <a:pt x="65532" y="0"/>
                  </a:lnTo>
                  <a:close/>
                </a:path>
                <a:path w="812800" h="5079">
                  <a:moveTo>
                    <a:pt x="71628" y="0"/>
                  </a:moveTo>
                  <a:lnTo>
                    <a:pt x="68580" y="0"/>
                  </a:lnTo>
                  <a:lnTo>
                    <a:pt x="68580" y="4572"/>
                  </a:lnTo>
                  <a:lnTo>
                    <a:pt x="71628" y="4572"/>
                  </a:lnTo>
                  <a:lnTo>
                    <a:pt x="71628" y="0"/>
                  </a:lnTo>
                  <a:close/>
                </a:path>
                <a:path w="812800" h="5079">
                  <a:moveTo>
                    <a:pt x="79248" y="0"/>
                  </a:moveTo>
                  <a:lnTo>
                    <a:pt x="74676" y="0"/>
                  </a:lnTo>
                  <a:lnTo>
                    <a:pt x="74676" y="4572"/>
                  </a:lnTo>
                  <a:lnTo>
                    <a:pt x="79248" y="4572"/>
                  </a:lnTo>
                  <a:lnTo>
                    <a:pt x="79248" y="0"/>
                  </a:lnTo>
                  <a:close/>
                </a:path>
                <a:path w="812800" h="5079">
                  <a:moveTo>
                    <a:pt x="85344" y="0"/>
                  </a:moveTo>
                  <a:lnTo>
                    <a:pt x="82296" y="0"/>
                  </a:lnTo>
                  <a:lnTo>
                    <a:pt x="82296" y="4572"/>
                  </a:lnTo>
                  <a:lnTo>
                    <a:pt x="85344" y="4572"/>
                  </a:lnTo>
                  <a:lnTo>
                    <a:pt x="85344" y="0"/>
                  </a:lnTo>
                  <a:close/>
                </a:path>
                <a:path w="812800" h="5079">
                  <a:moveTo>
                    <a:pt x="92964" y="0"/>
                  </a:moveTo>
                  <a:lnTo>
                    <a:pt x="88392" y="0"/>
                  </a:lnTo>
                  <a:lnTo>
                    <a:pt x="88392" y="4572"/>
                  </a:lnTo>
                  <a:lnTo>
                    <a:pt x="92964" y="4572"/>
                  </a:lnTo>
                  <a:lnTo>
                    <a:pt x="92964" y="0"/>
                  </a:lnTo>
                  <a:close/>
                </a:path>
                <a:path w="812800" h="5079">
                  <a:moveTo>
                    <a:pt x="99060" y="0"/>
                  </a:moveTo>
                  <a:lnTo>
                    <a:pt x="96012" y="0"/>
                  </a:lnTo>
                  <a:lnTo>
                    <a:pt x="96012" y="4572"/>
                  </a:lnTo>
                  <a:lnTo>
                    <a:pt x="99060" y="4572"/>
                  </a:lnTo>
                  <a:lnTo>
                    <a:pt x="99060" y="0"/>
                  </a:lnTo>
                  <a:close/>
                </a:path>
                <a:path w="812800" h="5079">
                  <a:moveTo>
                    <a:pt x="106680" y="0"/>
                  </a:moveTo>
                  <a:lnTo>
                    <a:pt x="102108" y="0"/>
                  </a:lnTo>
                  <a:lnTo>
                    <a:pt x="102108" y="4572"/>
                  </a:lnTo>
                  <a:lnTo>
                    <a:pt x="106680" y="4572"/>
                  </a:lnTo>
                  <a:lnTo>
                    <a:pt x="106680" y="0"/>
                  </a:lnTo>
                  <a:close/>
                </a:path>
                <a:path w="812800" h="5079">
                  <a:moveTo>
                    <a:pt x="112776" y="0"/>
                  </a:moveTo>
                  <a:lnTo>
                    <a:pt x="109728" y="0"/>
                  </a:lnTo>
                  <a:lnTo>
                    <a:pt x="109728" y="4572"/>
                  </a:lnTo>
                  <a:lnTo>
                    <a:pt x="112776" y="4572"/>
                  </a:lnTo>
                  <a:lnTo>
                    <a:pt x="112776" y="0"/>
                  </a:lnTo>
                  <a:close/>
                </a:path>
                <a:path w="812800" h="5079">
                  <a:moveTo>
                    <a:pt x="120396" y="0"/>
                  </a:moveTo>
                  <a:lnTo>
                    <a:pt x="115824" y="0"/>
                  </a:lnTo>
                  <a:lnTo>
                    <a:pt x="115824" y="4572"/>
                  </a:lnTo>
                  <a:lnTo>
                    <a:pt x="120396" y="4572"/>
                  </a:lnTo>
                  <a:lnTo>
                    <a:pt x="120396" y="0"/>
                  </a:lnTo>
                  <a:close/>
                </a:path>
                <a:path w="812800" h="5079">
                  <a:moveTo>
                    <a:pt x="126492" y="0"/>
                  </a:moveTo>
                  <a:lnTo>
                    <a:pt x="123444" y="0"/>
                  </a:lnTo>
                  <a:lnTo>
                    <a:pt x="123444" y="4572"/>
                  </a:lnTo>
                  <a:lnTo>
                    <a:pt x="126492" y="4572"/>
                  </a:lnTo>
                  <a:lnTo>
                    <a:pt x="126492" y="0"/>
                  </a:lnTo>
                  <a:close/>
                </a:path>
                <a:path w="812800" h="5079">
                  <a:moveTo>
                    <a:pt x="134112" y="0"/>
                  </a:moveTo>
                  <a:lnTo>
                    <a:pt x="129540" y="0"/>
                  </a:lnTo>
                  <a:lnTo>
                    <a:pt x="129540" y="4572"/>
                  </a:lnTo>
                  <a:lnTo>
                    <a:pt x="134112" y="4572"/>
                  </a:lnTo>
                  <a:lnTo>
                    <a:pt x="134112" y="0"/>
                  </a:lnTo>
                  <a:close/>
                </a:path>
                <a:path w="812800" h="5079">
                  <a:moveTo>
                    <a:pt x="140208" y="0"/>
                  </a:moveTo>
                  <a:lnTo>
                    <a:pt x="137160" y="0"/>
                  </a:lnTo>
                  <a:lnTo>
                    <a:pt x="137160" y="4572"/>
                  </a:lnTo>
                  <a:lnTo>
                    <a:pt x="140208" y="4572"/>
                  </a:lnTo>
                  <a:lnTo>
                    <a:pt x="140208" y="0"/>
                  </a:lnTo>
                  <a:close/>
                </a:path>
                <a:path w="812800" h="5079">
                  <a:moveTo>
                    <a:pt x="147828" y="0"/>
                  </a:moveTo>
                  <a:lnTo>
                    <a:pt x="143256" y="0"/>
                  </a:lnTo>
                  <a:lnTo>
                    <a:pt x="143256" y="4572"/>
                  </a:lnTo>
                  <a:lnTo>
                    <a:pt x="147828" y="4572"/>
                  </a:lnTo>
                  <a:lnTo>
                    <a:pt x="147828" y="0"/>
                  </a:lnTo>
                  <a:close/>
                </a:path>
                <a:path w="812800" h="5079">
                  <a:moveTo>
                    <a:pt x="153924" y="0"/>
                  </a:moveTo>
                  <a:lnTo>
                    <a:pt x="150876" y="0"/>
                  </a:lnTo>
                  <a:lnTo>
                    <a:pt x="150876" y="4572"/>
                  </a:lnTo>
                  <a:lnTo>
                    <a:pt x="153924" y="4572"/>
                  </a:lnTo>
                  <a:lnTo>
                    <a:pt x="153924" y="0"/>
                  </a:lnTo>
                  <a:close/>
                </a:path>
                <a:path w="812800" h="5079">
                  <a:moveTo>
                    <a:pt x="161544" y="0"/>
                  </a:moveTo>
                  <a:lnTo>
                    <a:pt x="156972" y="0"/>
                  </a:lnTo>
                  <a:lnTo>
                    <a:pt x="156972" y="4572"/>
                  </a:lnTo>
                  <a:lnTo>
                    <a:pt x="161544" y="4572"/>
                  </a:lnTo>
                  <a:lnTo>
                    <a:pt x="161544" y="0"/>
                  </a:lnTo>
                  <a:close/>
                </a:path>
                <a:path w="812800" h="5079">
                  <a:moveTo>
                    <a:pt x="167640" y="0"/>
                  </a:moveTo>
                  <a:lnTo>
                    <a:pt x="164592" y="0"/>
                  </a:lnTo>
                  <a:lnTo>
                    <a:pt x="164592" y="4572"/>
                  </a:lnTo>
                  <a:lnTo>
                    <a:pt x="167640" y="4572"/>
                  </a:lnTo>
                  <a:lnTo>
                    <a:pt x="167640" y="0"/>
                  </a:lnTo>
                  <a:close/>
                </a:path>
                <a:path w="812800" h="5079">
                  <a:moveTo>
                    <a:pt x="175260" y="0"/>
                  </a:moveTo>
                  <a:lnTo>
                    <a:pt x="170688" y="0"/>
                  </a:lnTo>
                  <a:lnTo>
                    <a:pt x="170688" y="4572"/>
                  </a:lnTo>
                  <a:lnTo>
                    <a:pt x="175260" y="4572"/>
                  </a:lnTo>
                  <a:lnTo>
                    <a:pt x="175260" y="0"/>
                  </a:lnTo>
                  <a:close/>
                </a:path>
                <a:path w="812800" h="5079">
                  <a:moveTo>
                    <a:pt x="345948" y="0"/>
                  </a:moveTo>
                  <a:lnTo>
                    <a:pt x="344424" y="0"/>
                  </a:lnTo>
                  <a:lnTo>
                    <a:pt x="344424" y="4572"/>
                  </a:lnTo>
                  <a:lnTo>
                    <a:pt x="345948" y="4572"/>
                  </a:lnTo>
                  <a:lnTo>
                    <a:pt x="345948" y="0"/>
                  </a:lnTo>
                  <a:close/>
                </a:path>
                <a:path w="812800" h="5079">
                  <a:moveTo>
                    <a:pt x="353568" y="0"/>
                  </a:moveTo>
                  <a:lnTo>
                    <a:pt x="348996" y="0"/>
                  </a:lnTo>
                  <a:lnTo>
                    <a:pt x="348996" y="4572"/>
                  </a:lnTo>
                  <a:lnTo>
                    <a:pt x="353568" y="4572"/>
                  </a:lnTo>
                  <a:lnTo>
                    <a:pt x="353568" y="0"/>
                  </a:lnTo>
                  <a:close/>
                </a:path>
                <a:path w="812800" h="5079">
                  <a:moveTo>
                    <a:pt x="359664" y="0"/>
                  </a:moveTo>
                  <a:lnTo>
                    <a:pt x="356616" y="0"/>
                  </a:lnTo>
                  <a:lnTo>
                    <a:pt x="356616" y="4572"/>
                  </a:lnTo>
                  <a:lnTo>
                    <a:pt x="359664" y="4572"/>
                  </a:lnTo>
                  <a:lnTo>
                    <a:pt x="359664" y="0"/>
                  </a:lnTo>
                  <a:close/>
                </a:path>
                <a:path w="812800" h="5079">
                  <a:moveTo>
                    <a:pt x="367284" y="0"/>
                  </a:moveTo>
                  <a:lnTo>
                    <a:pt x="362712" y="0"/>
                  </a:lnTo>
                  <a:lnTo>
                    <a:pt x="362712" y="4572"/>
                  </a:lnTo>
                  <a:lnTo>
                    <a:pt x="367284" y="4572"/>
                  </a:lnTo>
                  <a:lnTo>
                    <a:pt x="367284" y="0"/>
                  </a:lnTo>
                  <a:close/>
                </a:path>
                <a:path w="812800" h="5079">
                  <a:moveTo>
                    <a:pt x="373380" y="0"/>
                  </a:moveTo>
                  <a:lnTo>
                    <a:pt x="370332" y="0"/>
                  </a:lnTo>
                  <a:lnTo>
                    <a:pt x="370332" y="4572"/>
                  </a:lnTo>
                  <a:lnTo>
                    <a:pt x="373380" y="4572"/>
                  </a:lnTo>
                  <a:lnTo>
                    <a:pt x="373380" y="0"/>
                  </a:lnTo>
                  <a:close/>
                </a:path>
                <a:path w="812800" h="5079">
                  <a:moveTo>
                    <a:pt x="381000" y="0"/>
                  </a:moveTo>
                  <a:lnTo>
                    <a:pt x="376428" y="0"/>
                  </a:lnTo>
                  <a:lnTo>
                    <a:pt x="376428" y="4572"/>
                  </a:lnTo>
                  <a:lnTo>
                    <a:pt x="381000" y="4572"/>
                  </a:lnTo>
                  <a:lnTo>
                    <a:pt x="381000" y="0"/>
                  </a:lnTo>
                  <a:close/>
                </a:path>
                <a:path w="812800" h="5079">
                  <a:moveTo>
                    <a:pt x="387096" y="0"/>
                  </a:moveTo>
                  <a:lnTo>
                    <a:pt x="384048" y="0"/>
                  </a:lnTo>
                  <a:lnTo>
                    <a:pt x="384048" y="4572"/>
                  </a:lnTo>
                  <a:lnTo>
                    <a:pt x="387096" y="4572"/>
                  </a:lnTo>
                  <a:lnTo>
                    <a:pt x="387096" y="0"/>
                  </a:lnTo>
                  <a:close/>
                </a:path>
                <a:path w="812800" h="5079">
                  <a:moveTo>
                    <a:pt x="393192" y="0"/>
                  </a:moveTo>
                  <a:lnTo>
                    <a:pt x="390144" y="0"/>
                  </a:lnTo>
                  <a:lnTo>
                    <a:pt x="390144" y="4572"/>
                  </a:lnTo>
                  <a:lnTo>
                    <a:pt x="393192" y="4572"/>
                  </a:lnTo>
                  <a:lnTo>
                    <a:pt x="393192" y="0"/>
                  </a:lnTo>
                  <a:close/>
                </a:path>
                <a:path w="812800" h="5079">
                  <a:moveTo>
                    <a:pt x="400812" y="0"/>
                  </a:moveTo>
                  <a:lnTo>
                    <a:pt x="397764" y="0"/>
                  </a:lnTo>
                  <a:lnTo>
                    <a:pt x="397764" y="4572"/>
                  </a:lnTo>
                  <a:lnTo>
                    <a:pt x="400812" y="4572"/>
                  </a:lnTo>
                  <a:lnTo>
                    <a:pt x="400812" y="0"/>
                  </a:lnTo>
                  <a:close/>
                </a:path>
                <a:path w="812800" h="5079">
                  <a:moveTo>
                    <a:pt x="406908" y="0"/>
                  </a:moveTo>
                  <a:lnTo>
                    <a:pt x="403860" y="0"/>
                  </a:lnTo>
                  <a:lnTo>
                    <a:pt x="403860" y="4572"/>
                  </a:lnTo>
                  <a:lnTo>
                    <a:pt x="406908" y="4572"/>
                  </a:lnTo>
                  <a:lnTo>
                    <a:pt x="406908" y="0"/>
                  </a:lnTo>
                  <a:close/>
                </a:path>
                <a:path w="812800" h="5079">
                  <a:moveTo>
                    <a:pt x="414528" y="0"/>
                  </a:moveTo>
                  <a:lnTo>
                    <a:pt x="411480" y="0"/>
                  </a:lnTo>
                  <a:lnTo>
                    <a:pt x="411480" y="4572"/>
                  </a:lnTo>
                  <a:lnTo>
                    <a:pt x="414528" y="4572"/>
                  </a:lnTo>
                  <a:lnTo>
                    <a:pt x="414528" y="0"/>
                  </a:lnTo>
                  <a:close/>
                </a:path>
                <a:path w="812800" h="5079">
                  <a:moveTo>
                    <a:pt x="420624" y="0"/>
                  </a:moveTo>
                  <a:lnTo>
                    <a:pt x="417576" y="0"/>
                  </a:lnTo>
                  <a:lnTo>
                    <a:pt x="417576" y="4572"/>
                  </a:lnTo>
                  <a:lnTo>
                    <a:pt x="420624" y="4572"/>
                  </a:lnTo>
                  <a:lnTo>
                    <a:pt x="420624" y="0"/>
                  </a:lnTo>
                  <a:close/>
                </a:path>
                <a:path w="812800" h="5079">
                  <a:moveTo>
                    <a:pt x="428244" y="0"/>
                  </a:moveTo>
                  <a:lnTo>
                    <a:pt x="425196" y="0"/>
                  </a:lnTo>
                  <a:lnTo>
                    <a:pt x="425196" y="4572"/>
                  </a:lnTo>
                  <a:lnTo>
                    <a:pt x="428244" y="4572"/>
                  </a:lnTo>
                  <a:lnTo>
                    <a:pt x="428244" y="0"/>
                  </a:lnTo>
                  <a:close/>
                </a:path>
                <a:path w="812800" h="5079">
                  <a:moveTo>
                    <a:pt x="434340" y="0"/>
                  </a:moveTo>
                  <a:lnTo>
                    <a:pt x="431292" y="0"/>
                  </a:lnTo>
                  <a:lnTo>
                    <a:pt x="431292" y="4572"/>
                  </a:lnTo>
                  <a:lnTo>
                    <a:pt x="434340" y="4572"/>
                  </a:lnTo>
                  <a:lnTo>
                    <a:pt x="434340" y="0"/>
                  </a:lnTo>
                  <a:close/>
                </a:path>
                <a:path w="812800" h="5079">
                  <a:moveTo>
                    <a:pt x="441960" y="0"/>
                  </a:moveTo>
                  <a:lnTo>
                    <a:pt x="438912" y="0"/>
                  </a:lnTo>
                  <a:lnTo>
                    <a:pt x="438912" y="4572"/>
                  </a:lnTo>
                  <a:lnTo>
                    <a:pt x="441960" y="4572"/>
                  </a:lnTo>
                  <a:lnTo>
                    <a:pt x="441960" y="0"/>
                  </a:lnTo>
                  <a:close/>
                </a:path>
                <a:path w="812800" h="5079">
                  <a:moveTo>
                    <a:pt x="448056" y="0"/>
                  </a:moveTo>
                  <a:lnTo>
                    <a:pt x="445008" y="0"/>
                  </a:lnTo>
                  <a:lnTo>
                    <a:pt x="445008" y="4572"/>
                  </a:lnTo>
                  <a:lnTo>
                    <a:pt x="448056" y="4572"/>
                  </a:lnTo>
                  <a:lnTo>
                    <a:pt x="448056" y="0"/>
                  </a:lnTo>
                  <a:close/>
                </a:path>
                <a:path w="812800" h="5079">
                  <a:moveTo>
                    <a:pt x="455676" y="0"/>
                  </a:moveTo>
                  <a:lnTo>
                    <a:pt x="452628" y="0"/>
                  </a:lnTo>
                  <a:lnTo>
                    <a:pt x="452628" y="4572"/>
                  </a:lnTo>
                  <a:lnTo>
                    <a:pt x="455676" y="4572"/>
                  </a:lnTo>
                  <a:lnTo>
                    <a:pt x="455676" y="0"/>
                  </a:lnTo>
                  <a:close/>
                </a:path>
                <a:path w="812800" h="5079">
                  <a:moveTo>
                    <a:pt x="461772" y="0"/>
                  </a:moveTo>
                  <a:lnTo>
                    <a:pt x="458724" y="0"/>
                  </a:lnTo>
                  <a:lnTo>
                    <a:pt x="458724" y="4572"/>
                  </a:lnTo>
                  <a:lnTo>
                    <a:pt x="461772" y="4572"/>
                  </a:lnTo>
                  <a:lnTo>
                    <a:pt x="461772" y="0"/>
                  </a:lnTo>
                  <a:close/>
                </a:path>
                <a:path w="812800" h="5079">
                  <a:moveTo>
                    <a:pt x="469392" y="0"/>
                  </a:moveTo>
                  <a:lnTo>
                    <a:pt x="466344" y="0"/>
                  </a:lnTo>
                  <a:lnTo>
                    <a:pt x="466344" y="4572"/>
                  </a:lnTo>
                  <a:lnTo>
                    <a:pt x="469392" y="4572"/>
                  </a:lnTo>
                  <a:lnTo>
                    <a:pt x="469392" y="0"/>
                  </a:lnTo>
                  <a:close/>
                </a:path>
                <a:path w="812800" h="5079">
                  <a:moveTo>
                    <a:pt x="475488" y="0"/>
                  </a:moveTo>
                  <a:lnTo>
                    <a:pt x="472440" y="0"/>
                  </a:lnTo>
                  <a:lnTo>
                    <a:pt x="472440" y="4572"/>
                  </a:lnTo>
                  <a:lnTo>
                    <a:pt x="475488" y="4572"/>
                  </a:lnTo>
                  <a:lnTo>
                    <a:pt x="475488" y="0"/>
                  </a:lnTo>
                  <a:close/>
                </a:path>
                <a:path w="812800" h="5079">
                  <a:moveTo>
                    <a:pt x="483108" y="0"/>
                  </a:moveTo>
                  <a:lnTo>
                    <a:pt x="480060" y="0"/>
                  </a:lnTo>
                  <a:lnTo>
                    <a:pt x="480060" y="4572"/>
                  </a:lnTo>
                  <a:lnTo>
                    <a:pt x="483108" y="4572"/>
                  </a:lnTo>
                  <a:lnTo>
                    <a:pt x="483108" y="0"/>
                  </a:lnTo>
                  <a:close/>
                </a:path>
                <a:path w="812800" h="5079">
                  <a:moveTo>
                    <a:pt x="489204" y="0"/>
                  </a:moveTo>
                  <a:lnTo>
                    <a:pt x="486156" y="0"/>
                  </a:lnTo>
                  <a:lnTo>
                    <a:pt x="486156" y="4572"/>
                  </a:lnTo>
                  <a:lnTo>
                    <a:pt x="489204" y="4572"/>
                  </a:lnTo>
                  <a:lnTo>
                    <a:pt x="489204" y="0"/>
                  </a:lnTo>
                  <a:close/>
                </a:path>
                <a:path w="812800" h="5079">
                  <a:moveTo>
                    <a:pt x="496824" y="0"/>
                  </a:moveTo>
                  <a:lnTo>
                    <a:pt x="493776" y="0"/>
                  </a:lnTo>
                  <a:lnTo>
                    <a:pt x="493776" y="4572"/>
                  </a:lnTo>
                  <a:lnTo>
                    <a:pt x="496824" y="4572"/>
                  </a:lnTo>
                  <a:lnTo>
                    <a:pt x="496824" y="0"/>
                  </a:lnTo>
                  <a:close/>
                </a:path>
                <a:path w="812800" h="5079">
                  <a:moveTo>
                    <a:pt x="502920" y="0"/>
                  </a:moveTo>
                  <a:lnTo>
                    <a:pt x="499872" y="0"/>
                  </a:lnTo>
                  <a:lnTo>
                    <a:pt x="499872" y="4572"/>
                  </a:lnTo>
                  <a:lnTo>
                    <a:pt x="502920" y="4572"/>
                  </a:lnTo>
                  <a:lnTo>
                    <a:pt x="502920" y="0"/>
                  </a:lnTo>
                  <a:close/>
                </a:path>
                <a:path w="812800" h="5079">
                  <a:moveTo>
                    <a:pt x="510540" y="0"/>
                  </a:moveTo>
                  <a:lnTo>
                    <a:pt x="507492" y="0"/>
                  </a:lnTo>
                  <a:lnTo>
                    <a:pt x="507492" y="4572"/>
                  </a:lnTo>
                  <a:lnTo>
                    <a:pt x="510540" y="4572"/>
                  </a:lnTo>
                  <a:lnTo>
                    <a:pt x="510540" y="0"/>
                  </a:lnTo>
                  <a:close/>
                </a:path>
                <a:path w="812800" h="5079">
                  <a:moveTo>
                    <a:pt x="516636" y="0"/>
                  </a:moveTo>
                  <a:lnTo>
                    <a:pt x="513588" y="0"/>
                  </a:lnTo>
                  <a:lnTo>
                    <a:pt x="513588" y="4572"/>
                  </a:lnTo>
                  <a:lnTo>
                    <a:pt x="516636" y="4572"/>
                  </a:lnTo>
                  <a:lnTo>
                    <a:pt x="516636" y="0"/>
                  </a:lnTo>
                  <a:close/>
                </a:path>
                <a:path w="812800" h="5079">
                  <a:moveTo>
                    <a:pt x="524256" y="0"/>
                  </a:moveTo>
                  <a:lnTo>
                    <a:pt x="521208" y="0"/>
                  </a:lnTo>
                  <a:lnTo>
                    <a:pt x="521208" y="4572"/>
                  </a:lnTo>
                  <a:lnTo>
                    <a:pt x="524256" y="4572"/>
                  </a:lnTo>
                  <a:lnTo>
                    <a:pt x="524256" y="0"/>
                  </a:lnTo>
                  <a:close/>
                </a:path>
                <a:path w="812800" h="5079">
                  <a:moveTo>
                    <a:pt x="530352" y="0"/>
                  </a:moveTo>
                  <a:lnTo>
                    <a:pt x="527304" y="0"/>
                  </a:lnTo>
                  <a:lnTo>
                    <a:pt x="527304" y="4572"/>
                  </a:lnTo>
                  <a:lnTo>
                    <a:pt x="530352" y="4572"/>
                  </a:lnTo>
                  <a:lnTo>
                    <a:pt x="530352" y="0"/>
                  </a:lnTo>
                  <a:close/>
                </a:path>
                <a:path w="812800" h="5079">
                  <a:moveTo>
                    <a:pt x="537972" y="0"/>
                  </a:moveTo>
                  <a:lnTo>
                    <a:pt x="534924" y="0"/>
                  </a:lnTo>
                  <a:lnTo>
                    <a:pt x="534924" y="4572"/>
                  </a:lnTo>
                  <a:lnTo>
                    <a:pt x="537972" y="4572"/>
                  </a:lnTo>
                  <a:lnTo>
                    <a:pt x="537972" y="0"/>
                  </a:lnTo>
                  <a:close/>
                </a:path>
                <a:path w="812800" h="5079">
                  <a:moveTo>
                    <a:pt x="544068" y="0"/>
                  </a:moveTo>
                  <a:lnTo>
                    <a:pt x="541020" y="0"/>
                  </a:lnTo>
                  <a:lnTo>
                    <a:pt x="541020" y="4572"/>
                  </a:lnTo>
                  <a:lnTo>
                    <a:pt x="544068" y="4572"/>
                  </a:lnTo>
                  <a:lnTo>
                    <a:pt x="544068" y="0"/>
                  </a:lnTo>
                  <a:close/>
                </a:path>
                <a:path w="812800" h="5079">
                  <a:moveTo>
                    <a:pt x="551688" y="0"/>
                  </a:moveTo>
                  <a:lnTo>
                    <a:pt x="548640" y="0"/>
                  </a:lnTo>
                  <a:lnTo>
                    <a:pt x="548640" y="4572"/>
                  </a:lnTo>
                  <a:lnTo>
                    <a:pt x="551688" y="4572"/>
                  </a:lnTo>
                  <a:lnTo>
                    <a:pt x="551688" y="0"/>
                  </a:lnTo>
                  <a:close/>
                </a:path>
                <a:path w="812800" h="5079">
                  <a:moveTo>
                    <a:pt x="557784" y="0"/>
                  </a:moveTo>
                  <a:lnTo>
                    <a:pt x="554736" y="0"/>
                  </a:lnTo>
                  <a:lnTo>
                    <a:pt x="554736" y="4572"/>
                  </a:lnTo>
                  <a:lnTo>
                    <a:pt x="557784" y="4572"/>
                  </a:lnTo>
                  <a:lnTo>
                    <a:pt x="557784" y="0"/>
                  </a:lnTo>
                  <a:close/>
                </a:path>
                <a:path w="812800" h="5079">
                  <a:moveTo>
                    <a:pt x="565404" y="0"/>
                  </a:moveTo>
                  <a:lnTo>
                    <a:pt x="562356" y="0"/>
                  </a:lnTo>
                  <a:lnTo>
                    <a:pt x="562356" y="4572"/>
                  </a:lnTo>
                  <a:lnTo>
                    <a:pt x="565404" y="4572"/>
                  </a:lnTo>
                  <a:lnTo>
                    <a:pt x="565404" y="0"/>
                  </a:lnTo>
                  <a:close/>
                </a:path>
                <a:path w="812800" h="5079">
                  <a:moveTo>
                    <a:pt x="571500" y="0"/>
                  </a:moveTo>
                  <a:lnTo>
                    <a:pt x="568452" y="0"/>
                  </a:lnTo>
                  <a:lnTo>
                    <a:pt x="568452" y="4572"/>
                  </a:lnTo>
                  <a:lnTo>
                    <a:pt x="571500" y="4572"/>
                  </a:lnTo>
                  <a:lnTo>
                    <a:pt x="571500" y="0"/>
                  </a:lnTo>
                  <a:close/>
                </a:path>
                <a:path w="812800" h="5079">
                  <a:moveTo>
                    <a:pt x="579120" y="0"/>
                  </a:moveTo>
                  <a:lnTo>
                    <a:pt x="576072" y="0"/>
                  </a:lnTo>
                  <a:lnTo>
                    <a:pt x="576072" y="4572"/>
                  </a:lnTo>
                  <a:lnTo>
                    <a:pt x="579120" y="4572"/>
                  </a:lnTo>
                  <a:lnTo>
                    <a:pt x="579120" y="0"/>
                  </a:lnTo>
                  <a:close/>
                </a:path>
                <a:path w="812800" h="5079">
                  <a:moveTo>
                    <a:pt x="585216" y="0"/>
                  </a:moveTo>
                  <a:lnTo>
                    <a:pt x="582168" y="0"/>
                  </a:lnTo>
                  <a:lnTo>
                    <a:pt x="582168" y="4572"/>
                  </a:lnTo>
                  <a:lnTo>
                    <a:pt x="585216" y="4572"/>
                  </a:lnTo>
                  <a:lnTo>
                    <a:pt x="585216" y="0"/>
                  </a:lnTo>
                  <a:close/>
                </a:path>
                <a:path w="812800" h="5079">
                  <a:moveTo>
                    <a:pt x="592836" y="0"/>
                  </a:moveTo>
                  <a:lnTo>
                    <a:pt x="589788" y="0"/>
                  </a:lnTo>
                  <a:lnTo>
                    <a:pt x="589788" y="4572"/>
                  </a:lnTo>
                  <a:lnTo>
                    <a:pt x="592836" y="4572"/>
                  </a:lnTo>
                  <a:lnTo>
                    <a:pt x="592836" y="0"/>
                  </a:lnTo>
                  <a:close/>
                </a:path>
                <a:path w="812800" h="5079">
                  <a:moveTo>
                    <a:pt x="598932" y="0"/>
                  </a:moveTo>
                  <a:lnTo>
                    <a:pt x="595884" y="0"/>
                  </a:lnTo>
                  <a:lnTo>
                    <a:pt x="595884" y="4572"/>
                  </a:lnTo>
                  <a:lnTo>
                    <a:pt x="598932" y="4572"/>
                  </a:lnTo>
                  <a:lnTo>
                    <a:pt x="598932" y="0"/>
                  </a:lnTo>
                  <a:close/>
                </a:path>
                <a:path w="812800" h="5079">
                  <a:moveTo>
                    <a:pt x="771144" y="0"/>
                  </a:moveTo>
                  <a:lnTo>
                    <a:pt x="769620" y="0"/>
                  </a:lnTo>
                  <a:lnTo>
                    <a:pt x="769620" y="4572"/>
                  </a:lnTo>
                  <a:lnTo>
                    <a:pt x="771144" y="4572"/>
                  </a:lnTo>
                  <a:lnTo>
                    <a:pt x="771144" y="0"/>
                  </a:lnTo>
                  <a:close/>
                </a:path>
                <a:path w="812800" h="5079">
                  <a:moveTo>
                    <a:pt x="777240" y="0"/>
                  </a:moveTo>
                  <a:lnTo>
                    <a:pt x="774192" y="0"/>
                  </a:lnTo>
                  <a:lnTo>
                    <a:pt x="774192" y="4572"/>
                  </a:lnTo>
                  <a:lnTo>
                    <a:pt x="777240" y="4572"/>
                  </a:lnTo>
                  <a:lnTo>
                    <a:pt x="777240" y="0"/>
                  </a:lnTo>
                  <a:close/>
                </a:path>
                <a:path w="812800" h="5079">
                  <a:moveTo>
                    <a:pt x="784860" y="0"/>
                  </a:moveTo>
                  <a:lnTo>
                    <a:pt x="781812" y="0"/>
                  </a:lnTo>
                  <a:lnTo>
                    <a:pt x="781812" y="4572"/>
                  </a:lnTo>
                  <a:lnTo>
                    <a:pt x="784860" y="4572"/>
                  </a:lnTo>
                  <a:lnTo>
                    <a:pt x="784860" y="0"/>
                  </a:lnTo>
                  <a:close/>
                </a:path>
                <a:path w="812800" h="5079">
                  <a:moveTo>
                    <a:pt x="790956" y="0"/>
                  </a:moveTo>
                  <a:lnTo>
                    <a:pt x="787908" y="0"/>
                  </a:lnTo>
                  <a:lnTo>
                    <a:pt x="787908" y="4572"/>
                  </a:lnTo>
                  <a:lnTo>
                    <a:pt x="790956" y="4572"/>
                  </a:lnTo>
                  <a:lnTo>
                    <a:pt x="790956" y="0"/>
                  </a:lnTo>
                  <a:close/>
                </a:path>
                <a:path w="812800" h="5079">
                  <a:moveTo>
                    <a:pt x="798576" y="0"/>
                  </a:moveTo>
                  <a:lnTo>
                    <a:pt x="795528" y="0"/>
                  </a:lnTo>
                  <a:lnTo>
                    <a:pt x="795528" y="4572"/>
                  </a:lnTo>
                  <a:lnTo>
                    <a:pt x="798576" y="4572"/>
                  </a:lnTo>
                  <a:lnTo>
                    <a:pt x="798576" y="0"/>
                  </a:lnTo>
                  <a:close/>
                </a:path>
                <a:path w="812800" h="5079">
                  <a:moveTo>
                    <a:pt x="804672" y="0"/>
                  </a:moveTo>
                  <a:lnTo>
                    <a:pt x="801624" y="0"/>
                  </a:lnTo>
                  <a:lnTo>
                    <a:pt x="801624" y="4572"/>
                  </a:lnTo>
                  <a:lnTo>
                    <a:pt x="804672" y="4572"/>
                  </a:lnTo>
                  <a:lnTo>
                    <a:pt x="804672" y="0"/>
                  </a:lnTo>
                  <a:close/>
                </a:path>
                <a:path w="812800" h="5079">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98" name="object 98"/>
            <p:cNvSpPr/>
            <p:nvPr/>
          </p:nvSpPr>
          <p:spPr>
            <a:xfrm>
              <a:off x="8220456" y="3403091"/>
              <a:ext cx="818515" cy="5080"/>
            </a:xfrm>
            <a:custGeom>
              <a:avLst/>
              <a:gdLst/>
              <a:ahLst/>
              <a:cxnLst/>
              <a:rect l="l" t="t" r="r" b="b"/>
              <a:pathLst>
                <a:path w="818515" h="5079">
                  <a:moveTo>
                    <a:pt x="3048" y="0"/>
                  </a:moveTo>
                  <a:lnTo>
                    <a:pt x="0" y="0"/>
                  </a:lnTo>
                  <a:lnTo>
                    <a:pt x="0" y="4572"/>
                  </a:lnTo>
                  <a:lnTo>
                    <a:pt x="3048" y="4572"/>
                  </a:lnTo>
                  <a:lnTo>
                    <a:pt x="3048" y="0"/>
                  </a:lnTo>
                  <a:close/>
                </a:path>
                <a:path w="818515" h="5079">
                  <a:moveTo>
                    <a:pt x="9144" y="0"/>
                  </a:moveTo>
                  <a:lnTo>
                    <a:pt x="6096" y="0"/>
                  </a:lnTo>
                  <a:lnTo>
                    <a:pt x="6096" y="4572"/>
                  </a:lnTo>
                  <a:lnTo>
                    <a:pt x="9144" y="4572"/>
                  </a:lnTo>
                  <a:lnTo>
                    <a:pt x="9144" y="0"/>
                  </a:lnTo>
                  <a:close/>
                </a:path>
                <a:path w="818515" h="5079">
                  <a:moveTo>
                    <a:pt x="16764" y="0"/>
                  </a:moveTo>
                  <a:lnTo>
                    <a:pt x="13716" y="0"/>
                  </a:lnTo>
                  <a:lnTo>
                    <a:pt x="13716" y="4572"/>
                  </a:lnTo>
                  <a:lnTo>
                    <a:pt x="16764" y="4572"/>
                  </a:lnTo>
                  <a:lnTo>
                    <a:pt x="16764" y="0"/>
                  </a:lnTo>
                  <a:close/>
                </a:path>
                <a:path w="818515" h="5079">
                  <a:moveTo>
                    <a:pt x="22860" y="0"/>
                  </a:moveTo>
                  <a:lnTo>
                    <a:pt x="19812" y="0"/>
                  </a:lnTo>
                  <a:lnTo>
                    <a:pt x="19812" y="4572"/>
                  </a:lnTo>
                  <a:lnTo>
                    <a:pt x="22860" y="4572"/>
                  </a:lnTo>
                  <a:lnTo>
                    <a:pt x="22860" y="0"/>
                  </a:lnTo>
                  <a:close/>
                </a:path>
                <a:path w="818515" h="5079">
                  <a:moveTo>
                    <a:pt x="30480" y="0"/>
                  </a:moveTo>
                  <a:lnTo>
                    <a:pt x="27432" y="0"/>
                  </a:lnTo>
                  <a:lnTo>
                    <a:pt x="27432" y="4572"/>
                  </a:lnTo>
                  <a:lnTo>
                    <a:pt x="30480" y="4572"/>
                  </a:lnTo>
                  <a:lnTo>
                    <a:pt x="30480" y="0"/>
                  </a:lnTo>
                  <a:close/>
                </a:path>
                <a:path w="818515" h="5079">
                  <a:moveTo>
                    <a:pt x="36576" y="0"/>
                  </a:moveTo>
                  <a:lnTo>
                    <a:pt x="33528" y="0"/>
                  </a:lnTo>
                  <a:lnTo>
                    <a:pt x="33528" y="4572"/>
                  </a:lnTo>
                  <a:lnTo>
                    <a:pt x="36576" y="4572"/>
                  </a:lnTo>
                  <a:lnTo>
                    <a:pt x="36576" y="0"/>
                  </a:lnTo>
                  <a:close/>
                </a:path>
                <a:path w="818515" h="5079">
                  <a:moveTo>
                    <a:pt x="44196" y="0"/>
                  </a:moveTo>
                  <a:lnTo>
                    <a:pt x="41148" y="0"/>
                  </a:lnTo>
                  <a:lnTo>
                    <a:pt x="41148" y="4572"/>
                  </a:lnTo>
                  <a:lnTo>
                    <a:pt x="44196" y="4572"/>
                  </a:lnTo>
                  <a:lnTo>
                    <a:pt x="44196" y="0"/>
                  </a:lnTo>
                  <a:close/>
                </a:path>
                <a:path w="818515" h="5079">
                  <a:moveTo>
                    <a:pt x="50292" y="0"/>
                  </a:moveTo>
                  <a:lnTo>
                    <a:pt x="47244" y="0"/>
                  </a:lnTo>
                  <a:lnTo>
                    <a:pt x="47244" y="4572"/>
                  </a:lnTo>
                  <a:lnTo>
                    <a:pt x="50292" y="4572"/>
                  </a:lnTo>
                  <a:lnTo>
                    <a:pt x="50292" y="0"/>
                  </a:lnTo>
                  <a:close/>
                </a:path>
                <a:path w="818515" h="5079">
                  <a:moveTo>
                    <a:pt x="57912" y="0"/>
                  </a:moveTo>
                  <a:lnTo>
                    <a:pt x="54864" y="0"/>
                  </a:lnTo>
                  <a:lnTo>
                    <a:pt x="54864" y="4572"/>
                  </a:lnTo>
                  <a:lnTo>
                    <a:pt x="57912" y="4572"/>
                  </a:lnTo>
                  <a:lnTo>
                    <a:pt x="57912" y="0"/>
                  </a:lnTo>
                  <a:close/>
                </a:path>
                <a:path w="818515" h="5079">
                  <a:moveTo>
                    <a:pt x="64008" y="0"/>
                  </a:moveTo>
                  <a:lnTo>
                    <a:pt x="60960" y="0"/>
                  </a:lnTo>
                  <a:lnTo>
                    <a:pt x="60960" y="4572"/>
                  </a:lnTo>
                  <a:lnTo>
                    <a:pt x="64008" y="4572"/>
                  </a:lnTo>
                  <a:lnTo>
                    <a:pt x="64008" y="0"/>
                  </a:lnTo>
                  <a:close/>
                </a:path>
                <a:path w="818515" h="5079">
                  <a:moveTo>
                    <a:pt x="71628" y="0"/>
                  </a:moveTo>
                  <a:lnTo>
                    <a:pt x="68580" y="0"/>
                  </a:lnTo>
                  <a:lnTo>
                    <a:pt x="68580" y="4572"/>
                  </a:lnTo>
                  <a:lnTo>
                    <a:pt x="71628" y="4572"/>
                  </a:lnTo>
                  <a:lnTo>
                    <a:pt x="71628" y="0"/>
                  </a:lnTo>
                  <a:close/>
                </a:path>
                <a:path w="818515" h="5079">
                  <a:moveTo>
                    <a:pt x="77724" y="0"/>
                  </a:moveTo>
                  <a:lnTo>
                    <a:pt x="74676" y="0"/>
                  </a:lnTo>
                  <a:lnTo>
                    <a:pt x="74676" y="4572"/>
                  </a:lnTo>
                  <a:lnTo>
                    <a:pt x="77724" y="4572"/>
                  </a:lnTo>
                  <a:lnTo>
                    <a:pt x="77724" y="0"/>
                  </a:lnTo>
                  <a:close/>
                </a:path>
                <a:path w="818515" h="5079">
                  <a:moveTo>
                    <a:pt x="85344" y="0"/>
                  </a:moveTo>
                  <a:lnTo>
                    <a:pt x="82296" y="0"/>
                  </a:lnTo>
                  <a:lnTo>
                    <a:pt x="82296" y="4572"/>
                  </a:lnTo>
                  <a:lnTo>
                    <a:pt x="85344" y="4572"/>
                  </a:lnTo>
                  <a:lnTo>
                    <a:pt x="85344" y="0"/>
                  </a:lnTo>
                  <a:close/>
                </a:path>
                <a:path w="818515" h="5079">
                  <a:moveTo>
                    <a:pt x="91440" y="0"/>
                  </a:moveTo>
                  <a:lnTo>
                    <a:pt x="88392" y="0"/>
                  </a:lnTo>
                  <a:lnTo>
                    <a:pt x="88392" y="4572"/>
                  </a:lnTo>
                  <a:lnTo>
                    <a:pt x="91440" y="4572"/>
                  </a:lnTo>
                  <a:lnTo>
                    <a:pt x="91440" y="0"/>
                  </a:lnTo>
                  <a:close/>
                </a:path>
                <a:path w="818515" h="5079">
                  <a:moveTo>
                    <a:pt x="99060" y="0"/>
                  </a:moveTo>
                  <a:lnTo>
                    <a:pt x="96012" y="0"/>
                  </a:lnTo>
                  <a:lnTo>
                    <a:pt x="96012" y="4572"/>
                  </a:lnTo>
                  <a:lnTo>
                    <a:pt x="99060" y="4572"/>
                  </a:lnTo>
                  <a:lnTo>
                    <a:pt x="99060" y="0"/>
                  </a:lnTo>
                  <a:close/>
                </a:path>
                <a:path w="818515" h="5079">
                  <a:moveTo>
                    <a:pt x="105156" y="0"/>
                  </a:moveTo>
                  <a:lnTo>
                    <a:pt x="102108" y="0"/>
                  </a:lnTo>
                  <a:lnTo>
                    <a:pt x="102108" y="4572"/>
                  </a:lnTo>
                  <a:lnTo>
                    <a:pt x="105156" y="4572"/>
                  </a:lnTo>
                  <a:lnTo>
                    <a:pt x="105156" y="0"/>
                  </a:lnTo>
                  <a:close/>
                </a:path>
                <a:path w="818515" h="5079">
                  <a:moveTo>
                    <a:pt x="112776" y="0"/>
                  </a:moveTo>
                  <a:lnTo>
                    <a:pt x="109728" y="0"/>
                  </a:lnTo>
                  <a:lnTo>
                    <a:pt x="109728" y="4572"/>
                  </a:lnTo>
                  <a:lnTo>
                    <a:pt x="112776" y="4572"/>
                  </a:lnTo>
                  <a:lnTo>
                    <a:pt x="112776" y="0"/>
                  </a:lnTo>
                  <a:close/>
                </a:path>
                <a:path w="818515" h="5079">
                  <a:moveTo>
                    <a:pt x="118872" y="0"/>
                  </a:moveTo>
                  <a:lnTo>
                    <a:pt x="115824" y="0"/>
                  </a:lnTo>
                  <a:lnTo>
                    <a:pt x="115824" y="4572"/>
                  </a:lnTo>
                  <a:lnTo>
                    <a:pt x="118872" y="4572"/>
                  </a:lnTo>
                  <a:lnTo>
                    <a:pt x="118872" y="0"/>
                  </a:lnTo>
                  <a:close/>
                </a:path>
                <a:path w="818515" h="5079">
                  <a:moveTo>
                    <a:pt x="126492" y="0"/>
                  </a:moveTo>
                  <a:lnTo>
                    <a:pt x="123444" y="0"/>
                  </a:lnTo>
                  <a:lnTo>
                    <a:pt x="123444" y="4572"/>
                  </a:lnTo>
                  <a:lnTo>
                    <a:pt x="126492" y="4572"/>
                  </a:lnTo>
                  <a:lnTo>
                    <a:pt x="126492" y="0"/>
                  </a:lnTo>
                  <a:close/>
                </a:path>
                <a:path w="818515" h="5079">
                  <a:moveTo>
                    <a:pt x="132588" y="0"/>
                  </a:moveTo>
                  <a:lnTo>
                    <a:pt x="129540" y="0"/>
                  </a:lnTo>
                  <a:lnTo>
                    <a:pt x="129540" y="4572"/>
                  </a:lnTo>
                  <a:lnTo>
                    <a:pt x="132588" y="4572"/>
                  </a:lnTo>
                  <a:lnTo>
                    <a:pt x="132588" y="0"/>
                  </a:lnTo>
                  <a:close/>
                </a:path>
                <a:path w="818515" h="5079">
                  <a:moveTo>
                    <a:pt x="140208" y="0"/>
                  </a:moveTo>
                  <a:lnTo>
                    <a:pt x="137160" y="0"/>
                  </a:lnTo>
                  <a:lnTo>
                    <a:pt x="137160" y="4572"/>
                  </a:lnTo>
                  <a:lnTo>
                    <a:pt x="140208" y="4572"/>
                  </a:lnTo>
                  <a:lnTo>
                    <a:pt x="140208" y="0"/>
                  </a:lnTo>
                  <a:close/>
                </a:path>
                <a:path w="818515" h="5079">
                  <a:moveTo>
                    <a:pt x="146304" y="0"/>
                  </a:moveTo>
                  <a:lnTo>
                    <a:pt x="143256" y="0"/>
                  </a:lnTo>
                  <a:lnTo>
                    <a:pt x="143256" y="4572"/>
                  </a:lnTo>
                  <a:lnTo>
                    <a:pt x="146304" y="4572"/>
                  </a:lnTo>
                  <a:lnTo>
                    <a:pt x="146304" y="0"/>
                  </a:lnTo>
                  <a:close/>
                </a:path>
                <a:path w="818515" h="5079">
                  <a:moveTo>
                    <a:pt x="153924" y="0"/>
                  </a:moveTo>
                  <a:lnTo>
                    <a:pt x="150876" y="0"/>
                  </a:lnTo>
                  <a:lnTo>
                    <a:pt x="150876" y="4572"/>
                  </a:lnTo>
                  <a:lnTo>
                    <a:pt x="153924" y="4572"/>
                  </a:lnTo>
                  <a:lnTo>
                    <a:pt x="153924" y="0"/>
                  </a:lnTo>
                  <a:close/>
                </a:path>
                <a:path w="818515" h="5079">
                  <a:moveTo>
                    <a:pt x="160020" y="0"/>
                  </a:moveTo>
                  <a:lnTo>
                    <a:pt x="156972" y="0"/>
                  </a:lnTo>
                  <a:lnTo>
                    <a:pt x="156972" y="4572"/>
                  </a:lnTo>
                  <a:lnTo>
                    <a:pt x="160020" y="4572"/>
                  </a:lnTo>
                  <a:lnTo>
                    <a:pt x="160020" y="0"/>
                  </a:lnTo>
                  <a:close/>
                </a:path>
                <a:path w="818515" h="5079">
                  <a:moveTo>
                    <a:pt x="167640" y="0"/>
                  </a:moveTo>
                  <a:lnTo>
                    <a:pt x="164592" y="0"/>
                  </a:lnTo>
                  <a:lnTo>
                    <a:pt x="164592" y="4572"/>
                  </a:lnTo>
                  <a:lnTo>
                    <a:pt x="167640" y="4572"/>
                  </a:lnTo>
                  <a:lnTo>
                    <a:pt x="167640" y="0"/>
                  </a:lnTo>
                  <a:close/>
                </a:path>
                <a:path w="818515" h="5079">
                  <a:moveTo>
                    <a:pt x="173736" y="0"/>
                  </a:moveTo>
                  <a:lnTo>
                    <a:pt x="170688" y="0"/>
                  </a:lnTo>
                  <a:lnTo>
                    <a:pt x="170688" y="4572"/>
                  </a:lnTo>
                  <a:lnTo>
                    <a:pt x="173736" y="4572"/>
                  </a:lnTo>
                  <a:lnTo>
                    <a:pt x="173736" y="0"/>
                  </a:lnTo>
                  <a:close/>
                </a:path>
                <a:path w="818515" h="5079">
                  <a:moveTo>
                    <a:pt x="181356" y="0"/>
                  </a:moveTo>
                  <a:lnTo>
                    <a:pt x="178308" y="0"/>
                  </a:lnTo>
                  <a:lnTo>
                    <a:pt x="178308" y="4572"/>
                  </a:lnTo>
                  <a:lnTo>
                    <a:pt x="181356" y="4572"/>
                  </a:lnTo>
                  <a:lnTo>
                    <a:pt x="181356" y="0"/>
                  </a:lnTo>
                  <a:close/>
                </a:path>
                <a:path w="818515" h="5079">
                  <a:moveTo>
                    <a:pt x="187452" y="0"/>
                  </a:moveTo>
                  <a:lnTo>
                    <a:pt x="184404" y="0"/>
                  </a:lnTo>
                  <a:lnTo>
                    <a:pt x="184404" y="4572"/>
                  </a:lnTo>
                  <a:lnTo>
                    <a:pt x="187452" y="4572"/>
                  </a:lnTo>
                  <a:lnTo>
                    <a:pt x="187452" y="0"/>
                  </a:lnTo>
                  <a:close/>
                </a:path>
                <a:path w="818515" h="5079">
                  <a:moveTo>
                    <a:pt x="195072" y="0"/>
                  </a:moveTo>
                  <a:lnTo>
                    <a:pt x="192024" y="0"/>
                  </a:lnTo>
                  <a:lnTo>
                    <a:pt x="192024" y="4572"/>
                  </a:lnTo>
                  <a:lnTo>
                    <a:pt x="195072" y="4572"/>
                  </a:lnTo>
                  <a:lnTo>
                    <a:pt x="195072" y="0"/>
                  </a:lnTo>
                  <a:close/>
                </a:path>
                <a:path w="818515" h="5079">
                  <a:moveTo>
                    <a:pt x="201168" y="0"/>
                  </a:moveTo>
                  <a:lnTo>
                    <a:pt x="198120" y="0"/>
                  </a:lnTo>
                  <a:lnTo>
                    <a:pt x="198120" y="4572"/>
                  </a:lnTo>
                  <a:lnTo>
                    <a:pt x="201168" y="4572"/>
                  </a:lnTo>
                  <a:lnTo>
                    <a:pt x="201168" y="0"/>
                  </a:lnTo>
                  <a:close/>
                </a:path>
                <a:path w="818515" h="5079">
                  <a:moveTo>
                    <a:pt x="208788" y="0"/>
                  </a:moveTo>
                  <a:lnTo>
                    <a:pt x="204216" y="0"/>
                  </a:lnTo>
                  <a:lnTo>
                    <a:pt x="204216" y="4572"/>
                  </a:lnTo>
                  <a:lnTo>
                    <a:pt x="208788" y="4572"/>
                  </a:lnTo>
                  <a:lnTo>
                    <a:pt x="208788" y="0"/>
                  </a:lnTo>
                  <a:close/>
                </a:path>
                <a:path w="818515" h="5079">
                  <a:moveTo>
                    <a:pt x="214884" y="0"/>
                  </a:moveTo>
                  <a:lnTo>
                    <a:pt x="211836" y="0"/>
                  </a:lnTo>
                  <a:lnTo>
                    <a:pt x="211836" y="4572"/>
                  </a:lnTo>
                  <a:lnTo>
                    <a:pt x="214884" y="4572"/>
                  </a:lnTo>
                  <a:lnTo>
                    <a:pt x="214884" y="0"/>
                  </a:lnTo>
                  <a:close/>
                </a:path>
                <a:path w="818515" h="5079">
                  <a:moveTo>
                    <a:pt x="387096" y="0"/>
                  </a:moveTo>
                  <a:lnTo>
                    <a:pt x="385572" y="0"/>
                  </a:lnTo>
                  <a:lnTo>
                    <a:pt x="385572" y="4572"/>
                  </a:lnTo>
                  <a:lnTo>
                    <a:pt x="387096" y="4572"/>
                  </a:lnTo>
                  <a:lnTo>
                    <a:pt x="387096" y="0"/>
                  </a:lnTo>
                  <a:close/>
                </a:path>
                <a:path w="818515" h="5079">
                  <a:moveTo>
                    <a:pt x="393192" y="0"/>
                  </a:moveTo>
                  <a:lnTo>
                    <a:pt x="390144" y="0"/>
                  </a:lnTo>
                  <a:lnTo>
                    <a:pt x="390144" y="4572"/>
                  </a:lnTo>
                  <a:lnTo>
                    <a:pt x="393192" y="4572"/>
                  </a:lnTo>
                  <a:lnTo>
                    <a:pt x="393192" y="0"/>
                  </a:lnTo>
                  <a:close/>
                </a:path>
                <a:path w="818515" h="5079">
                  <a:moveTo>
                    <a:pt x="400812" y="0"/>
                  </a:moveTo>
                  <a:lnTo>
                    <a:pt x="396240" y="0"/>
                  </a:lnTo>
                  <a:lnTo>
                    <a:pt x="396240" y="4572"/>
                  </a:lnTo>
                  <a:lnTo>
                    <a:pt x="400812" y="4572"/>
                  </a:lnTo>
                  <a:lnTo>
                    <a:pt x="400812" y="0"/>
                  </a:lnTo>
                  <a:close/>
                </a:path>
                <a:path w="818515" h="5079">
                  <a:moveTo>
                    <a:pt x="406908" y="0"/>
                  </a:moveTo>
                  <a:lnTo>
                    <a:pt x="403860" y="0"/>
                  </a:lnTo>
                  <a:lnTo>
                    <a:pt x="403860" y="4572"/>
                  </a:lnTo>
                  <a:lnTo>
                    <a:pt x="406908" y="4572"/>
                  </a:lnTo>
                  <a:lnTo>
                    <a:pt x="406908" y="0"/>
                  </a:lnTo>
                  <a:close/>
                </a:path>
                <a:path w="818515" h="5079">
                  <a:moveTo>
                    <a:pt x="414528" y="0"/>
                  </a:moveTo>
                  <a:lnTo>
                    <a:pt x="409956" y="0"/>
                  </a:lnTo>
                  <a:lnTo>
                    <a:pt x="409956" y="4572"/>
                  </a:lnTo>
                  <a:lnTo>
                    <a:pt x="414528" y="4572"/>
                  </a:lnTo>
                  <a:lnTo>
                    <a:pt x="414528" y="0"/>
                  </a:lnTo>
                  <a:close/>
                </a:path>
                <a:path w="818515" h="5079">
                  <a:moveTo>
                    <a:pt x="420624" y="0"/>
                  </a:moveTo>
                  <a:lnTo>
                    <a:pt x="417576" y="0"/>
                  </a:lnTo>
                  <a:lnTo>
                    <a:pt x="417576" y="4572"/>
                  </a:lnTo>
                  <a:lnTo>
                    <a:pt x="420624" y="4572"/>
                  </a:lnTo>
                  <a:lnTo>
                    <a:pt x="420624" y="0"/>
                  </a:lnTo>
                  <a:close/>
                </a:path>
                <a:path w="818515" h="5079">
                  <a:moveTo>
                    <a:pt x="428244" y="0"/>
                  </a:moveTo>
                  <a:lnTo>
                    <a:pt x="423672" y="0"/>
                  </a:lnTo>
                  <a:lnTo>
                    <a:pt x="423672" y="4572"/>
                  </a:lnTo>
                  <a:lnTo>
                    <a:pt x="428244" y="4572"/>
                  </a:lnTo>
                  <a:lnTo>
                    <a:pt x="428244" y="0"/>
                  </a:lnTo>
                  <a:close/>
                </a:path>
                <a:path w="818515" h="5079">
                  <a:moveTo>
                    <a:pt x="434340" y="0"/>
                  </a:moveTo>
                  <a:lnTo>
                    <a:pt x="431292" y="0"/>
                  </a:lnTo>
                  <a:lnTo>
                    <a:pt x="431292" y="4572"/>
                  </a:lnTo>
                  <a:lnTo>
                    <a:pt x="434340" y="4572"/>
                  </a:lnTo>
                  <a:lnTo>
                    <a:pt x="434340" y="0"/>
                  </a:lnTo>
                  <a:close/>
                </a:path>
                <a:path w="818515" h="5079">
                  <a:moveTo>
                    <a:pt x="441960" y="0"/>
                  </a:moveTo>
                  <a:lnTo>
                    <a:pt x="437388" y="0"/>
                  </a:lnTo>
                  <a:lnTo>
                    <a:pt x="437388" y="4572"/>
                  </a:lnTo>
                  <a:lnTo>
                    <a:pt x="441960" y="4572"/>
                  </a:lnTo>
                  <a:lnTo>
                    <a:pt x="441960" y="0"/>
                  </a:lnTo>
                  <a:close/>
                </a:path>
                <a:path w="818515" h="5079">
                  <a:moveTo>
                    <a:pt x="448056" y="0"/>
                  </a:moveTo>
                  <a:lnTo>
                    <a:pt x="445008" y="0"/>
                  </a:lnTo>
                  <a:lnTo>
                    <a:pt x="445008" y="4572"/>
                  </a:lnTo>
                  <a:lnTo>
                    <a:pt x="448056" y="4572"/>
                  </a:lnTo>
                  <a:lnTo>
                    <a:pt x="448056" y="0"/>
                  </a:lnTo>
                  <a:close/>
                </a:path>
                <a:path w="818515" h="5079">
                  <a:moveTo>
                    <a:pt x="455676" y="0"/>
                  </a:moveTo>
                  <a:lnTo>
                    <a:pt x="451104" y="0"/>
                  </a:lnTo>
                  <a:lnTo>
                    <a:pt x="451104" y="4572"/>
                  </a:lnTo>
                  <a:lnTo>
                    <a:pt x="455676" y="4572"/>
                  </a:lnTo>
                  <a:lnTo>
                    <a:pt x="455676" y="0"/>
                  </a:lnTo>
                  <a:close/>
                </a:path>
                <a:path w="818515" h="5079">
                  <a:moveTo>
                    <a:pt x="461772" y="0"/>
                  </a:moveTo>
                  <a:lnTo>
                    <a:pt x="458724" y="0"/>
                  </a:lnTo>
                  <a:lnTo>
                    <a:pt x="458724" y="4572"/>
                  </a:lnTo>
                  <a:lnTo>
                    <a:pt x="461772" y="4572"/>
                  </a:lnTo>
                  <a:lnTo>
                    <a:pt x="461772" y="0"/>
                  </a:lnTo>
                  <a:close/>
                </a:path>
                <a:path w="818515" h="5079">
                  <a:moveTo>
                    <a:pt x="469392" y="0"/>
                  </a:moveTo>
                  <a:lnTo>
                    <a:pt x="464820" y="0"/>
                  </a:lnTo>
                  <a:lnTo>
                    <a:pt x="464820" y="4572"/>
                  </a:lnTo>
                  <a:lnTo>
                    <a:pt x="469392" y="4572"/>
                  </a:lnTo>
                  <a:lnTo>
                    <a:pt x="469392" y="0"/>
                  </a:lnTo>
                  <a:close/>
                </a:path>
                <a:path w="818515" h="5079">
                  <a:moveTo>
                    <a:pt x="475488" y="0"/>
                  </a:moveTo>
                  <a:lnTo>
                    <a:pt x="472440" y="0"/>
                  </a:lnTo>
                  <a:lnTo>
                    <a:pt x="472440" y="4572"/>
                  </a:lnTo>
                  <a:lnTo>
                    <a:pt x="475488" y="4572"/>
                  </a:lnTo>
                  <a:lnTo>
                    <a:pt x="475488" y="0"/>
                  </a:lnTo>
                  <a:close/>
                </a:path>
                <a:path w="818515" h="5079">
                  <a:moveTo>
                    <a:pt x="483108" y="0"/>
                  </a:moveTo>
                  <a:lnTo>
                    <a:pt x="478536" y="0"/>
                  </a:lnTo>
                  <a:lnTo>
                    <a:pt x="478536" y="4572"/>
                  </a:lnTo>
                  <a:lnTo>
                    <a:pt x="483108" y="4572"/>
                  </a:lnTo>
                  <a:lnTo>
                    <a:pt x="483108" y="0"/>
                  </a:lnTo>
                  <a:close/>
                </a:path>
                <a:path w="818515" h="5079">
                  <a:moveTo>
                    <a:pt x="489204" y="0"/>
                  </a:moveTo>
                  <a:lnTo>
                    <a:pt x="486156" y="0"/>
                  </a:lnTo>
                  <a:lnTo>
                    <a:pt x="486156" y="4572"/>
                  </a:lnTo>
                  <a:lnTo>
                    <a:pt x="489204" y="4572"/>
                  </a:lnTo>
                  <a:lnTo>
                    <a:pt x="489204" y="0"/>
                  </a:lnTo>
                  <a:close/>
                </a:path>
                <a:path w="818515" h="5079">
                  <a:moveTo>
                    <a:pt x="496824" y="0"/>
                  </a:moveTo>
                  <a:lnTo>
                    <a:pt x="492252" y="0"/>
                  </a:lnTo>
                  <a:lnTo>
                    <a:pt x="492252" y="4572"/>
                  </a:lnTo>
                  <a:lnTo>
                    <a:pt x="496824" y="4572"/>
                  </a:lnTo>
                  <a:lnTo>
                    <a:pt x="496824" y="0"/>
                  </a:lnTo>
                  <a:close/>
                </a:path>
                <a:path w="818515" h="5079">
                  <a:moveTo>
                    <a:pt x="502920" y="0"/>
                  </a:moveTo>
                  <a:lnTo>
                    <a:pt x="499872" y="0"/>
                  </a:lnTo>
                  <a:lnTo>
                    <a:pt x="499872" y="4572"/>
                  </a:lnTo>
                  <a:lnTo>
                    <a:pt x="502920" y="4572"/>
                  </a:lnTo>
                  <a:lnTo>
                    <a:pt x="502920" y="0"/>
                  </a:lnTo>
                  <a:close/>
                </a:path>
                <a:path w="818515" h="5079">
                  <a:moveTo>
                    <a:pt x="510540" y="0"/>
                  </a:moveTo>
                  <a:lnTo>
                    <a:pt x="505968" y="0"/>
                  </a:lnTo>
                  <a:lnTo>
                    <a:pt x="505968" y="4572"/>
                  </a:lnTo>
                  <a:lnTo>
                    <a:pt x="510540" y="4572"/>
                  </a:lnTo>
                  <a:lnTo>
                    <a:pt x="510540" y="0"/>
                  </a:lnTo>
                  <a:close/>
                </a:path>
                <a:path w="818515" h="5079">
                  <a:moveTo>
                    <a:pt x="516636" y="0"/>
                  </a:moveTo>
                  <a:lnTo>
                    <a:pt x="513588" y="0"/>
                  </a:lnTo>
                  <a:lnTo>
                    <a:pt x="513588" y="4572"/>
                  </a:lnTo>
                  <a:lnTo>
                    <a:pt x="516636" y="4572"/>
                  </a:lnTo>
                  <a:lnTo>
                    <a:pt x="516636" y="0"/>
                  </a:lnTo>
                  <a:close/>
                </a:path>
                <a:path w="818515" h="5079">
                  <a:moveTo>
                    <a:pt x="524256" y="0"/>
                  </a:moveTo>
                  <a:lnTo>
                    <a:pt x="519684" y="0"/>
                  </a:lnTo>
                  <a:lnTo>
                    <a:pt x="519684" y="4572"/>
                  </a:lnTo>
                  <a:lnTo>
                    <a:pt x="524256" y="4572"/>
                  </a:lnTo>
                  <a:lnTo>
                    <a:pt x="524256" y="0"/>
                  </a:lnTo>
                  <a:close/>
                </a:path>
                <a:path w="818515" h="5079">
                  <a:moveTo>
                    <a:pt x="530352" y="0"/>
                  </a:moveTo>
                  <a:lnTo>
                    <a:pt x="527304" y="0"/>
                  </a:lnTo>
                  <a:lnTo>
                    <a:pt x="527304" y="4572"/>
                  </a:lnTo>
                  <a:lnTo>
                    <a:pt x="530352" y="4572"/>
                  </a:lnTo>
                  <a:lnTo>
                    <a:pt x="530352" y="0"/>
                  </a:lnTo>
                  <a:close/>
                </a:path>
                <a:path w="818515" h="5079">
                  <a:moveTo>
                    <a:pt x="537972" y="0"/>
                  </a:moveTo>
                  <a:lnTo>
                    <a:pt x="533400" y="0"/>
                  </a:lnTo>
                  <a:lnTo>
                    <a:pt x="533400" y="4572"/>
                  </a:lnTo>
                  <a:lnTo>
                    <a:pt x="537972" y="4572"/>
                  </a:lnTo>
                  <a:lnTo>
                    <a:pt x="537972" y="0"/>
                  </a:lnTo>
                  <a:close/>
                </a:path>
                <a:path w="818515" h="5079">
                  <a:moveTo>
                    <a:pt x="544068" y="0"/>
                  </a:moveTo>
                  <a:lnTo>
                    <a:pt x="541020" y="0"/>
                  </a:lnTo>
                  <a:lnTo>
                    <a:pt x="541020" y="4572"/>
                  </a:lnTo>
                  <a:lnTo>
                    <a:pt x="544068" y="4572"/>
                  </a:lnTo>
                  <a:lnTo>
                    <a:pt x="544068" y="0"/>
                  </a:lnTo>
                  <a:close/>
                </a:path>
                <a:path w="818515" h="5079">
                  <a:moveTo>
                    <a:pt x="551688" y="0"/>
                  </a:moveTo>
                  <a:lnTo>
                    <a:pt x="547116" y="0"/>
                  </a:lnTo>
                  <a:lnTo>
                    <a:pt x="547116" y="4572"/>
                  </a:lnTo>
                  <a:lnTo>
                    <a:pt x="551688" y="4572"/>
                  </a:lnTo>
                  <a:lnTo>
                    <a:pt x="551688" y="0"/>
                  </a:lnTo>
                  <a:close/>
                </a:path>
                <a:path w="818515" h="5079">
                  <a:moveTo>
                    <a:pt x="557784" y="0"/>
                  </a:moveTo>
                  <a:lnTo>
                    <a:pt x="554736" y="0"/>
                  </a:lnTo>
                  <a:lnTo>
                    <a:pt x="554736" y="4572"/>
                  </a:lnTo>
                  <a:lnTo>
                    <a:pt x="557784" y="4572"/>
                  </a:lnTo>
                  <a:lnTo>
                    <a:pt x="557784" y="0"/>
                  </a:lnTo>
                  <a:close/>
                </a:path>
                <a:path w="818515" h="5079">
                  <a:moveTo>
                    <a:pt x="565404" y="0"/>
                  </a:moveTo>
                  <a:lnTo>
                    <a:pt x="560832" y="0"/>
                  </a:lnTo>
                  <a:lnTo>
                    <a:pt x="560832" y="4572"/>
                  </a:lnTo>
                  <a:lnTo>
                    <a:pt x="565404" y="4572"/>
                  </a:lnTo>
                  <a:lnTo>
                    <a:pt x="565404" y="0"/>
                  </a:lnTo>
                  <a:close/>
                </a:path>
                <a:path w="818515" h="5079">
                  <a:moveTo>
                    <a:pt x="571500" y="0"/>
                  </a:moveTo>
                  <a:lnTo>
                    <a:pt x="568452" y="0"/>
                  </a:lnTo>
                  <a:lnTo>
                    <a:pt x="568452" y="4572"/>
                  </a:lnTo>
                  <a:lnTo>
                    <a:pt x="571500" y="4572"/>
                  </a:lnTo>
                  <a:lnTo>
                    <a:pt x="571500" y="0"/>
                  </a:lnTo>
                  <a:close/>
                </a:path>
                <a:path w="818515" h="5079">
                  <a:moveTo>
                    <a:pt x="579120" y="0"/>
                  </a:moveTo>
                  <a:lnTo>
                    <a:pt x="574548" y="0"/>
                  </a:lnTo>
                  <a:lnTo>
                    <a:pt x="574548" y="4572"/>
                  </a:lnTo>
                  <a:lnTo>
                    <a:pt x="579120" y="4572"/>
                  </a:lnTo>
                  <a:lnTo>
                    <a:pt x="579120" y="0"/>
                  </a:lnTo>
                  <a:close/>
                </a:path>
                <a:path w="818515" h="5079">
                  <a:moveTo>
                    <a:pt x="585216" y="0"/>
                  </a:moveTo>
                  <a:lnTo>
                    <a:pt x="582168" y="0"/>
                  </a:lnTo>
                  <a:lnTo>
                    <a:pt x="582168" y="4572"/>
                  </a:lnTo>
                  <a:lnTo>
                    <a:pt x="585216" y="4572"/>
                  </a:lnTo>
                  <a:lnTo>
                    <a:pt x="585216" y="0"/>
                  </a:lnTo>
                  <a:close/>
                </a:path>
                <a:path w="818515" h="5079">
                  <a:moveTo>
                    <a:pt x="592836" y="0"/>
                  </a:moveTo>
                  <a:lnTo>
                    <a:pt x="588264" y="0"/>
                  </a:lnTo>
                  <a:lnTo>
                    <a:pt x="588264" y="4572"/>
                  </a:lnTo>
                  <a:lnTo>
                    <a:pt x="592836" y="4572"/>
                  </a:lnTo>
                  <a:lnTo>
                    <a:pt x="592836" y="0"/>
                  </a:lnTo>
                  <a:close/>
                </a:path>
                <a:path w="818515" h="5079">
                  <a:moveTo>
                    <a:pt x="598932" y="0"/>
                  </a:moveTo>
                  <a:lnTo>
                    <a:pt x="595884" y="0"/>
                  </a:lnTo>
                  <a:lnTo>
                    <a:pt x="595884" y="4572"/>
                  </a:lnTo>
                  <a:lnTo>
                    <a:pt x="598932" y="4572"/>
                  </a:lnTo>
                  <a:lnTo>
                    <a:pt x="598932" y="0"/>
                  </a:lnTo>
                  <a:close/>
                </a:path>
                <a:path w="818515" h="5079">
                  <a:moveTo>
                    <a:pt x="606552" y="0"/>
                  </a:moveTo>
                  <a:lnTo>
                    <a:pt x="601980" y="0"/>
                  </a:lnTo>
                  <a:lnTo>
                    <a:pt x="601980" y="4572"/>
                  </a:lnTo>
                  <a:lnTo>
                    <a:pt x="606552" y="4572"/>
                  </a:lnTo>
                  <a:lnTo>
                    <a:pt x="606552" y="0"/>
                  </a:lnTo>
                  <a:close/>
                </a:path>
                <a:path w="818515" h="5079">
                  <a:moveTo>
                    <a:pt x="612648" y="0"/>
                  </a:moveTo>
                  <a:lnTo>
                    <a:pt x="609600" y="0"/>
                  </a:lnTo>
                  <a:lnTo>
                    <a:pt x="609600" y="4572"/>
                  </a:lnTo>
                  <a:lnTo>
                    <a:pt x="612648" y="4572"/>
                  </a:lnTo>
                  <a:lnTo>
                    <a:pt x="612648" y="0"/>
                  </a:lnTo>
                  <a:close/>
                </a:path>
                <a:path w="818515" h="5079">
                  <a:moveTo>
                    <a:pt x="620268" y="0"/>
                  </a:moveTo>
                  <a:lnTo>
                    <a:pt x="615696" y="0"/>
                  </a:lnTo>
                  <a:lnTo>
                    <a:pt x="615696" y="4572"/>
                  </a:lnTo>
                  <a:lnTo>
                    <a:pt x="620268" y="4572"/>
                  </a:lnTo>
                  <a:lnTo>
                    <a:pt x="620268" y="0"/>
                  </a:lnTo>
                  <a:close/>
                </a:path>
                <a:path w="818515" h="5079">
                  <a:moveTo>
                    <a:pt x="626364" y="0"/>
                  </a:moveTo>
                  <a:lnTo>
                    <a:pt x="623316" y="0"/>
                  </a:lnTo>
                  <a:lnTo>
                    <a:pt x="623316" y="4572"/>
                  </a:lnTo>
                  <a:lnTo>
                    <a:pt x="626364" y="4572"/>
                  </a:lnTo>
                  <a:lnTo>
                    <a:pt x="626364" y="0"/>
                  </a:lnTo>
                  <a:close/>
                </a:path>
                <a:path w="818515" h="5079">
                  <a:moveTo>
                    <a:pt x="633984" y="0"/>
                  </a:moveTo>
                  <a:lnTo>
                    <a:pt x="629412" y="0"/>
                  </a:lnTo>
                  <a:lnTo>
                    <a:pt x="629412" y="4572"/>
                  </a:lnTo>
                  <a:lnTo>
                    <a:pt x="633984" y="4572"/>
                  </a:lnTo>
                  <a:lnTo>
                    <a:pt x="633984" y="0"/>
                  </a:lnTo>
                  <a:close/>
                </a:path>
                <a:path w="818515" h="5079">
                  <a:moveTo>
                    <a:pt x="640080" y="0"/>
                  </a:moveTo>
                  <a:lnTo>
                    <a:pt x="637032" y="0"/>
                  </a:lnTo>
                  <a:lnTo>
                    <a:pt x="637032" y="4572"/>
                  </a:lnTo>
                  <a:lnTo>
                    <a:pt x="640080" y="4572"/>
                  </a:lnTo>
                  <a:lnTo>
                    <a:pt x="640080" y="0"/>
                  </a:lnTo>
                  <a:close/>
                </a:path>
                <a:path w="818515" h="5079">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99" name="object 99"/>
            <p:cNvSpPr/>
            <p:nvPr/>
          </p:nvSpPr>
          <p:spPr>
            <a:xfrm>
              <a:off x="9035796" y="3403091"/>
              <a:ext cx="654050" cy="5080"/>
            </a:xfrm>
            <a:custGeom>
              <a:avLst/>
              <a:gdLst/>
              <a:ahLst/>
              <a:cxnLst/>
              <a:rect l="l" t="t" r="r" b="b"/>
              <a:pathLst>
                <a:path w="654050" h="5079">
                  <a:moveTo>
                    <a:pt x="3048" y="0"/>
                  </a:moveTo>
                  <a:lnTo>
                    <a:pt x="0" y="0"/>
                  </a:lnTo>
                  <a:lnTo>
                    <a:pt x="0" y="4572"/>
                  </a:lnTo>
                  <a:lnTo>
                    <a:pt x="3048" y="4572"/>
                  </a:lnTo>
                  <a:lnTo>
                    <a:pt x="3048" y="0"/>
                  </a:lnTo>
                  <a:close/>
                </a:path>
                <a:path w="654050" h="5079">
                  <a:moveTo>
                    <a:pt x="9144" y="0"/>
                  </a:moveTo>
                  <a:lnTo>
                    <a:pt x="6096" y="0"/>
                  </a:lnTo>
                  <a:lnTo>
                    <a:pt x="6096" y="4572"/>
                  </a:lnTo>
                  <a:lnTo>
                    <a:pt x="9144" y="4572"/>
                  </a:lnTo>
                  <a:lnTo>
                    <a:pt x="9144" y="0"/>
                  </a:lnTo>
                  <a:close/>
                </a:path>
                <a:path w="654050" h="5079">
                  <a:moveTo>
                    <a:pt x="16764" y="0"/>
                  </a:moveTo>
                  <a:lnTo>
                    <a:pt x="13716" y="0"/>
                  </a:lnTo>
                  <a:lnTo>
                    <a:pt x="13716" y="4572"/>
                  </a:lnTo>
                  <a:lnTo>
                    <a:pt x="16764" y="4572"/>
                  </a:lnTo>
                  <a:lnTo>
                    <a:pt x="16764" y="0"/>
                  </a:lnTo>
                  <a:close/>
                </a:path>
                <a:path w="654050" h="5079">
                  <a:moveTo>
                    <a:pt x="22860" y="0"/>
                  </a:moveTo>
                  <a:lnTo>
                    <a:pt x="19812" y="0"/>
                  </a:lnTo>
                  <a:lnTo>
                    <a:pt x="19812" y="4572"/>
                  </a:lnTo>
                  <a:lnTo>
                    <a:pt x="22860" y="4572"/>
                  </a:lnTo>
                  <a:lnTo>
                    <a:pt x="22860" y="0"/>
                  </a:lnTo>
                  <a:close/>
                </a:path>
                <a:path w="654050" h="5079">
                  <a:moveTo>
                    <a:pt x="30480" y="0"/>
                  </a:moveTo>
                  <a:lnTo>
                    <a:pt x="27432" y="0"/>
                  </a:lnTo>
                  <a:lnTo>
                    <a:pt x="27432" y="4572"/>
                  </a:lnTo>
                  <a:lnTo>
                    <a:pt x="30480" y="4572"/>
                  </a:lnTo>
                  <a:lnTo>
                    <a:pt x="30480" y="0"/>
                  </a:lnTo>
                  <a:close/>
                </a:path>
                <a:path w="654050" h="5079">
                  <a:moveTo>
                    <a:pt x="36576" y="0"/>
                  </a:moveTo>
                  <a:lnTo>
                    <a:pt x="33528" y="0"/>
                  </a:lnTo>
                  <a:lnTo>
                    <a:pt x="33528" y="4572"/>
                  </a:lnTo>
                  <a:lnTo>
                    <a:pt x="36576" y="4572"/>
                  </a:lnTo>
                  <a:lnTo>
                    <a:pt x="36576" y="0"/>
                  </a:lnTo>
                  <a:close/>
                </a:path>
                <a:path w="654050" h="5079">
                  <a:moveTo>
                    <a:pt x="44196" y="0"/>
                  </a:moveTo>
                  <a:lnTo>
                    <a:pt x="41148" y="0"/>
                  </a:lnTo>
                  <a:lnTo>
                    <a:pt x="41148" y="4572"/>
                  </a:lnTo>
                  <a:lnTo>
                    <a:pt x="44196" y="4572"/>
                  </a:lnTo>
                  <a:lnTo>
                    <a:pt x="44196" y="0"/>
                  </a:lnTo>
                  <a:close/>
                </a:path>
                <a:path w="654050" h="5079">
                  <a:moveTo>
                    <a:pt x="50292" y="0"/>
                  </a:moveTo>
                  <a:lnTo>
                    <a:pt x="47244" y="0"/>
                  </a:lnTo>
                  <a:lnTo>
                    <a:pt x="47244" y="4572"/>
                  </a:lnTo>
                  <a:lnTo>
                    <a:pt x="50292" y="4572"/>
                  </a:lnTo>
                  <a:lnTo>
                    <a:pt x="50292" y="0"/>
                  </a:lnTo>
                  <a:close/>
                </a:path>
                <a:path w="654050" h="5079">
                  <a:moveTo>
                    <a:pt x="57912" y="0"/>
                  </a:moveTo>
                  <a:lnTo>
                    <a:pt x="54864" y="0"/>
                  </a:lnTo>
                  <a:lnTo>
                    <a:pt x="54864" y="4572"/>
                  </a:lnTo>
                  <a:lnTo>
                    <a:pt x="57912" y="4572"/>
                  </a:lnTo>
                  <a:lnTo>
                    <a:pt x="57912" y="0"/>
                  </a:lnTo>
                  <a:close/>
                </a:path>
                <a:path w="654050" h="5079">
                  <a:moveTo>
                    <a:pt x="64008" y="0"/>
                  </a:moveTo>
                  <a:lnTo>
                    <a:pt x="60960" y="0"/>
                  </a:lnTo>
                  <a:lnTo>
                    <a:pt x="60960" y="4572"/>
                  </a:lnTo>
                  <a:lnTo>
                    <a:pt x="64008" y="4572"/>
                  </a:lnTo>
                  <a:lnTo>
                    <a:pt x="64008" y="0"/>
                  </a:lnTo>
                  <a:close/>
                </a:path>
                <a:path w="654050" h="5079">
                  <a:moveTo>
                    <a:pt x="71628" y="0"/>
                  </a:moveTo>
                  <a:lnTo>
                    <a:pt x="68580" y="0"/>
                  </a:lnTo>
                  <a:lnTo>
                    <a:pt x="68580" y="4572"/>
                  </a:lnTo>
                  <a:lnTo>
                    <a:pt x="71628" y="4572"/>
                  </a:lnTo>
                  <a:lnTo>
                    <a:pt x="71628" y="0"/>
                  </a:lnTo>
                  <a:close/>
                </a:path>
                <a:path w="654050" h="5079">
                  <a:moveTo>
                    <a:pt x="77724" y="0"/>
                  </a:moveTo>
                  <a:lnTo>
                    <a:pt x="74676" y="0"/>
                  </a:lnTo>
                  <a:lnTo>
                    <a:pt x="74676" y="4572"/>
                  </a:lnTo>
                  <a:lnTo>
                    <a:pt x="77724" y="4572"/>
                  </a:lnTo>
                  <a:lnTo>
                    <a:pt x="77724" y="0"/>
                  </a:lnTo>
                  <a:close/>
                </a:path>
                <a:path w="654050" h="5079">
                  <a:moveTo>
                    <a:pt x="85344" y="0"/>
                  </a:moveTo>
                  <a:lnTo>
                    <a:pt x="82296" y="0"/>
                  </a:lnTo>
                  <a:lnTo>
                    <a:pt x="82296" y="4572"/>
                  </a:lnTo>
                  <a:lnTo>
                    <a:pt x="85344" y="4572"/>
                  </a:lnTo>
                  <a:lnTo>
                    <a:pt x="85344" y="0"/>
                  </a:lnTo>
                  <a:close/>
                </a:path>
                <a:path w="654050" h="5079">
                  <a:moveTo>
                    <a:pt x="91440" y="0"/>
                  </a:moveTo>
                  <a:lnTo>
                    <a:pt x="88392" y="0"/>
                  </a:lnTo>
                  <a:lnTo>
                    <a:pt x="88392" y="4572"/>
                  </a:lnTo>
                  <a:lnTo>
                    <a:pt x="91440" y="4572"/>
                  </a:lnTo>
                  <a:lnTo>
                    <a:pt x="91440" y="0"/>
                  </a:lnTo>
                  <a:close/>
                </a:path>
                <a:path w="654050" h="5079">
                  <a:moveTo>
                    <a:pt x="99060" y="0"/>
                  </a:moveTo>
                  <a:lnTo>
                    <a:pt x="96012" y="0"/>
                  </a:lnTo>
                  <a:lnTo>
                    <a:pt x="96012" y="4572"/>
                  </a:lnTo>
                  <a:lnTo>
                    <a:pt x="99060" y="4572"/>
                  </a:lnTo>
                  <a:lnTo>
                    <a:pt x="99060" y="0"/>
                  </a:lnTo>
                  <a:close/>
                </a:path>
                <a:path w="654050" h="5079">
                  <a:moveTo>
                    <a:pt x="105156" y="0"/>
                  </a:moveTo>
                  <a:lnTo>
                    <a:pt x="102108" y="0"/>
                  </a:lnTo>
                  <a:lnTo>
                    <a:pt x="102108" y="4572"/>
                  </a:lnTo>
                  <a:lnTo>
                    <a:pt x="105156" y="4572"/>
                  </a:lnTo>
                  <a:lnTo>
                    <a:pt x="105156" y="0"/>
                  </a:lnTo>
                  <a:close/>
                </a:path>
                <a:path w="654050" h="5079">
                  <a:moveTo>
                    <a:pt x="112776" y="0"/>
                  </a:moveTo>
                  <a:lnTo>
                    <a:pt x="109728" y="0"/>
                  </a:lnTo>
                  <a:lnTo>
                    <a:pt x="109728" y="4572"/>
                  </a:lnTo>
                  <a:lnTo>
                    <a:pt x="112776" y="4572"/>
                  </a:lnTo>
                  <a:lnTo>
                    <a:pt x="112776" y="0"/>
                  </a:lnTo>
                  <a:close/>
                </a:path>
                <a:path w="654050" h="5079">
                  <a:moveTo>
                    <a:pt x="118872" y="0"/>
                  </a:moveTo>
                  <a:lnTo>
                    <a:pt x="115824" y="0"/>
                  </a:lnTo>
                  <a:lnTo>
                    <a:pt x="115824" y="4572"/>
                  </a:lnTo>
                  <a:lnTo>
                    <a:pt x="118872" y="4572"/>
                  </a:lnTo>
                  <a:lnTo>
                    <a:pt x="118872" y="0"/>
                  </a:lnTo>
                  <a:close/>
                </a:path>
                <a:path w="654050" h="5079">
                  <a:moveTo>
                    <a:pt x="126492" y="0"/>
                  </a:moveTo>
                  <a:lnTo>
                    <a:pt x="123444" y="0"/>
                  </a:lnTo>
                  <a:lnTo>
                    <a:pt x="123444" y="4572"/>
                  </a:lnTo>
                  <a:lnTo>
                    <a:pt x="126492" y="4572"/>
                  </a:lnTo>
                  <a:lnTo>
                    <a:pt x="126492" y="0"/>
                  </a:lnTo>
                  <a:close/>
                </a:path>
                <a:path w="654050" h="5079">
                  <a:moveTo>
                    <a:pt x="132588" y="0"/>
                  </a:moveTo>
                  <a:lnTo>
                    <a:pt x="129540" y="0"/>
                  </a:lnTo>
                  <a:lnTo>
                    <a:pt x="129540" y="4572"/>
                  </a:lnTo>
                  <a:lnTo>
                    <a:pt x="132588" y="4572"/>
                  </a:lnTo>
                  <a:lnTo>
                    <a:pt x="132588" y="0"/>
                  </a:lnTo>
                  <a:close/>
                </a:path>
                <a:path w="654050" h="5079">
                  <a:moveTo>
                    <a:pt x="140208" y="0"/>
                  </a:moveTo>
                  <a:lnTo>
                    <a:pt x="137160" y="0"/>
                  </a:lnTo>
                  <a:lnTo>
                    <a:pt x="137160" y="4572"/>
                  </a:lnTo>
                  <a:lnTo>
                    <a:pt x="140208" y="4572"/>
                  </a:lnTo>
                  <a:lnTo>
                    <a:pt x="140208" y="0"/>
                  </a:lnTo>
                  <a:close/>
                </a:path>
                <a:path w="654050" h="5079">
                  <a:moveTo>
                    <a:pt x="146304" y="0"/>
                  </a:moveTo>
                  <a:lnTo>
                    <a:pt x="143256" y="0"/>
                  </a:lnTo>
                  <a:lnTo>
                    <a:pt x="143256" y="4572"/>
                  </a:lnTo>
                  <a:lnTo>
                    <a:pt x="146304" y="4572"/>
                  </a:lnTo>
                  <a:lnTo>
                    <a:pt x="146304" y="0"/>
                  </a:lnTo>
                  <a:close/>
                </a:path>
                <a:path w="654050" h="5079">
                  <a:moveTo>
                    <a:pt x="153924" y="0"/>
                  </a:moveTo>
                  <a:lnTo>
                    <a:pt x="150876" y="0"/>
                  </a:lnTo>
                  <a:lnTo>
                    <a:pt x="150876" y="4572"/>
                  </a:lnTo>
                  <a:lnTo>
                    <a:pt x="153924" y="4572"/>
                  </a:lnTo>
                  <a:lnTo>
                    <a:pt x="153924" y="0"/>
                  </a:lnTo>
                  <a:close/>
                </a:path>
                <a:path w="654050" h="5079">
                  <a:moveTo>
                    <a:pt x="160020" y="0"/>
                  </a:moveTo>
                  <a:lnTo>
                    <a:pt x="156972" y="0"/>
                  </a:lnTo>
                  <a:lnTo>
                    <a:pt x="156972" y="4572"/>
                  </a:lnTo>
                  <a:lnTo>
                    <a:pt x="160020" y="4572"/>
                  </a:lnTo>
                  <a:lnTo>
                    <a:pt x="160020" y="0"/>
                  </a:lnTo>
                  <a:close/>
                </a:path>
                <a:path w="654050" h="5079">
                  <a:moveTo>
                    <a:pt x="167640" y="0"/>
                  </a:moveTo>
                  <a:lnTo>
                    <a:pt x="164592" y="0"/>
                  </a:lnTo>
                  <a:lnTo>
                    <a:pt x="164592" y="4572"/>
                  </a:lnTo>
                  <a:lnTo>
                    <a:pt x="167640" y="4572"/>
                  </a:lnTo>
                  <a:lnTo>
                    <a:pt x="167640" y="0"/>
                  </a:lnTo>
                  <a:close/>
                </a:path>
                <a:path w="654050" h="5079">
                  <a:moveTo>
                    <a:pt x="173736" y="0"/>
                  </a:moveTo>
                  <a:lnTo>
                    <a:pt x="170688" y="0"/>
                  </a:lnTo>
                  <a:lnTo>
                    <a:pt x="170688" y="4572"/>
                  </a:lnTo>
                  <a:lnTo>
                    <a:pt x="173736" y="4572"/>
                  </a:lnTo>
                  <a:lnTo>
                    <a:pt x="173736" y="0"/>
                  </a:lnTo>
                  <a:close/>
                </a:path>
                <a:path w="654050" h="5079">
                  <a:moveTo>
                    <a:pt x="181356" y="0"/>
                  </a:moveTo>
                  <a:lnTo>
                    <a:pt x="178308" y="0"/>
                  </a:lnTo>
                  <a:lnTo>
                    <a:pt x="178308" y="4572"/>
                  </a:lnTo>
                  <a:lnTo>
                    <a:pt x="181356" y="4572"/>
                  </a:lnTo>
                  <a:lnTo>
                    <a:pt x="181356" y="0"/>
                  </a:lnTo>
                  <a:close/>
                </a:path>
                <a:path w="654050" h="5079">
                  <a:moveTo>
                    <a:pt x="187452" y="0"/>
                  </a:moveTo>
                  <a:lnTo>
                    <a:pt x="184404" y="0"/>
                  </a:lnTo>
                  <a:lnTo>
                    <a:pt x="184404" y="4572"/>
                  </a:lnTo>
                  <a:lnTo>
                    <a:pt x="187452" y="4572"/>
                  </a:lnTo>
                  <a:lnTo>
                    <a:pt x="187452" y="0"/>
                  </a:lnTo>
                  <a:close/>
                </a:path>
                <a:path w="654050" h="5079">
                  <a:moveTo>
                    <a:pt x="195072" y="0"/>
                  </a:moveTo>
                  <a:lnTo>
                    <a:pt x="192024" y="0"/>
                  </a:lnTo>
                  <a:lnTo>
                    <a:pt x="192024" y="4572"/>
                  </a:lnTo>
                  <a:lnTo>
                    <a:pt x="195072" y="4572"/>
                  </a:lnTo>
                  <a:lnTo>
                    <a:pt x="195072" y="0"/>
                  </a:lnTo>
                  <a:close/>
                </a:path>
                <a:path w="654050" h="5079">
                  <a:moveTo>
                    <a:pt x="201168" y="0"/>
                  </a:moveTo>
                  <a:lnTo>
                    <a:pt x="198120" y="0"/>
                  </a:lnTo>
                  <a:lnTo>
                    <a:pt x="198120" y="4572"/>
                  </a:lnTo>
                  <a:lnTo>
                    <a:pt x="201168" y="4572"/>
                  </a:lnTo>
                  <a:lnTo>
                    <a:pt x="201168" y="0"/>
                  </a:lnTo>
                  <a:close/>
                </a:path>
                <a:path w="654050" h="5079">
                  <a:moveTo>
                    <a:pt x="208788" y="0"/>
                  </a:moveTo>
                  <a:lnTo>
                    <a:pt x="205740" y="0"/>
                  </a:lnTo>
                  <a:lnTo>
                    <a:pt x="205740" y="4572"/>
                  </a:lnTo>
                  <a:lnTo>
                    <a:pt x="208788" y="4572"/>
                  </a:lnTo>
                  <a:lnTo>
                    <a:pt x="208788" y="0"/>
                  </a:lnTo>
                  <a:close/>
                </a:path>
                <a:path w="654050" h="5079">
                  <a:moveTo>
                    <a:pt x="214884" y="0"/>
                  </a:moveTo>
                  <a:lnTo>
                    <a:pt x="211836" y="0"/>
                  </a:lnTo>
                  <a:lnTo>
                    <a:pt x="211836" y="4572"/>
                  </a:lnTo>
                  <a:lnTo>
                    <a:pt x="214884" y="4572"/>
                  </a:lnTo>
                  <a:lnTo>
                    <a:pt x="214884" y="0"/>
                  </a:lnTo>
                  <a:close/>
                </a:path>
                <a:path w="654050" h="5079">
                  <a:moveTo>
                    <a:pt x="222504" y="0"/>
                  </a:moveTo>
                  <a:lnTo>
                    <a:pt x="219456" y="0"/>
                  </a:lnTo>
                  <a:lnTo>
                    <a:pt x="219456" y="4572"/>
                  </a:lnTo>
                  <a:lnTo>
                    <a:pt x="222504" y="4572"/>
                  </a:lnTo>
                  <a:lnTo>
                    <a:pt x="222504" y="0"/>
                  </a:lnTo>
                  <a:close/>
                </a:path>
                <a:path w="654050" h="5079">
                  <a:moveTo>
                    <a:pt x="228600" y="0"/>
                  </a:moveTo>
                  <a:lnTo>
                    <a:pt x="225552" y="0"/>
                  </a:lnTo>
                  <a:lnTo>
                    <a:pt x="225552" y="4572"/>
                  </a:lnTo>
                  <a:lnTo>
                    <a:pt x="228600" y="4572"/>
                  </a:lnTo>
                  <a:lnTo>
                    <a:pt x="228600" y="0"/>
                  </a:lnTo>
                  <a:close/>
                </a:path>
                <a:path w="654050" h="5079">
                  <a:moveTo>
                    <a:pt x="236220" y="0"/>
                  </a:moveTo>
                  <a:lnTo>
                    <a:pt x="233172" y="0"/>
                  </a:lnTo>
                  <a:lnTo>
                    <a:pt x="233172" y="4572"/>
                  </a:lnTo>
                  <a:lnTo>
                    <a:pt x="236220" y="4572"/>
                  </a:lnTo>
                  <a:lnTo>
                    <a:pt x="236220" y="0"/>
                  </a:lnTo>
                  <a:close/>
                </a:path>
                <a:path w="654050" h="5079">
                  <a:moveTo>
                    <a:pt x="242316" y="0"/>
                  </a:moveTo>
                  <a:lnTo>
                    <a:pt x="239268" y="0"/>
                  </a:lnTo>
                  <a:lnTo>
                    <a:pt x="239268" y="4572"/>
                  </a:lnTo>
                  <a:lnTo>
                    <a:pt x="242316" y="4572"/>
                  </a:lnTo>
                  <a:lnTo>
                    <a:pt x="242316" y="0"/>
                  </a:lnTo>
                  <a:close/>
                </a:path>
                <a:path w="654050" h="5079">
                  <a:moveTo>
                    <a:pt x="249936" y="0"/>
                  </a:moveTo>
                  <a:lnTo>
                    <a:pt x="246888" y="0"/>
                  </a:lnTo>
                  <a:lnTo>
                    <a:pt x="246888" y="4572"/>
                  </a:lnTo>
                  <a:lnTo>
                    <a:pt x="249936" y="4572"/>
                  </a:lnTo>
                  <a:lnTo>
                    <a:pt x="249936" y="0"/>
                  </a:lnTo>
                  <a:close/>
                </a:path>
                <a:path w="654050" h="5079">
                  <a:moveTo>
                    <a:pt x="428244" y="0"/>
                  </a:moveTo>
                  <a:lnTo>
                    <a:pt x="425196" y="0"/>
                  </a:lnTo>
                  <a:lnTo>
                    <a:pt x="425196" y="4572"/>
                  </a:lnTo>
                  <a:lnTo>
                    <a:pt x="428244" y="4572"/>
                  </a:lnTo>
                  <a:lnTo>
                    <a:pt x="428244" y="0"/>
                  </a:lnTo>
                  <a:close/>
                </a:path>
                <a:path w="654050" h="5079">
                  <a:moveTo>
                    <a:pt x="434340" y="0"/>
                  </a:moveTo>
                  <a:lnTo>
                    <a:pt x="431292" y="0"/>
                  </a:lnTo>
                  <a:lnTo>
                    <a:pt x="431292" y="4572"/>
                  </a:lnTo>
                  <a:lnTo>
                    <a:pt x="434340" y="4572"/>
                  </a:lnTo>
                  <a:lnTo>
                    <a:pt x="434340" y="0"/>
                  </a:lnTo>
                  <a:close/>
                </a:path>
                <a:path w="654050" h="5079">
                  <a:moveTo>
                    <a:pt x="441960" y="0"/>
                  </a:moveTo>
                  <a:lnTo>
                    <a:pt x="438912" y="0"/>
                  </a:lnTo>
                  <a:lnTo>
                    <a:pt x="438912" y="4572"/>
                  </a:lnTo>
                  <a:lnTo>
                    <a:pt x="441960" y="4572"/>
                  </a:lnTo>
                  <a:lnTo>
                    <a:pt x="441960" y="0"/>
                  </a:lnTo>
                  <a:close/>
                </a:path>
                <a:path w="654050" h="5079">
                  <a:moveTo>
                    <a:pt x="448056" y="0"/>
                  </a:moveTo>
                  <a:lnTo>
                    <a:pt x="445008" y="0"/>
                  </a:lnTo>
                  <a:lnTo>
                    <a:pt x="445008" y="4572"/>
                  </a:lnTo>
                  <a:lnTo>
                    <a:pt x="448056" y="4572"/>
                  </a:lnTo>
                  <a:lnTo>
                    <a:pt x="448056" y="0"/>
                  </a:lnTo>
                  <a:close/>
                </a:path>
                <a:path w="654050" h="5079">
                  <a:moveTo>
                    <a:pt x="455676" y="0"/>
                  </a:moveTo>
                  <a:lnTo>
                    <a:pt x="452628" y="0"/>
                  </a:lnTo>
                  <a:lnTo>
                    <a:pt x="452628" y="4572"/>
                  </a:lnTo>
                  <a:lnTo>
                    <a:pt x="455676" y="4572"/>
                  </a:lnTo>
                  <a:lnTo>
                    <a:pt x="455676" y="0"/>
                  </a:lnTo>
                  <a:close/>
                </a:path>
                <a:path w="654050" h="5079">
                  <a:moveTo>
                    <a:pt x="461772" y="0"/>
                  </a:moveTo>
                  <a:lnTo>
                    <a:pt x="458724" y="0"/>
                  </a:lnTo>
                  <a:lnTo>
                    <a:pt x="458724" y="4572"/>
                  </a:lnTo>
                  <a:lnTo>
                    <a:pt x="461772" y="4572"/>
                  </a:lnTo>
                  <a:lnTo>
                    <a:pt x="461772" y="0"/>
                  </a:lnTo>
                  <a:close/>
                </a:path>
                <a:path w="654050" h="5079">
                  <a:moveTo>
                    <a:pt x="469392" y="0"/>
                  </a:moveTo>
                  <a:lnTo>
                    <a:pt x="466344" y="0"/>
                  </a:lnTo>
                  <a:lnTo>
                    <a:pt x="466344" y="4572"/>
                  </a:lnTo>
                  <a:lnTo>
                    <a:pt x="469392" y="4572"/>
                  </a:lnTo>
                  <a:lnTo>
                    <a:pt x="469392" y="0"/>
                  </a:lnTo>
                  <a:close/>
                </a:path>
                <a:path w="654050" h="5079">
                  <a:moveTo>
                    <a:pt x="475488" y="0"/>
                  </a:moveTo>
                  <a:lnTo>
                    <a:pt x="472440" y="0"/>
                  </a:lnTo>
                  <a:lnTo>
                    <a:pt x="472440" y="4572"/>
                  </a:lnTo>
                  <a:lnTo>
                    <a:pt x="475488" y="4572"/>
                  </a:lnTo>
                  <a:lnTo>
                    <a:pt x="475488" y="0"/>
                  </a:lnTo>
                  <a:close/>
                </a:path>
                <a:path w="654050" h="5079">
                  <a:moveTo>
                    <a:pt x="483108" y="0"/>
                  </a:moveTo>
                  <a:lnTo>
                    <a:pt x="480060" y="0"/>
                  </a:lnTo>
                  <a:lnTo>
                    <a:pt x="480060" y="4572"/>
                  </a:lnTo>
                  <a:lnTo>
                    <a:pt x="483108" y="4572"/>
                  </a:lnTo>
                  <a:lnTo>
                    <a:pt x="483108" y="0"/>
                  </a:lnTo>
                  <a:close/>
                </a:path>
                <a:path w="654050" h="5079">
                  <a:moveTo>
                    <a:pt x="489204" y="0"/>
                  </a:moveTo>
                  <a:lnTo>
                    <a:pt x="486156" y="0"/>
                  </a:lnTo>
                  <a:lnTo>
                    <a:pt x="486156" y="4572"/>
                  </a:lnTo>
                  <a:lnTo>
                    <a:pt x="489204" y="4572"/>
                  </a:lnTo>
                  <a:lnTo>
                    <a:pt x="489204" y="0"/>
                  </a:lnTo>
                  <a:close/>
                </a:path>
                <a:path w="654050" h="5079">
                  <a:moveTo>
                    <a:pt x="496824" y="0"/>
                  </a:moveTo>
                  <a:lnTo>
                    <a:pt x="493776" y="0"/>
                  </a:lnTo>
                  <a:lnTo>
                    <a:pt x="493776" y="4572"/>
                  </a:lnTo>
                  <a:lnTo>
                    <a:pt x="496824" y="4572"/>
                  </a:lnTo>
                  <a:lnTo>
                    <a:pt x="496824" y="0"/>
                  </a:lnTo>
                  <a:close/>
                </a:path>
                <a:path w="654050" h="5079">
                  <a:moveTo>
                    <a:pt x="502920" y="0"/>
                  </a:moveTo>
                  <a:lnTo>
                    <a:pt x="499872" y="0"/>
                  </a:lnTo>
                  <a:lnTo>
                    <a:pt x="499872" y="4572"/>
                  </a:lnTo>
                  <a:lnTo>
                    <a:pt x="502920" y="4572"/>
                  </a:lnTo>
                  <a:lnTo>
                    <a:pt x="502920" y="0"/>
                  </a:lnTo>
                  <a:close/>
                </a:path>
                <a:path w="654050" h="5079">
                  <a:moveTo>
                    <a:pt x="510540" y="0"/>
                  </a:moveTo>
                  <a:lnTo>
                    <a:pt x="507492" y="0"/>
                  </a:lnTo>
                  <a:lnTo>
                    <a:pt x="507492" y="4572"/>
                  </a:lnTo>
                  <a:lnTo>
                    <a:pt x="510540" y="4572"/>
                  </a:lnTo>
                  <a:lnTo>
                    <a:pt x="510540" y="0"/>
                  </a:lnTo>
                  <a:close/>
                </a:path>
                <a:path w="654050" h="5079">
                  <a:moveTo>
                    <a:pt x="516636" y="0"/>
                  </a:moveTo>
                  <a:lnTo>
                    <a:pt x="513588" y="0"/>
                  </a:lnTo>
                  <a:lnTo>
                    <a:pt x="513588" y="4572"/>
                  </a:lnTo>
                  <a:lnTo>
                    <a:pt x="516636" y="4572"/>
                  </a:lnTo>
                  <a:lnTo>
                    <a:pt x="516636" y="0"/>
                  </a:lnTo>
                  <a:close/>
                </a:path>
                <a:path w="654050" h="5079">
                  <a:moveTo>
                    <a:pt x="524256" y="0"/>
                  </a:moveTo>
                  <a:lnTo>
                    <a:pt x="521208" y="0"/>
                  </a:lnTo>
                  <a:lnTo>
                    <a:pt x="521208" y="4572"/>
                  </a:lnTo>
                  <a:lnTo>
                    <a:pt x="524256" y="4572"/>
                  </a:lnTo>
                  <a:lnTo>
                    <a:pt x="524256" y="0"/>
                  </a:lnTo>
                  <a:close/>
                </a:path>
                <a:path w="654050" h="5079">
                  <a:moveTo>
                    <a:pt x="530352" y="0"/>
                  </a:moveTo>
                  <a:lnTo>
                    <a:pt x="527304" y="0"/>
                  </a:lnTo>
                  <a:lnTo>
                    <a:pt x="527304" y="4572"/>
                  </a:lnTo>
                  <a:lnTo>
                    <a:pt x="530352" y="4572"/>
                  </a:lnTo>
                  <a:lnTo>
                    <a:pt x="530352" y="0"/>
                  </a:lnTo>
                  <a:close/>
                </a:path>
                <a:path w="654050" h="5079">
                  <a:moveTo>
                    <a:pt x="537972" y="0"/>
                  </a:moveTo>
                  <a:lnTo>
                    <a:pt x="534924" y="0"/>
                  </a:lnTo>
                  <a:lnTo>
                    <a:pt x="534924" y="4572"/>
                  </a:lnTo>
                  <a:lnTo>
                    <a:pt x="537972" y="4572"/>
                  </a:lnTo>
                  <a:lnTo>
                    <a:pt x="537972" y="0"/>
                  </a:lnTo>
                  <a:close/>
                </a:path>
                <a:path w="654050" h="5079">
                  <a:moveTo>
                    <a:pt x="544068" y="0"/>
                  </a:moveTo>
                  <a:lnTo>
                    <a:pt x="541020" y="0"/>
                  </a:lnTo>
                  <a:lnTo>
                    <a:pt x="541020" y="4572"/>
                  </a:lnTo>
                  <a:lnTo>
                    <a:pt x="544068" y="4572"/>
                  </a:lnTo>
                  <a:lnTo>
                    <a:pt x="544068" y="0"/>
                  </a:lnTo>
                  <a:close/>
                </a:path>
                <a:path w="654050" h="5079">
                  <a:moveTo>
                    <a:pt x="551688" y="0"/>
                  </a:moveTo>
                  <a:lnTo>
                    <a:pt x="548640" y="0"/>
                  </a:lnTo>
                  <a:lnTo>
                    <a:pt x="548640" y="4572"/>
                  </a:lnTo>
                  <a:lnTo>
                    <a:pt x="551688" y="4572"/>
                  </a:lnTo>
                  <a:lnTo>
                    <a:pt x="551688" y="0"/>
                  </a:lnTo>
                  <a:close/>
                </a:path>
                <a:path w="654050" h="5079">
                  <a:moveTo>
                    <a:pt x="557784" y="0"/>
                  </a:moveTo>
                  <a:lnTo>
                    <a:pt x="554736" y="0"/>
                  </a:lnTo>
                  <a:lnTo>
                    <a:pt x="554736" y="4572"/>
                  </a:lnTo>
                  <a:lnTo>
                    <a:pt x="557784" y="4572"/>
                  </a:lnTo>
                  <a:lnTo>
                    <a:pt x="557784" y="0"/>
                  </a:lnTo>
                  <a:close/>
                </a:path>
                <a:path w="654050" h="5079">
                  <a:moveTo>
                    <a:pt x="565404" y="0"/>
                  </a:moveTo>
                  <a:lnTo>
                    <a:pt x="562356" y="0"/>
                  </a:lnTo>
                  <a:lnTo>
                    <a:pt x="562356" y="4572"/>
                  </a:lnTo>
                  <a:lnTo>
                    <a:pt x="565404" y="4572"/>
                  </a:lnTo>
                  <a:lnTo>
                    <a:pt x="565404" y="0"/>
                  </a:lnTo>
                  <a:close/>
                </a:path>
                <a:path w="654050" h="5079">
                  <a:moveTo>
                    <a:pt x="571500" y="0"/>
                  </a:moveTo>
                  <a:lnTo>
                    <a:pt x="568452" y="0"/>
                  </a:lnTo>
                  <a:lnTo>
                    <a:pt x="568452" y="4572"/>
                  </a:lnTo>
                  <a:lnTo>
                    <a:pt x="571500" y="4572"/>
                  </a:lnTo>
                  <a:lnTo>
                    <a:pt x="571500" y="0"/>
                  </a:lnTo>
                  <a:close/>
                </a:path>
                <a:path w="654050" h="5079">
                  <a:moveTo>
                    <a:pt x="579120" y="0"/>
                  </a:moveTo>
                  <a:lnTo>
                    <a:pt x="576072" y="0"/>
                  </a:lnTo>
                  <a:lnTo>
                    <a:pt x="576072" y="4572"/>
                  </a:lnTo>
                  <a:lnTo>
                    <a:pt x="579120" y="4572"/>
                  </a:lnTo>
                  <a:lnTo>
                    <a:pt x="579120" y="0"/>
                  </a:lnTo>
                  <a:close/>
                </a:path>
                <a:path w="654050" h="5079">
                  <a:moveTo>
                    <a:pt x="585216" y="0"/>
                  </a:moveTo>
                  <a:lnTo>
                    <a:pt x="582168" y="0"/>
                  </a:lnTo>
                  <a:lnTo>
                    <a:pt x="582168" y="4572"/>
                  </a:lnTo>
                  <a:lnTo>
                    <a:pt x="585216" y="4572"/>
                  </a:lnTo>
                  <a:lnTo>
                    <a:pt x="585216" y="0"/>
                  </a:lnTo>
                  <a:close/>
                </a:path>
                <a:path w="654050" h="5079">
                  <a:moveTo>
                    <a:pt x="592836" y="0"/>
                  </a:moveTo>
                  <a:lnTo>
                    <a:pt x="589788" y="0"/>
                  </a:lnTo>
                  <a:lnTo>
                    <a:pt x="589788" y="4572"/>
                  </a:lnTo>
                  <a:lnTo>
                    <a:pt x="592836" y="4572"/>
                  </a:lnTo>
                  <a:lnTo>
                    <a:pt x="592836" y="0"/>
                  </a:lnTo>
                  <a:close/>
                </a:path>
                <a:path w="654050" h="5079">
                  <a:moveTo>
                    <a:pt x="598932" y="0"/>
                  </a:moveTo>
                  <a:lnTo>
                    <a:pt x="595884" y="0"/>
                  </a:lnTo>
                  <a:lnTo>
                    <a:pt x="595884" y="4572"/>
                  </a:lnTo>
                  <a:lnTo>
                    <a:pt x="598932" y="4572"/>
                  </a:lnTo>
                  <a:lnTo>
                    <a:pt x="598932" y="0"/>
                  </a:lnTo>
                  <a:close/>
                </a:path>
                <a:path w="654050" h="5079">
                  <a:moveTo>
                    <a:pt x="606552" y="0"/>
                  </a:moveTo>
                  <a:lnTo>
                    <a:pt x="601980" y="0"/>
                  </a:lnTo>
                  <a:lnTo>
                    <a:pt x="601980" y="4572"/>
                  </a:lnTo>
                  <a:lnTo>
                    <a:pt x="606552" y="4572"/>
                  </a:lnTo>
                  <a:lnTo>
                    <a:pt x="606552" y="0"/>
                  </a:lnTo>
                  <a:close/>
                </a:path>
                <a:path w="654050" h="5079">
                  <a:moveTo>
                    <a:pt x="612648" y="0"/>
                  </a:moveTo>
                  <a:lnTo>
                    <a:pt x="609600" y="0"/>
                  </a:lnTo>
                  <a:lnTo>
                    <a:pt x="609600" y="4572"/>
                  </a:lnTo>
                  <a:lnTo>
                    <a:pt x="612648" y="4572"/>
                  </a:lnTo>
                  <a:lnTo>
                    <a:pt x="612648" y="0"/>
                  </a:lnTo>
                  <a:close/>
                </a:path>
                <a:path w="654050" h="5079">
                  <a:moveTo>
                    <a:pt x="620268" y="0"/>
                  </a:moveTo>
                  <a:lnTo>
                    <a:pt x="615696" y="0"/>
                  </a:lnTo>
                  <a:lnTo>
                    <a:pt x="615696" y="4572"/>
                  </a:lnTo>
                  <a:lnTo>
                    <a:pt x="620268" y="4572"/>
                  </a:lnTo>
                  <a:lnTo>
                    <a:pt x="620268" y="0"/>
                  </a:lnTo>
                  <a:close/>
                </a:path>
                <a:path w="654050" h="5079">
                  <a:moveTo>
                    <a:pt x="626364" y="0"/>
                  </a:moveTo>
                  <a:lnTo>
                    <a:pt x="623316" y="0"/>
                  </a:lnTo>
                  <a:lnTo>
                    <a:pt x="623316" y="4572"/>
                  </a:lnTo>
                  <a:lnTo>
                    <a:pt x="626364" y="4572"/>
                  </a:lnTo>
                  <a:lnTo>
                    <a:pt x="626364" y="0"/>
                  </a:lnTo>
                  <a:close/>
                </a:path>
                <a:path w="654050" h="5079">
                  <a:moveTo>
                    <a:pt x="633984" y="0"/>
                  </a:moveTo>
                  <a:lnTo>
                    <a:pt x="629412" y="0"/>
                  </a:lnTo>
                  <a:lnTo>
                    <a:pt x="629412" y="4572"/>
                  </a:lnTo>
                  <a:lnTo>
                    <a:pt x="633984" y="4572"/>
                  </a:lnTo>
                  <a:lnTo>
                    <a:pt x="633984" y="0"/>
                  </a:lnTo>
                  <a:close/>
                </a:path>
                <a:path w="654050" h="5079">
                  <a:moveTo>
                    <a:pt x="640080" y="0"/>
                  </a:moveTo>
                  <a:lnTo>
                    <a:pt x="637032" y="0"/>
                  </a:lnTo>
                  <a:lnTo>
                    <a:pt x="637032" y="4572"/>
                  </a:lnTo>
                  <a:lnTo>
                    <a:pt x="640080" y="4572"/>
                  </a:lnTo>
                  <a:lnTo>
                    <a:pt x="640080" y="0"/>
                  </a:lnTo>
                  <a:close/>
                </a:path>
                <a:path w="654050" h="5079">
                  <a:moveTo>
                    <a:pt x="647700" y="0"/>
                  </a:moveTo>
                  <a:lnTo>
                    <a:pt x="643128" y="0"/>
                  </a:lnTo>
                  <a:lnTo>
                    <a:pt x="643128" y="4572"/>
                  </a:lnTo>
                  <a:lnTo>
                    <a:pt x="647700" y="4572"/>
                  </a:lnTo>
                  <a:lnTo>
                    <a:pt x="647700" y="0"/>
                  </a:lnTo>
                  <a:close/>
                </a:path>
                <a:path w="654050" h="5079">
                  <a:moveTo>
                    <a:pt x="653796" y="0"/>
                  </a:moveTo>
                  <a:lnTo>
                    <a:pt x="650748" y="0"/>
                  </a:lnTo>
                  <a:lnTo>
                    <a:pt x="650748" y="4572"/>
                  </a:lnTo>
                  <a:lnTo>
                    <a:pt x="653796" y="4572"/>
                  </a:lnTo>
                  <a:lnTo>
                    <a:pt x="653796" y="0"/>
                  </a:lnTo>
                  <a:close/>
                </a:path>
              </a:pathLst>
            </a:custGeom>
            <a:solidFill>
              <a:srgbClr val="D8D8D8"/>
            </a:solidFill>
          </p:spPr>
          <p:txBody>
            <a:bodyPr wrap="square" lIns="0" tIns="0" rIns="0" bIns="0" rtlCol="0"/>
            <a:lstStyle/>
            <a:p>
              <a:endParaRPr sz="1539"/>
            </a:p>
          </p:txBody>
        </p:sp>
        <p:sp>
          <p:nvSpPr>
            <p:cNvPr id="100" name="object 100"/>
            <p:cNvSpPr/>
            <p:nvPr/>
          </p:nvSpPr>
          <p:spPr>
            <a:xfrm>
              <a:off x="9686544" y="3403091"/>
              <a:ext cx="318770" cy="5080"/>
            </a:xfrm>
            <a:custGeom>
              <a:avLst/>
              <a:gdLst/>
              <a:ahLst/>
              <a:cxnLst/>
              <a:rect l="l" t="t" r="r" b="b"/>
              <a:pathLst>
                <a:path w="318770" h="5079">
                  <a:moveTo>
                    <a:pt x="3048" y="0"/>
                  </a:moveTo>
                  <a:lnTo>
                    <a:pt x="0" y="0"/>
                  </a:lnTo>
                  <a:lnTo>
                    <a:pt x="0" y="4572"/>
                  </a:lnTo>
                  <a:lnTo>
                    <a:pt x="3048" y="4572"/>
                  </a:lnTo>
                  <a:lnTo>
                    <a:pt x="3048" y="0"/>
                  </a:lnTo>
                  <a:close/>
                </a:path>
                <a:path w="318770" h="5079">
                  <a:moveTo>
                    <a:pt x="10668" y="0"/>
                  </a:moveTo>
                  <a:lnTo>
                    <a:pt x="6096" y="0"/>
                  </a:lnTo>
                  <a:lnTo>
                    <a:pt x="6096" y="4572"/>
                  </a:lnTo>
                  <a:lnTo>
                    <a:pt x="10668" y="4572"/>
                  </a:lnTo>
                  <a:lnTo>
                    <a:pt x="10668" y="0"/>
                  </a:lnTo>
                  <a:close/>
                </a:path>
                <a:path w="318770" h="5079">
                  <a:moveTo>
                    <a:pt x="16764" y="0"/>
                  </a:moveTo>
                  <a:lnTo>
                    <a:pt x="13716" y="0"/>
                  </a:lnTo>
                  <a:lnTo>
                    <a:pt x="13716" y="4572"/>
                  </a:lnTo>
                  <a:lnTo>
                    <a:pt x="16764" y="4572"/>
                  </a:lnTo>
                  <a:lnTo>
                    <a:pt x="16764" y="0"/>
                  </a:lnTo>
                  <a:close/>
                </a:path>
                <a:path w="318770" h="5079">
                  <a:moveTo>
                    <a:pt x="24384" y="0"/>
                  </a:moveTo>
                  <a:lnTo>
                    <a:pt x="19812" y="0"/>
                  </a:lnTo>
                  <a:lnTo>
                    <a:pt x="19812" y="4572"/>
                  </a:lnTo>
                  <a:lnTo>
                    <a:pt x="24384" y="4572"/>
                  </a:lnTo>
                  <a:lnTo>
                    <a:pt x="24384" y="0"/>
                  </a:lnTo>
                  <a:close/>
                </a:path>
                <a:path w="318770" h="5079">
                  <a:moveTo>
                    <a:pt x="195072" y="0"/>
                  </a:moveTo>
                  <a:lnTo>
                    <a:pt x="193548" y="0"/>
                  </a:lnTo>
                  <a:lnTo>
                    <a:pt x="193548" y="4572"/>
                  </a:lnTo>
                  <a:lnTo>
                    <a:pt x="195072" y="4572"/>
                  </a:lnTo>
                  <a:lnTo>
                    <a:pt x="195072" y="0"/>
                  </a:lnTo>
                  <a:close/>
                </a:path>
                <a:path w="318770" h="5079">
                  <a:moveTo>
                    <a:pt x="202692" y="0"/>
                  </a:moveTo>
                  <a:lnTo>
                    <a:pt x="198120" y="0"/>
                  </a:lnTo>
                  <a:lnTo>
                    <a:pt x="198120" y="4572"/>
                  </a:lnTo>
                  <a:lnTo>
                    <a:pt x="202692" y="4572"/>
                  </a:lnTo>
                  <a:lnTo>
                    <a:pt x="202692" y="0"/>
                  </a:lnTo>
                  <a:close/>
                </a:path>
                <a:path w="318770" h="5079">
                  <a:moveTo>
                    <a:pt x="208788" y="0"/>
                  </a:moveTo>
                  <a:lnTo>
                    <a:pt x="205740" y="0"/>
                  </a:lnTo>
                  <a:lnTo>
                    <a:pt x="205740" y="4572"/>
                  </a:lnTo>
                  <a:lnTo>
                    <a:pt x="208788" y="4572"/>
                  </a:lnTo>
                  <a:lnTo>
                    <a:pt x="208788" y="0"/>
                  </a:lnTo>
                  <a:close/>
                </a:path>
                <a:path w="318770" h="5079">
                  <a:moveTo>
                    <a:pt x="216408" y="0"/>
                  </a:moveTo>
                  <a:lnTo>
                    <a:pt x="211836" y="0"/>
                  </a:lnTo>
                  <a:lnTo>
                    <a:pt x="211836" y="4572"/>
                  </a:lnTo>
                  <a:lnTo>
                    <a:pt x="216408" y="4572"/>
                  </a:lnTo>
                  <a:lnTo>
                    <a:pt x="216408" y="0"/>
                  </a:lnTo>
                  <a:close/>
                </a:path>
                <a:path w="318770" h="5079">
                  <a:moveTo>
                    <a:pt x="222504" y="0"/>
                  </a:moveTo>
                  <a:lnTo>
                    <a:pt x="219456" y="0"/>
                  </a:lnTo>
                  <a:lnTo>
                    <a:pt x="219456" y="4572"/>
                  </a:lnTo>
                  <a:lnTo>
                    <a:pt x="222504" y="4572"/>
                  </a:lnTo>
                  <a:lnTo>
                    <a:pt x="222504" y="0"/>
                  </a:lnTo>
                  <a:close/>
                </a:path>
                <a:path w="318770" h="5079">
                  <a:moveTo>
                    <a:pt x="230124" y="0"/>
                  </a:moveTo>
                  <a:lnTo>
                    <a:pt x="225552" y="0"/>
                  </a:lnTo>
                  <a:lnTo>
                    <a:pt x="225552" y="4572"/>
                  </a:lnTo>
                  <a:lnTo>
                    <a:pt x="230124" y="4572"/>
                  </a:lnTo>
                  <a:lnTo>
                    <a:pt x="230124" y="0"/>
                  </a:lnTo>
                  <a:close/>
                </a:path>
                <a:path w="318770" h="5079">
                  <a:moveTo>
                    <a:pt x="236220" y="0"/>
                  </a:moveTo>
                  <a:lnTo>
                    <a:pt x="233172" y="0"/>
                  </a:lnTo>
                  <a:lnTo>
                    <a:pt x="233172" y="4572"/>
                  </a:lnTo>
                  <a:lnTo>
                    <a:pt x="236220" y="4572"/>
                  </a:lnTo>
                  <a:lnTo>
                    <a:pt x="236220" y="0"/>
                  </a:lnTo>
                  <a:close/>
                </a:path>
                <a:path w="318770" h="5079">
                  <a:moveTo>
                    <a:pt x="243840" y="0"/>
                  </a:moveTo>
                  <a:lnTo>
                    <a:pt x="239268" y="0"/>
                  </a:lnTo>
                  <a:lnTo>
                    <a:pt x="239268" y="4572"/>
                  </a:lnTo>
                  <a:lnTo>
                    <a:pt x="243840" y="4572"/>
                  </a:lnTo>
                  <a:lnTo>
                    <a:pt x="243840" y="0"/>
                  </a:lnTo>
                  <a:close/>
                </a:path>
                <a:path w="318770" h="5079">
                  <a:moveTo>
                    <a:pt x="249936" y="0"/>
                  </a:moveTo>
                  <a:lnTo>
                    <a:pt x="246888" y="0"/>
                  </a:lnTo>
                  <a:lnTo>
                    <a:pt x="246888" y="4572"/>
                  </a:lnTo>
                  <a:lnTo>
                    <a:pt x="249936" y="4572"/>
                  </a:lnTo>
                  <a:lnTo>
                    <a:pt x="249936" y="0"/>
                  </a:lnTo>
                  <a:close/>
                </a:path>
                <a:path w="318770" h="5079">
                  <a:moveTo>
                    <a:pt x="257556" y="0"/>
                  </a:moveTo>
                  <a:lnTo>
                    <a:pt x="252984" y="0"/>
                  </a:lnTo>
                  <a:lnTo>
                    <a:pt x="252984" y="4572"/>
                  </a:lnTo>
                  <a:lnTo>
                    <a:pt x="257556" y="4572"/>
                  </a:lnTo>
                  <a:lnTo>
                    <a:pt x="257556" y="0"/>
                  </a:lnTo>
                  <a:close/>
                </a:path>
                <a:path w="318770" h="5079">
                  <a:moveTo>
                    <a:pt x="263652" y="0"/>
                  </a:moveTo>
                  <a:lnTo>
                    <a:pt x="260604" y="0"/>
                  </a:lnTo>
                  <a:lnTo>
                    <a:pt x="260604" y="4572"/>
                  </a:lnTo>
                  <a:lnTo>
                    <a:pt x="263652" y="4572"/>
                  </a:lnTo>
                  <a:lnTo>
                    <a:pt x="263652" y="0"/>
                  </a:lnTo>
                  <a:close/>
                </a:path>
                <a:path w="318770" h="5079">
                  <a:moveTo>
                    <a:pt x="271272" y="0"/>
                  </a:moveTo>
                  <a:lnTo>
                    <a:pt x="266700" y="0"/>
                  </a:lnTo>
                  <a:lnTo>
                    <a:pt x="266700" y="4572"/>
                  </a:lnTo>
                  <a:lnTo>
                    <a:pt x="271272" y="4572"/>
                  </a:lnTo>
                  <a:lnTo>
                    <a:pt x="271272" y="0"/>
                  </a:lnTo>
                  <a:close/>
                </a:path>
                <a:path w="318770" h="5079">
                  <a:moveTo>
                    <a:pt x="277368" y="0"/>
                  </a:moveTo>
                  <a:lnTo>
                    <a:pt x="274320" y="0"/>
                  </a:lnTo>
                  <a:lnTo>
                    <a:pt x="274320" y="4572"/>
                  </a:lnTo>
                  <a:lnTo>
                    <a:pt x="277368" y="4572"/>
                  </a:lnTo>
                  <a:lnTo>
                    <a:pt x="277368" y="0"/>
                  </a:lnTo>
                  <a:close/>
                </a:path>
                <a:path w="318770" h="5079">
                  <a:moveTo>
                    <a:pt x="284988" y="0"/>
                  </a:moveTo>
                  <a:lnTo>
                    <a:pt x="280416" y="0"/>
                  </a:lnTo>
                  <a:lnTo>
                    <a:pt x="280416" y="4572"/>
                  </a:lnTo>
                  <a:lnTo>
                    <a:pt x="284988" y="4572"/>
                  </a:lnTo>
                  <a:lnTo>
                    <a:pt x="284988" y="0"/>
                  </a:lnTo>
                  <a:close/>
                </a:path>
                <a:path w="318770" h="5079">
                  <a:moveTo>
                    <a:pt x="291084" y="0"/>
                  </a:moveTo>
                  <a:lnTo>
                    <a:pt x="288036" y="0"/>
                  </a:lnTo>
                  <a:lnTo>
                    <a:pt x="288036" y="4572"/>
                  </a:lnTo>
                  <a:lnTo>
                    <a:pt x="291084" y="4572"/>
                  </a:lnTo>
                  <a:lnTo>
                    <a:pt x="291084" y="0"/>
                  </a:lnTo>
                  <a:close/>
                </a:path>
                <a:path w="318770" h="5079">
                  <a:moveTo>
                    <a:pt x="298704" y="0"/>
                  </a:moveTo>
                  <a:lnTo>
                    <a:pt x="294132" y="0"/>
                  </a:lnTo>
                  <a:lnTo>
                    <a:pt x="294132" y="4572"/>
                  </a:lnTo>
                  <a:lnTo>
                    <a:pt x="298704" y="4572"/>
                  </a:lnTo>
                  <a:lnTo>
                    <a:pt x="298704" y="0"/>
                  </a:lnTo>
                  <a:close/>
                </a:path>
                <a:path w="318770" h="5079">
                  <a:moveTo>
                    <a:pt x="304800" y="0"/>
                  </a:moveTo>
                  <a:lnTo>
                    <a:pt x="301752" y="0"/>
                  </a:lnTo>
                  <a:lnTo>
                    <a:pt x="301752" y="4572"/>
                  </a:lnTo>
                  <a:lnTo>
                    <a:pt x="304800" y="4572"/>
                  </a:lnTo>
                  <a:lnTo>
                    <a:pt x="304800" y="0"/>
                  </a:lnTo>
                  <a:close/>
                </a:path>
                <a:path w="318770" h="5079">
                  <a:moveTo>
                    <a:pt x="312420" y="0"/>
                  </a:moveTo>
                  <a:lnTo>
                    <a:pt x="307848" y="0"/>
                  </a:lnTo>
                  <a:lnTo>
                    <a:pt x="307848" y="4572"/>
                  </a:lnTo>
                  <a:lnTo>
                    <a:pt x="312420" y="4572"/>
                  </a:lnTo>
                  <a:lnTo>
                    <a:pt x="312420" y="0"/>
                  </a:lnTo>
                  <a:close/>
                </a:path>
                <a:path w="318770" h="5079">
                  <a:moveTo>
                    <a:pt x="318516" y="0"/>
                  </a:moveTo>
                  <a:lnTo>
                    <a:pt x="315468" y="0"/>
                  </a:lnTo>
                  <a:lnTo>
                    <a:pt x="315468" y="4572"/>
                  </a:lnTo>
                  <a:lnTo>
                    <a:pt x="318516" y="4572"/>
                  </a:lnTo>
                  <a:lnTo>
                    <a:pt x="318516" y="0"/>
                  </a:lnTo>
                  <a:close/>
                </a:path>
              </a:pathLst>
            </a:custGeom>
            <a:solidFill>
              <a:srgbClr val="D8D8D8"/>
            </a:solidFill>
          </p:spPr>
          <p:txBody>
            <a:bodyPr wrap="square" lIns="0" tIns="0" rIns="0" bIns="0" rtlCol="0"/>
            <a:lstStyle/>
            <a:p>
              <a:endParaRPr sz="1539"/>
            </a:p>
          </p:txBody>
        </p:sp>
        <p:sp>
          <p:nvSpPr>
            <p:cNvPr id="101" name="object 101"/>
            <p:cNvSpPr/>
            <p:nvPr/>
          </p:nvSpPr>
          <p:spPr>
            <a:xfrm>
              <a:off x="1085087" y="2846069"/>
              <a:ext cx="551815" cy="0"/>
            </a:xfrm>
            <a:custGeom>
              <a:avLst/>
              <a:gdLst/>
              <a:ahLst/>
              <a:cxnLst/>
              <a:rect l="l" t="t" r="r" b="b"/>
              <a:pathLst>
                <a:path w="551814">
                  <a:moveTo>
                    <a:pt x="0" y="0"/>
                  </a:moveTo>
                  <a:lnTo>
                    <a:pt x="126492" y="0"/>
                  </a:lnTo>
                </a:path>
                <a:path w="551814">
                  <a:moveTo>
                    <a:pt x="297180" y="0"/>
                  </a:moveTo>
                  <a:lnTo>
                    <a:pt x="551688" y="0"/>
                  </a:lnTo>
                </a:path>
              </a:pathLst>
            </a:custGeom>
            <a:ln w="4572">
              <a:solidFill>
                <a:srgbClr val="D8D8D8"/>
              </a:solidFill>
              <a:prstDash val="sysDot"/>
            </a:ln>
          </p:spPr>
          <p:txBody>
            <a:bodyPr wrap="square" lIns="0" tIns="0" rIns="0" bIns="0" rtlCol="0"/>
            <a:lstStyle/>
            <a:p>
              <a:endParaRPr sz="1539"/>
            </a:p>
          </p:txBody>
        </p:sp>
        <p:sp>
          <p:nvSpPr>
            <p:cNvPr id="102" name="object 102"/>
            <p:cNvSpPr/>
            <p:nvPr/>
          </p:nvSpPr>
          <p:spPr>
            <a:xfrm>
              <a:off x="1812036" y="2843783"/>
              <a:ext cx="647700" cy="5080"/>
            </a:xfrm>
            <a:custGeom>
              <a:avLst/>
              <a:gdLst/>
              <a:ahLst/>
              <a:cxnLst/>
              <a:rect l="l" t="t" r="r" b="b"/>
              <a:pathLst>
                <a:path w="647700" h="5080">
                  <a:moveTo>
                    <a:pt x="3048" y="0"/>
                  </a:moveTo>
                  <a:lnTo>
                    <a:pt x="0" y="0"/>
                  </a:lnTo>
                  <a:lnTo>
                    <a:pt x="0" y="4572"/>
                  </a:lnTo>
                  <a:lnTo>
                    <a:pt x="3048" y="4572"/>
                  </a:lnTo>
                  <a:lnTo>
                    <a:pt x="3048" y="0"/>
                  </a:lnTo>
                  <a:close/>
                </a:path>
                <a:path w="647700" h="5080">
                  <a:moveTo>
                    <a:pt x="9144" y="0"/>
                  </a:moveTo>
                  <a:lnTo>
                    <a:pt x="6096" y="0"/>
                  </a:lnTo>
                  <a:lnTo>
                    <a:pt x="6096" y="4572"/>
                  </a:lnTo>
                  <a:lnTo>
                    <a:pt x="9144" y="4572"/>
                  </a:lnTo>
                  <a:lnTo>
                    <a:pt x="9144" y="0"/>
                  </a:lnTo>
                  <a:close/>
                </a:path>
                <a:path w="647700" h="5080">
                  <a:moveTo>
                    <a:pt x="16764" y="0"/>
                  </a:moveTo>
                  <a:lnTo>
                    <a:pt x="13716" y="0"/>
                  </a:lnTo>
                  <a:lnTo>
                    <a:pt x="13716" y="4572"/>
                  </a:lnTo>
                  <a:lnTo>
                    <a:pt x="16764" y="4572"/>
                  </a:lnTo>
                  <a:lnTo>
                    <a:pt x="16764" y="0"/>
                  </a:lnTo>
                  <a:close/>
                </a:path>
                <a:path w="647700" h="5080">
                  <a:moveTo>
                    <a:pt x="22860" y="0"/>
                  </a:moveTo>
                  <a:lnTo>
                    <a:pt x="19812" y="0"/>
                  </a:lnTo>
                  <a:lnTo>
                    <a:pt x="19812" y="4572"/>
                  </a:lnTo>
                  <a:lnTo>
                    <a:pt x="22860" y="4572"/>
                  </a:lnTo>
                  <a:lnTo>
                    <a:pt x="22860" y="0"/>
                  </a:lnTo>
                  <a:close/>
                </a:path>
                <a:path w="647700" h="5080">
                  <a:moveTo>
                    <a:pt x="30480" y="0"/>
                  </a:moveTo>
                  <a:lnTo>
                    <a:pt x="27432" y="0"/>
                  </a:lnTo>
                  <a:lnTo>
                    <a:pt x="27432" y="4572"/>
                  </a:lnTo>
                  <a:lnTo>
                    <a:pt x="30480" y="4572"/>
                  </a:lnTo>
                  <a:lnTo>
                    <a:pt x="30480" y="0"/>
                  </a:lnTo>
                  <a:close/>
                </a:path>
                <a:path w="647700" h="5080">
                  <a:moveTo>
                    <a:pt x="36576" y="0"/>
                  </a:moveTo>
                  <a:lnTo>
                    <a:pt x="33528" y="0"/>
                  </a:lnTo>
                  <a:lnTo>
                    <a:pt x="33528" y="4572"/>
                  </a:lnTo>
                  <a:lnTo>
                    <a:pt x="36576" y="4572"/>
                  </a:lnTo>
                  <a:lnTo>
                    <a:pt x="36576" y="0"/>
                  </a:lnTo>
                  <a:close/>
                </a:path>
                <a:path w="647700" h="5080">
                  <a:moveTo>
                    <a:pt x="44196" y="0"/>
                  </a:moveTo>
                  <a:lnTo>
                    <a:pt x="41148" y="0"/>
                  </a:lnTo>
                  <a:lnTo>
                    <a:pt x="41148" y="4572"/>
                  </a:lnTo>
                  <a:lnTo>
                    <a:pt x="44196" y="4572"/>
                  </a:lnTo>
                  <a:lnTo>
                    <a:pt x="44196" y="0"/>
                  </a:lnTo>
                  <a:close/>
                </a:path>
                <a:path w="647700" h="5080">
                  <a:moveTo>
                    <a:pt x="50292" y="0"/>
                  </a:moveTo>
                  <a:lnTo>
                    <a:pt x="47244" y="0"/>
                  </a:lnTo>
                  <a:lnTo>
                    <a:pt x="47244" y="4572"/>
                  </a:lnTo>
                  <a:lnTo>
                    <a:pt x="50292" y="4572"/>
                  </a:lnTo>
                  <a:lnTo>
                    <a:pt x="50292" y="0"/>
                  </a:lnTo>
                  <a:close/>
                </a:path>
                <a:path w="647700" h="5080">
                  <a:moveTo>
                    <a:pt x="57912" y="0"/>
                  </a:moveTo>
                  <a:lnTo>
                    <a:pt x="54864" y="0"/>
                  </a:lnTo>
                  <a:lnTo>
                    <a:pt x="54864" y="4572"/>
                  </a:lnTo>
                  <a:lnTo>
                    <a:pt x="57912" y="4572"/>
                  </a:lnTo>
                  <a:lnTo>
                    <a:pt x="57912" y="0"/>
                  </a:lnTo>
                  <a:close/>
                </a:path>
                <a:path w="647700" h="5080">
                  <a:moveTo>
                    <a:pt x="64008" y="0"/>
                  </a:moveTo>
                  <a:lnTo>
                    <a:pt x="60960" y="0"/>
                  </a:lnTo>
                  <a:lnTo>
                    <a:pt x="60960" y="4572"/>
                  </a:lnTo>
                  <a:lnTo>
                    <a:pt x="64008" y="4572"/>
                  </a:lnTo>
                  <a:lnTo>
                    <a:pt x="64008" y="0"/>
                  </a:lnTo>
                  <a:close/>
                </a:path>
                <a:path w="647700" h="5080">
                  <a:moveTo>
                    <a:pt x="71628" y="0"/>
                  </a:moveTo>
                  <a:lnTo>
                    <a:pt x="68580" y="0"/>
                  </a:lnTo>
                  <a:lnTo>
                    <a:pt x="68580" y="4572"/>
                  </a:lnTo>
                  <a:lnTo>
                    <a:pt x="71628" y="4572"/>
                  </a:lnTo>
                  <a:lnTo>
                    <a:pt x="71628" y="0"/>
                  </a:lnTo>
                  <a:close/>
                </a:path>
                <a:path w="647700" h="5080">
                  <a:moveTo>
                    <a:pt x="77724" y="0"/>
                  </a:moveTo>
                  <a:lnTo>
                    <a:pt x="74676" y="0"/>
                  </a:lnTo>
                  <a:lnTo>
                    <a:pt x="74676" y="4572"/>
                  </a:lnTo>
                  <a:lnTo>
                    <a:pt x="77724" y="4572"/>
                  </a:lnTo>
                  <a:lnTo>
                    <a:pt x="77724" y="0"/>
                  </a:lnTo>
                  <a:close/>
                </a:path>
                <a:path w="647700" h="5080">
                  <a:moveTo>
                    <a:pt x="85344" y="0"/>
                  </a:moveTo>
                  <a:lnTo>
                    <a:pt x="82296" y="0"/>
                  </a:lnTo>
                  <a:lnTo>
                    <a:pt x="82296" y="4572"/>
                  </a:lnTo>
                  <a:lnTo>
                    <a:pt x="85344" y="4572"/>
                  </a:lnTo>
                  <a:lnTo>
                    <a:pt x="85344" y="0"/>
                  </a:lnTo>
                  <a:close/>
                </a:path>
                <a:path w="647700" h="5080">
                  <a:moveTo>
                    <a:pt x="91440" y="0"/>
                  </a:moveTo>
                  <a:lnTo>
                    <a:pt x="88392" y="0"/>
                  </a:lnTo>
                  <a:lnTo>
                    <a:pt x="88392" y="4572"/>
                  </a:lnTo>
                  <a:lnTo>
                    <a:pt x="91440" y="4572"/>
                  </a:lnTo>
                  <a:lnTo>
                    <a:pt x="91440" y="0"/>
                  </a:lnTo>
                  <a:close/>
                </a:path>
                <a:path w="647700" h="5080">
                  <a:moveTo>
                    <a:pt x="99060" y="0"/>
                  </a:moveTo>
                  <a:lnTo>
                    <a:pt x="96012" y="0"/>
                  </a:lnTo>
                  <a:lnTo>
                    <a:pt x="96012" y="4572"/>
                  </a:lnTo>
                  <a:lnTo>
                    <a:pt x="99060" y="4572"/>
                  </a:lnTo>
                  <a:lnTo>
                    <a:pt x="99060" y="0"/>
                  </a:lnTo>
                  <a:close/>
                </a:path>
                <a:path w="647700" h="5080">
                  <a:moveTo>
                    <a:pt x="105156" y="0"/>
                  </a:moveTo>
                  <a:lnTo>
                    <a:pt x="102108" y="0"/>
                  </a:lnTo>
                  <a:lnTo>
                    <a:pt x="102108" y="4572"/>
                  </a:lnTo>
                  <a:lnTo>
                    <a:pt x="105156" y="4572"/>
                  </a:lnTo>
                  <a:lnTo>
                    <a:pt x="105156" y="0"/>
                  </a:lnTo>
                  <a:close/>
                </a:path>
                <a:path w="647700" h="5080">
                  <a:moveTo>
                    <a:pt x="112776" y="0"/>
                  </a:moveTo>
                  <a:lnTo>
                    <a:pt x="109728" y="0"/>
                  </a:lnTo>
                  <a:lnTo>
                    <a:pt x="109728" y="4572"/>
                  </a:lnTo>
                  <a:lnTo>
                    <a:pt x="112776" y="4572"/>
                  </a:lnTo>
                  <a:lnTo>
                    <a:pt x="112776" y="0"/>
                  </a:lnTo>
                  <a:close/>
                </a:path>
                <a:path w="647700" h="5080">
                  <a:moveTo>
                    <a:pt x="118872" y="0"/>
                  </a:moveTo>
                  <a:lnTo>
                    <a:pt x="115824" y="0"/>
                  </a:lnTo>
                  <a:lnTo>
                    <a:pt x="115824" y="4572"/>
                  </a:lnTo>
                  <a:lnTo>
                    <a:pt x="118872" y="4572"/>
                  </a:lnTo>
                  <a:lnTo>
                    <a:pt x="118872" y="0"/>
                  </a:lnTo>
                  <a:close/>
                </a:path>
                <a:path w="647700" h="5080">
                  <a:moveTo>
                    <a:pt x="126492" y="0"/>
                  </a:moveTo>
                  <a:lnTo>
                    <a:pt x="123444" y="0"/>
                  </a:lnTo>
                  <a:lnTo>
                    <a:pt x="123444" y="4572"/>
                  </a:lnTo>
                  <a:lnTo>
                    <a:pt x="126492" y="4572"/>
                  </a:lnTo>
                  <a:lnTo>
                    <a:pt x="126492" y="0"/>
                  </a:lnTo>
                  <a:close/>
                </a:path>
                <a:path w="647700" h="5080">
                  <a:moveTo>
                    <a:pt x="132588" y="0"/>
                  </a:moveTo>
                  <a:lnTo>
                    <a:pt x="129540" y="0"/>
                  </a:lnTo>
                  <a:lnTo>
                    <a:pt x="129540" y="4572"/>
                  </a:lnTo>
                  <a:lnTo>
                    <a:pt x="132588" y="4572"/>
                  </a:lnTo>
                  <a:lnTo>
                    <a:pt x="132588" y="0"/>
                  </a:lnTo>
                  <a:close/>
                </a:path>
                <a:path w="647700" h="5080">
                  <a:moveTo>
                    <a:pt x="140208" y="0"/>
                  </a:moveTo>
                  <a:lnTo>
                    <a:pt x="137160" y="0"/>
                  </a:lnTo>
                  <a:lnTo>
                    <a:pt x="137160" y="4572"/>
                  </a:lnTo>
                  <a:lnTo>
                    <a:pt x="140208" y="4572"/>
                  </a:lnTo>
                  <a:lnTo>
                    <a:pt x="140208" y="0"/>
                  </a:lnTo>
                  <a:close/>
                </a:path>
                <a:path w="647700" h="5080">
                  <a:moveTo>
                    <a:pt x="146304" y="0"/>
                  </a:moveTo>
                  <a:lnTo>
                    <a:pt x="143256" y="0"/>
                  </a:lnTo>
                  <a:lnTo>
                    <a:pt x="143256" y="4572"/>
                  </a:lnTo>
                  <a:lnTo>
                    <a:pt x="146304" y="4572"/>
                  </a:lnTo>
                  <a:lnTo>
                    <a:pt x="146304" y="0"/>
                  </a:lnTo>
                  <a:close/>
                </a:path>
                <a:path w="647700" h="5080">
                  <a:moveTo>
                    <a:pt x="153924" y="0"/>
                  </a:moveTo>
                  <a:lnTo>
                    <a:pt x="150876" y="0"/>
                  </a:lnTo>
                  <a:lnTo>
                    <a:pt x="150876" y="4572"/>
                  </a:lnTo>
                  <a:lnTo>
                    <a:pt x="153924" y="4572"/>
                  </a:lnTo>
                  <a:lnTo>
                    <a:pt x="153924" y="0"/>
                  </a:lnTo>
                  <a:close/>
                </a:path>
                <a:path w="647700" h="5080">
                  <a:moveTo>
                    <a:pt x="160020" y="0"/>
                  </a:moveTo>
                  <a:lnTo>
                    <a:pt x="156972" y="0"/>
                  </a:lnTo>
                  <a:lnTo>
                    <a:pt x="156972" y="4572"/>
                  </a:lnTo>
                  <a:lnTo>
                    <a:pt x="160020" y="4572"/>
                  </a:lnTo>
                  <a:lnTo>
                    <a:pt x="160020" y="0"/>
                  </a:lnTo>
                  <a:close/>
                </a:path>
                <a:path w="647700" h="5080">
                  <a:moveTo>
                    <a:pt x="167640" y="0"/>
                  </a:moveTo>
                  <a:lnTo>
                    <a:pt x="164592" y="0"/>
                  </a:lnTo>
                  <a:lnTo>
                    <a:pt x="164592" y="4572"/>
                  </a:lnTo>
                  <a:lnTo>
                    <a:pt x="167640" y="4572"/>
                  </a:lnTo>
                  <a:lnTo>
                    <a:pt x="167640" y="0"/>
                  </a:lnTo>
                  <a:close/>
                </a:path>
                <a:path w="647700" h="5080">
                  <a:moveTo>
                    <a:pt x="173736" y="0"/>
                  </a:moveTo>
                  <a:lnTo>
                    <a:pt x="170688" y="0"/>
                  </a:lnTo>
                  <a:lnTo>
                    <a:pt x="170688" y="4572"/>
                  </a:lnTo>
                  <a:lnTo>
                    <a:pt x="173736" y="4572"/>
                  </a:lnTo>
                  <a:lnTo>
                    <a:pt x="173736" y="0"/>
                  </a:lnTo>
                  <a:close/>
                </a:path>
                <a:path w="647700" h="5080">
                  <a:moveTo>
                    <a:pt x="181356" y="0"/>
                  </a:moveTo>
                  <a:lnTo>
                    <a:pt x="178308" y="0"/>
                  </a:lnTo>
                  <a:lnTo>
                    <a:pt x="178308" y="4572"/>
                  </a:lnTo>
                  <a:lnTo>
                    <a:pt x="181356" y="4572"/>
                  </a:lnTo>
                  <a:lnTo>
                    <a:pt x="181356" y="0"/>
                  </a:lnTo>
                  <a:close/>
                </a:path>
                <a:path w="647700" h="5080">
                  <a:moveTo>
                    <a:pt x="187452" y="0"/>
                  </a:moveTo>
                  <a:lnTo>
                    <a:pt x="184404" y="0"/>
                  </a:lnTo>
                  <a:lnTo>
                    <a:pt x="184404" y="4572"/>
                  </a:lnTo>
                  <a:lnTo>
                    <a:pt x="187452" y="4572"/>
                  </a:lnTo>
                  <a:lnTo>
                    <a:pt x="187452" y="0"/>
                  </a:lnTo>
                  <a:close/>
                </a:path>
                <a:path w="647700" h="5080">
                  <a:moveTo>
                    <a:pt x="195072" y="0"/>
                  </a:moveTo>
                  <a:lnTo>
                    <a:pt x="192024" y="0"/>
                  </a:lnTo>
                  <a:lnTo>
                    <a:pt x="192024" y="4572"/>
                  </a:lnTo>
                  <a:lnTo>
                    <a:pt x="195072" y="4572"/>
                  </a:lnTo>
                  <a:lnTo>
                    <a:pt x="195072" y="0"/>
                  </a:lnTo>
                  <a:close/>
                </a:path>
                <a:path w="647700" h="5080">
                  <a:moveTo>
                    <a:pt x="201168" y="0"/>
                  </a:moveTo>
                  <a:lnTo>
                    <a:pt x="198120" y="0"/>
                  </a:lnTo>
                  <a:lnTo>
                    <a:pt x="198120" y="4572"/>
                  </a:lnTo>
                  <a:lnTo>
                    <a:pt x="201168" y="4572"/>
                  </a:lnTo>
                  <a:lnTo>
                    <a:pt x="201168" y="0"/>
                  </a:lnTo>
                  <a:close/>
                </a:path>
                <a:path w="647700" h="5080">
                  <a:moveTo>
                    <a:pt x="208788" y="0"/>
                  </a:moveTo>
                  <a:lnTo>
                    <a:pt x="205740" y="0"/>
                  </a:lnTo>
                  <a:lnTo>
                    <a:pt x="205740" y="4572"/>
                  </a:lnTo>
                  <a:lnTo>
                    <a:pt x="208788" y="4572"/>
                  </a:lnTo>
                  <a:lnTo>
                    <a:pt x="208788" y="0"/>
                  </a:lnTo>
                  <a:close/>
                </a:path>
                <a:path w="647700" h="5080">
                  <a:moveTo>
                    <a:pt x="214884" y="0"/>
                  </a:moveTo>
                  <a:lnTo>
                    <a:pt x="211836" y="0"/>
                  </a:lnTo>
                  <a:lnTo>
                    <a:pt x="211836" y="4572"/>
                  </a:lnTo>
                  <a:lnTo>
                    <a:pt x="214884" y="4572"/>
                  </a:lnTo>
                  <a:lnTo>
                    <a:pt x="214884" y="0"/>
                  </a:lnTo>
                  <a:close/>
                </a:path>
                <a:path w="647700" h="5080">
                  <a:moveTo>
                    <a:pt x="222504" y="0"/>
                  </a:moveTo>
                  <a:lnTo>
                    <a:pt x="219456" y="0"/>
                  </a:lnTo>
                  <a:lnTo>
                    <a:pt x="219456" y="4572"/>
                  </a:lnTo>
                  <a:lnTo>
                    <a:pt x="222504" y="4572"/>
                  </a:lnTo>
                  <a:lnTo>
                    <a:pt x="222504" y="0"/>
                  </a:lnTo>
                  <a:close/>
                </a:path>
                <a:path w="647700" h="5080">
                  <a:moveTo>
                    <a:pt x="228600" y="0"/>
                  </a:moveTo>
                  <a:lnTo>
                    <a:pt x="225552" y="0"/>
                  </a:lnTo>
                  <a:lnTo>
                    <a:pt x="225552" y="4572"/>
                  </a:lnTo>
                  <a:lnTo>
                    <a:pt x="228600" y="4572"/>
                  </a:lnTo>
                  <a:lnTo>
                    <a:pt x="228600" y="0"/>
                  </a:lnTo>
                  <a:close/>
                </a:path>
                <a:path w="647700" h="5080">
                  <a:moveTo>
                    <a:pt x="236220" y="0"/>
                  </a:moveTo>
                  <a:lnTo>
                    <a:pt x="233172" y="0"/>
                  </a:lnTo>
                  <a:lnTo>
                    <a:pt x="233172" y="4572"/>
                  </a:lnTo>
                  <a:lnTo>
                    <a:pt x="236220" y="4572"/>
                  </a:lnTo>
                  <a:lnTo>
                    <a:pt x="236220" y="0"/>
                  </a:lnTo>
                  <a:close/>
                </a:path>
                <a:path w="647700" h="5080">
                  <a:moveTo>
                    <a:pt x="242316" y="0"/>
                  </a:moveTo>
                  <a:lnTo>
                    <a:pt x="239268" y="0"/>
                  </a:lnTo>
                  <a:lnTo>
                    <a:pt x="239268" y="4572"/>
                  </a:lnTo>
                  <a:lnTo>
                    <a:pt x="242316" y="4572"/>
                  </a:lnTo>
                  <a:lnTo>
                    <a:pt x="242316" y="0"/>
                  </a:lnTo>
                  <a:close/>
                </a:path>
                <a:path w="647700" h="5080">
                  <a:moveTo>
                    <a:pt x="249936" y="0"/>
                  </a:moveTo>
                  <a:lnTo>
                    <a:pt x="246888" y="0"/>
                  </a:lnTo>
                  <a:lnTo>
                    <a:pt x="246888" y="4572"/>
                  </a:lnTo>
                  <a:lnTo>
                    <a:pt x="249936" y="4572"/>
                  </a:lnTo>
                  <a:lnTo>
                    <a:pt x="249936" y="0"/>
                  </a:lnTo>
                  <a:close/>
                </a:path>
                <a:path w="647700" h="5080">
                  <a:moveTo>
                    <a:pt x="420624" y="0"/>
                  </a:moveTo>
                  <a:lnTo>
                    <a:pt x="419100" y="0"/>
                  </a:lnTo>
                  <a:lnTo>
                    <a:pt x="419100" y="4572"/>
                  </a:lnTo>
                  <a:lnTo>
                    <a:pt x="420624" y="4572"/>
                  </a:lnTo>
                  <a:lnTo>
                    <a:pt x="420624" y="0"/>
                  </a:lnTo>
                  <a:close/>
                </a:path>
                <a:path w="647700" h="5080">
                  <a:moveTo>
                    <a:pt x="428244" y="0"/>
                  </a:moveTo>
                  <a:lnTo>
                    <a:pt x="425196" y="0"/>
                  </a:lnTo>
                  <a:lnTo>
                    <a:pt x="425196" y="4572"/>
                  </a:lnTo>
                  <a:lnTo>
                    <a:pt x="428244" y="4572"/>
                  </a:lnTo>
                  <a:lnTo>
                    <a:pt x="428244" y="0"/>
                  </a:lnTo>
                  <a:close/>
                </a:path>
                <a:path w="647700" h="5080">
                  <a:moveTo>
                    <a:pt x="434340" y="0"/>
                  </a:moveTo>
                  <a:lnTo>
                    <a:pt x="431292" y="0"/>
                  </a:lnTo>
                  <a:lnTo>
                    <a:pt x="431292" y="4572"/>
                  </a:lnTo>
                  <a:lnTo>
                    <a:pt x="434340" y="4572"/>
                  </a:lnTo>
                  <a:lnTo>
                    <a:pt x="434340" y="0"/>
                  </a:lnTo>
                  <a:close/>
                </a:path>
                <a:path w="647700" h="5080">
                  <a:moveTo>
                    <a:pt x="441960" y="0"/>
                  </a:moveTo>
                  <a:lnTo>
                    <a:pt x="438912" y="0"/>
                  </a:lnTo>
                  <a:lnTo>
                    <a:pt x="438912" y="4572"/>
                  </a:lnTo>
                  <a:lnTo>
                    <a:pt x="441960" y="4572"/>
                  </a:lnTo>
                  <a:lnTo>
                    <a:pt x="441960" y="0"/>
                  </a:lnTo>
                  <a:close/>
                </a:path>
                <a:path w="647700" h="5080">
                  <a:moveTo>
                    <a:pt x="448056" y="0"/>
                  </a:moveTo>
                  <a:lnTo>
                    <a:pt x="445008" y="0"/>
                  </a:lnTo>
                  <a:lnTo>
                    <a:pt x="445008" y="4572"/>
                  </a:lnTo>
                  <a:lnTo>
                    <a:pt x="448056" y="4572"/>
                  </a:lnTo>
                  <a:lnTo>
                    <a:pt x="448056" y="0"/>
                  </a:lnTo>
                  <a:close/>
                </a:path>
                <a:path w="647700" h="5080">
                  <a:moveTo>
                    <a:pt x="455676" y="0"/>
                  </a:moveTo>
                  <a:lnTo>
                    <a:pt x="452628" y="0"/>
                  </a:lnTo>
                  <a:lnTo>
                    <a:pt x="452628" y="4572"/>
                  </a:lnTo>
                  <a:lnTo>
                    <a:pt x="455676" y="4572"/>
                  </a:lnTo>
                  <a:lnTo>
                    <a:pt x="455676" y="0"/>
                  </a:lnTo>
                  <a:close/>
                </a:path>
                <a:path w="647700" h="5080">
                  <a:moveTo>
                    <a:pt x="461772" y="0"/>
                  </a:moveTo>
                  <a:lnTo>
                    <a:pt x="458724" y="0"/>
                  </a:lnTo>
                  <a:lnTo>
                    <a:pt x="458724" y="4572"/>
                  </a:lnTo>
                  <a:lnTo>
                    <a:pt x="461772" y="4572"/>
                  </a:lnTo>
                  <a:lnTo>
                    <a:pt x="461772" y="0"/>
                  </a:lnTo>
                  <a:close/>
                </a:path>
                <a:path w="647700" h="5080">
                  <a:moveTo>
                    <a:pt x="469392" y="0"/>
                  </a:moveTo>
                  <a:lnTo>
                    <a:pt x="466344" y="0"/>
                  </a:lnTo>
                  <a:lnTo>
                    <a:pt x="466344" y="4572"/>
                  </a:lnTo>
                  <a:lnTo>
                    <a:pt x="469392" y="4572"/>
                  </a:lnTo>
                  <a:lnTo>
                    <a:pt x="469392" y="0"/>
                  </a:lnTo>
                  <a:close/>
                </a:path>
                <a:path w="647700" h="5080">
                  <a:moveTo>
                    <a:pt x="475488" y="0"/>
                  </a:moveTo>
                  <a:lnTo>
                    <a:pt x="472440" y="0"/>
                  </a:lnTo>
                  <a:lnTo>
                    <a:pt x="472440" y="4572"/>
                  </a:lnTo>
                  <a:lnTo>
                    <a:pt x="475488" y="4572"/>
                  </a:lnTo>
                  <a:lnTo>
                    <a:pt x="475488" y="0"/>
                  </a:lnTo>
                  <a:close/>
                </a:path>
                <a:path w="647700" h="5080">
                  <a:moveTo>
                    <a:pt x="483108" y="0"/>
                  </a:moveTo>
                  <a:lnTo>
                    <a:pt x="480060" y="0"/>
                  </a:lnTo>
                  <a:lnTo>
                    <a:pt x="480060" y="4572"/>
                  </a:lnTo>
                  <a:lnTo>
                    <a:pt x="483108" y="4572"/>
                  </a:lnTo>
                  <a:lnTo>
                    <a:pt x="483108" y="0"/>
                  </a:lnTo>
                  <a:close/>
                </a:path>
                <a:path w="647700" h="5080">
                  <a:moveTo>
                    <a:pt x="489204" y="0"/>
                  </a:moveTo>
                  <a:lnTo>
                    <a:pt x="486156" y="0"/>
                  </a:lnTo>
                  <a:lnTo>
                    <a:pt x="486156" y="4572"/>
                  </a:lnTo>
                  <a:lnTo>
                    <a:pt x="489204" y="4572"/>
                  </a:lnTo>
                  <a:lnTo>
                    <a:pt x="489204" y="0"/>
                  </a:lnTo>
                  <a:close/>
                </a:path>
                <a:path w="647700" h="5080">
                  <a:moveTo>
                    <a:pt x="496824" y="0"/>
                  </a:moveTo>
                  <a:lnTo>
                    <a:pt x="493776" y="0"/>
                  </a:lnTo>
                  <a:lnTo>
                    <a:pt x="493776" y="4572"/>
                  </a:lnTo>
                  <a:lnTo>
                    <a:pt x="496824" y="4572"/>
                  </a:lnTo>
                  <a:lnTo>
                    <a:pt x="496824" y="0"/>
                  </a:lnTo>
                  <a:close/>
                </a:path>
                <a:path w="647700" h="5080">
                  <a:moveTo>
                    <a:pt x="502920" y="0"/>
                  </a:moveTo>
                  <a:lnTo>
                    <a:pt x="499872" y="0"/>
                  </a:lnTo>
                  <a:lnTo>
                    <a:pt x="499872" y="4572"/>
                  </a:lnTo>
                  <a:lnTo>
                    <a:pt x="502920" y="4572"/>
                  </a:lnTo>
                  <a:lnTo>
                    <a:pt x="502920" y="0"/>
                  </a:lnTo>
                  <a:close/>
                </a:path>
                <a:path w="647700" h="5080">
                  <a:moveTo>
                    <a:pt x="510540" y="0"/>
                  </a:moveTo>
                  <a:lnTo>
                    <a:pt x="505968" y="0"/>
                  </a:lnTo>
                  <a:lnTo>
                    <a:pt x="505968" y="4572"/>
                  </a:lnTo>
                  <a:lnTo>
                    <a:pt x="510540" y="4572"/>
                  </a:lnTo>
                  <a:lnTo>
                    <a:pt x="510540" y="0"/>
                  </a:lnTo>
                  <a:close/>
                </a:path>
                <a:path w="647700" h="5080">
                  <a:moveTo>
                    <a:pt x="516636" y="0"/>
                  </a:moveTo>
                  <a:lnTo>
                    <a:pt x="513588" y="0"/>
                  </a:lnTo>
                  <a:lnTo>
                    <a:pt x="513588" y="4572"/>
                  </a:lnTo>
                  <a:lnTo>
                    <a:pt x="516636" y="4572"/>
                  </a:lnTo>
                  <a:lnTo>
                    <a:pt x="516636" y="0"/>
                  </a:lnTo>
                  <a:close/>
                </a:path>
                <a:path w="647700" h="5080">
                  <a:moveTo>
                    <a:pt x="524256" y="0"/>
                  </a:moveTo>
                  <a:lnTo>
                    <a:pt x="519684" y="0"/>
                  </a:lnTo>
                  <a:lnTo>
                    <a:pt x="519684" y="4572"/>
                  </a:lnTo>
                  <a:lnTo>
                    <a:pt x="524256" y="4572"/>
                  </a:lnTo>
                  <a:lnTo>
                    <a:pt x="524256" y="0"/>
                  </a:lnTo>
                  <a:close/>
                </a:path>
                <a:path w="647700" h="5080">
                  <a:moveTo>
                    <a:pt x="530352" y="0"/>
                  </a:moveTo>
                  <a:lnTo>
                    <a:pt x="527304" y="0"/>
                  </a:lnTo>
                  <a:lnTo>
                    <a:pt x="527304" y="4572"/>
                  </a:lnTo>
                  <a:lnTo>
                    <a:pt x="530352" y="4572"/>
                  </a:lnTo>
                  <a:lnTo>
                    <a:pt x="530352" y="0"/>
                  </a:lnTo>
                  <a:close/>
                </a:path>
                <a:path w="647700" h="5080">
                  <a:moveTo>
                    <a:pt x="537972" y="0"/>
                  </a:moveTo>
                  <a:lnTo>
                    <a:pt x="533400" y="0"/>
                  </a:lnTo>
                  <a:lnTo>
                    <a:pt x="533400" y="4572"/>
                  </a:lnTo>
                  <a:lnTo>
                    <a:pt x="537972" y="4572"/>
                  </a:lnTo>
                  <a:lnTo>
                    <a:pt x="537972" y="0"/>
                  </a:lnTo>
                  <a:close/>
                </a:path>
                <a:path w="647700" h="5080">
                  <a:moveTo>
                    <a:pt x="544068" y="0"/>
                  </a:moveTo>
                  <a:lnTo>
                    <a:pt x="541020" y="0"/>
                  </a:lnTo>
                  <a:lnTo>
                    <a:pt x="541020" y="4572"/>
                  </a:lnTo>
                  <a:lnTo>
                    <a:pt x="544068" y="4572"/>
                  </a:lnTo>
                  <a:lnTo>
                    <a:pt x="544068" y="0"/>
                  </a:lnTo>
                  <a:close/>
                </a:path>
                <a:path w="647700" h="5080">
                  <a:moveTo>
                    <a:pt x="551688" y="0"/>
                  </a:moveTo>
                  <a:lnTo>
                    <a:pt x="547116" y="0"/>
                  </a:lnTo>
                  <a:lnTo>
                    <a:pt x="547116" y="4572"/>
                  </a:lnTo>
                  <a:lnTo>
                    <a:pt x="551688" y="4572"/>
                  </a:lnTo>
                  <a:lnTo>
                    <a:pt x="551688" y="0"/>
                  </a:lnTo>
                  <a:close/>
                </a:path>
                <a:path w="647700" h="5080">
                  <a:moveTo>
                    <a:pt x="557784" y="0"/>
                  </a:moveTo>
                  <a:lnTo>
                    <a:pt x="554736" y="0"/>
                  </a:lnTo>
                  <a:lnTo>
                    <a:pt x="554736" y="4572"/>
                  </a:lnTo>
                  <a:lnTo>
                    <a:pt x="557784" y="4572"/>
                  </a:lnTo>
                  <a:lnTo>
                    <a:pt x="557784" y="0"/>
                  </a:lnTo>
                  <a:close/>
                </a:path>
                <a:path w="647700" h="5080">
                  <a:moveTo>
                    <a:pt x="565404" y="0"/>
                  </a:moveTo>
                  <a:lnTo>
                    <a:pt x="560832" y="0"/>
                  </a:lnTo>
                  <a:lnTo>
                    <a:pt x="560832" y="4572"/>
                  </a:lnTo>
                  <a:lnTo>
                    <a:pt x="565404" y="4572"/>
                  </a:lnTo>
                  <a:lnTo>
                    <a:pt x="565404" y="0"/>
                  </a:lnTo>
                  <a:close/>
                </a:path>
                <a:path w="647700" h="5080">
                  <a:moveTo>
                    <a:pt x="571500" y="0"/>
                  </a:moveTo>
                  <a:lnTo>
                    <a:pt x="568452" y="0"/>
                  </a:lnTo>
                  <a:lnTo>
                    <a:pt x="568452" y="4572"/>
                  </a:lnTo>
                  <a:lnTo>
                    <a:pt x="571500" y="4572"/>
                  </a:lnTo>
                  <a:lnTo>
                    <a:pt x="571500" y="0"/>
                  </a:lnTo>
                  <a:close/>
                </a:path>
                <a:path w="647700" h="5080">
                  <a:moveTo>
                    <a:pt x="579120" y="0"/>
                  </a:moveTo>
                  <a:lnTo>
                    <a:pt x="574548" y="0"/>
                  </a:lnTo>
                  <a:lnTo>
                    <a:pt x="574548" y="4572"/>
                  </a:lnTo>
                  <a:lnTo>
                    <a:pt x="579120" y="4572"/>
                  </a:lnTo>
                  <a:lnTo>
                    <a:pt x="579120" y="0"/>
                  </a:lnTo>
                  <a:close/>
                </a:path>
                <a:path w="647700" h="5080">
                  <a:moveTo>
                    <a:pt x="585216" y="0"/>
                  </a:moveTo>
                  <a:lnTo>
                    <a:pt x="582168" y="0"/>
                  </a:lnTo>
                  <a:lnTo>
                    <a:pt x="582168" y="4572"/>
                  </a:lnTo>
                  <a:lnTo>
                    <a:pt x="585216" y="4572"/>
                  </a:lnTo>
                  <a:lnTo>
                    <a:pt x="585216" y="0"/>
                  </a:lnTo>
                  <a:close/>
                </a:path>
                <a:path w="647700" h="5080">
                  <a:moveTo>
                    <a:pt x="592836" y="0"/>
                  </a:moveTo>
                  <a:lnTo>
                    <a:pt x="588264" y="0"/>
                  </a:lnTo>
                  <a:lnTo>
                    <a:pt x="588264" y="4572"/>
                  </a:lnTo>
                  <a:lnTo>
                    <a:pt x="592836" y="4572"/>
                  </a:lnTo>
                  <a:lnTo>
                    <a:pt x="592836" y="0"/>
                  </a:lnTo>
                  <a:close/>
                </a:path>
                <a:path w="647700" h="5080">
                  <a:moveTo>
                    <a:pt x="598932" y="0"/>
                  </a:moveTo>
                  <a:lnTo>
                    <a:pt x="595884" y="0"/>
                  </a:lnTo>
                  <a:lnTo>
                    <a:pt x="595884" y="4572"/>
                  </a:lnTo>
                  <a:lnTo>
                    <a:pt x="598932" y="4572"/>
                  </a:lnTo>
                  <a:lnTo>
                    <a:pt x="598932" y="0"/>
                  </a:lnTo>
                  <a:close/>
                </a:path>
                <a:path w="647700" h="5080">
                  <a:moveTo>
                    <a:pt x="606552" y="0"/>
                  </a:moveTo>
                  <a:lnTo>
                    <a:pt x="601980" y="0"/>
                  </a:lnTo>
                  <a:lnTo>
                    <a:pt x="601980" y="4572"/>
                  </a:lnTo>
                  <a:lnTo>
                    <a:pt x="606552" y="4572"/>
                  </a:lnTo>
                  <a:lnTo>
                    <a:pt x="606552" y="0"/>
                  </a:lnTo>
                  <a:close/>
                </a:path>
                <a:path w="647700" h="5080">
                  <a:moveTo>
                    <a:pt x="612648" y="0"/>
                  </a:moveTo>
                  <a:lnTo>
                    <a:pt x="609600" y="0"/>
                  </a:lnTo>
                  <a:lnTo>
                    <a:pt x="609600" y="4572"/>
                  </a:lnTo>
                  <a:lnTo>
                    <a:pt x="612648" y="4572"/>
                  </a:lnTo>
                  <a:lnTo>
                    <a:pt x="612648" y="0"/>
                  </a:lnTo>
                  <a:close/>
                </a:path>
                <a:path w="647700" h="5080">
                  <a:moveTo>
                    <a:pt x="620268" y="0"/>
                  </a:moveTo>
                  <a:lnTo>
                    <a:pt x="615696" y="0"/>
                  </a:lnTo>
                  <a:lnTo>
                    <a:pt x="615696" y="4572"/>
                  </a:lnTo>
                  <a:lnTo>
                    <a:pt x="620268" y="4572"/>
                  </a:lnTo>
                  <a:lnTo>
                    <a:pt x="620268" y="0"/>
                  </a:lnTo>
                  <a:close/>
                </a:path>
                <a:path w="647700" h="5080">
                  <a:moveTo>
                    <a:pt x="626364" y="0"/>
                  </a:moveTo>
                  <a:lnTo>
                    <a:pt x="623316" y="0"/>
                  </a:lnTo>
                  <a:lnTo>
                    <a:pt x="623316" y="4572"/>
                  </a:lnTo>
                  <a:lnTo>
                    <a:pt x="626364" y="4572"/>
                  </a:lnTo>
                  <a:lnTo>
                    <a:pt x="626364" y="0"/>
                  </a:lnTo>
                  <a:close/>
                </a:path>
                <a:path w="647700" h="5080">
                  <a:moveTo>
                    <a:pt x="633984" y="0"/>
                  </a:moveTo>
                  <a:lnTo>
                    <a:pt x="629412" y="0"/>
                  </a:lnTo>
                  <a:lnTo>
                    <a:pt x="629412" y="4572"/>
                  </a:lnTo>
                  <a:lnTo>
                    <a:pt x="633984" y="4572"/>
                  </a:lnTo>
                  <a:lnTo>
                    <a:pt x="633984" y="0"/>
                  </a:lnTo>
                  <a:close/>
                </a:path>
                <a:path w="647700" h="5080">
                  <a:moveTo>
                    <a:pt x="640080" y="0"/>
                  </a:moveTo>
                  <a:lnTo>
                    <a:pt x="637032" y="0"/>
                  </a:lnTo>
                  <a:lnTo>
                    <a:pt x="637032" y="4572"/>
                  </a:lnTo>
                  <a:lnTo>
                    <a:pt x="640080" y="4572"/>
                  </a:lnTo>
                  <a:lnTo>
                    <a:pt x="640080" y="0"/>
                  </a:lnTo>
                  <a:close/>
                </a:path>
                <a:path w="647700" h="5080">
                  <a:moveTo>
                    <a:pt x="647700" y="0"/>
                  </a:moveTo>
                  <a:lnTo>
                    <a:pt x="643128" y="0"/>
                  </a:lnTo>
                  <a:lnTo>
                    <a:pt x="643128" y="4572"/>
                  </a:lnTo>
                  <a:lnTo>
                    <a:pt x="647700" y="4572"/>
                  </a:lnTo>
                  <a:lnTo>
                    <a:pt x="647700" y="0"/>
                  </a:lnTo>
                  <a:close/>
                </a:path>
              </a:pathLst>
            </a:custGeom>
            <a:solidFill>
              <a:srgbClr val="D8D8D8"/>
            </a:solidFill>
          </p:spPr>
          <p:txBody>
            <a:bodyPr wrap="square" lIns="0" tIns="0" rIns="0" bIns="0" rtlCol="0"/>
            <a:lstStyle/>
            <a:p>
              <a:endParaRPr sz="1539"/>
            </a:p>
          </p:txBody>
        </p:sp>
        <p:sp>
          <p:nvSpPr>
            <p:cNvPr id="103" name="object 103"/>
            <p:cNvSpPr/>
            <p:nvPr/>
          </p:nvSpPr>
          <p:spPr>
            <a:xfrm>
              <a:off x="2455164" y="2843783"/>
              <a:ext cx="32384" cy="5080"/>
            </a:xfrm>
            <a:custGeom>
              <a:avLst/>
              <a:gdLst/>
              <a:ahLst/>
              <a:cxnLst/>
              <a:rect l="l" t="t" r="r" b="b"/>
              <a:pathLst>
                <a:path w="32385" h="5080">
                  <a:moveTo>
                    <a:pt x="4572" y="0"/>
                  </a:moveTo>
                  <a:lnTo>
                    <a:pt x="0" y="0"/>
                  </a:lnTo>
                  <a:lnTo>
                    <a:pt x="0" y="4572"/>
                  </a:lnTo>
                  <a:lnTo>
                    <a:pt x="4572" y="4572"/>
                  </a:lnTo>
                  <a:lnTo>
                    <a:pt x="4572" y="0"/>
                  </a:lnTo>
                  <a:close/>
                </a:path>
                <a:path w="32385" h="5080">
                  <a:moveTo>
                    <a:pt x="10668" y="0"/>
                  </a:moveTo>
                  <a:lnTo>
                    <a:pt x="7620" y="0"/>
                  </a:lnTo>
                  <a:lnTo>
                    <a:pt x="7620" y="4572"/>
                  </a:lnTo>
                  <a:lnTo>
                    <a:pt x="10668" y="4572"/>
                  </a:lnTo>
                  <a:lnTo>
                    <a:pt x="10668" y="0"/>
                  </a:lnTo>
                  <a:close/>
                </a:path>
                <a:path w="32385" h="5080">
                  <a:moveTo>
                    <a:pt x="18288" y="0"/>
                  </a:moveTo>
                  <a:lnTo>
                    <a:pt x="13716" y="0"/>
                  </a:lnTo>
                  <a:lnTo>
                    <a:pt x="13716" y="4572"/>
                  </a:lnTo>
                  <a:lnTo>
                    <a:pt x="18288" y="4572"/>
                  </a:lnTo>
                  <a:lnTo>
                    <a:pt x="18288" y="0"/>
                  </a:lnTo>
                  <a:close/>
                </a:path>
                <a:path w="32385" h="5080">
                  <a:moveTo>
                    <a:pt x="24384" y="0"/>
                  </a:moveTo>
                  <a:lnTo>
                    <a:pt x="21336" y="0"/>
                  </a:lnTo>
                  <a:lnTo>
                    <a:pt x="21336" y="4572"/>
                  </a:lnTo>
                  <a:lnTo>
                    <a:pt x="24384" y="4572"/>
                  </a:lnTo>
                  <a:lnTo>
                    <a:pt x="24384" y="0"/>
                  </a:lnTo>
                  <a:close/>
                </a:path>
                <a:path w="32385" h="5080">
                  <a:moveTo>
                    <a:pt x="32004" y="0"/>
                  </a:moveTo>
                  <a:lnTo>
                    <a:pt x="27432" y="0"/>
                  </a:lnTo>
                  <a:lnTo>
                    <a:pt x="27432" y="4572"/>
                  </a:lnTo>
                  <a:lnTo>
                    <a:pt x="32004" y="4572"/>
                  </a:lnTo>
                  <a:lnTo>
                    <a:pt x="32004" y="0"/>
                  </a:lnTo>
                  <a:close/>
                </a:path>
              </a:pathLst>
            </a:custGeom>
            <a:solidFill>
              <a:srgbClr val="D8D8D8"/>
            </a:solidFill>
          </p:spPr>
          <p:txBody>
            <a:bodyPr wrap="square" lIns="0" tIns="0" rIns="0" bIns="0" rtlCol="0"/>
            <a:lstStyle/>
            <a:p>
              <a:endParaRPr sz="1539"/>
            </a:p>
          </p:txBody>
        </p:sp>
        <p:sp>
          <p:nvSpPr>
            <p:cNvPr id="104" name="object 104"/>
            <p:cNvSpPr/>
            <p:nvPr/>
          </p:nvSpPr>
          <p:spPr>
            <a:xfrm>
              <a:off x="2656331" y="2846069"/>
              <a:ext cx="256540" cy="0"/>
            </a:xfrm>
            <a:custGeom>
              <a:avLst/>
              <a:gdLst/>
              <a:ahLst/>
              <a:cxnLst/>
              <a:rect l="l" t="t" r="r" b="b"/>
              <a:pathLst>
                <a:path w="256539">
                  <a:moveTo>
                    <a:pt x="0" y="0"/>
                  </a:moveTo>
                  <a:lnTo>
                    <a:pt x="256031" y="0"/>
                  </a:lnTo>
                </a:path>
              </a:pathLst>
            </a:custGeom>
            <a:ln w="4572">
              <a:solidFill>
                <a:srgbClr val="D8D8D8"/>
              </a:solidFill>
              <a:prstDash val="sysDot"/>
            </a:ln>
          </p:spPr>
          <p:txBody>
            <a:bodyPr wrap="square" lIns="0" tIns="0" rIns="0" bIns="0" rtlCol="0"/>
            <a:lstStyle/>
            <a:p>
              <a:endParaRPr sz="1539"/>
            </a:p>
          </p:txBody>
        </p:sp>
        <p:sp>
          <p:nvSpPr>
            <p:cNvPr id="105" name="object 105"/>
            <p:cNvSpPr/>
            <p:nvPr/>
          </p:nvSpPr>
          <p:spPr>
            <a:xfrm>
              <a:off x="3081528" y="2843783"/>
              <a:ext cx="254635" cy="5080"/>
            </a:xfrm>
            <a:custGeom>
              <a:avLst/>
              <a:gdLst/>
              <a:ahLst/>
              <a:cxnLst/>
              <a:rect l="l" t="t" r="r" b="b"/>
              <a:pathLst>
                <a:path w="254635" h="5080">
                  <a:moveTo>
                    <a:pt x="1524" y="0"/>
                  </a:moveTo>
                  <a:lnTo>
                    <a:pt x="0" y="0"/>
                  </a:lnTo>
                  <a:lnTo>
                    <a:pt x="0" y="4572"/>
                  </a:lnTo>
                  <a:lnTo>
                    <a:pt x="1524" y="4572"/>
                  </a:lnTo>
                  <a:lnTo>
                    <a:pt x="1524" y="0"/>
                  </a:lnTo>
                  <a:close/>
                </a:path>
                <a:path w="254635" h="5080">
                  <a:moveTo>
                    <a:pt x="7620" y="0"/>
                  </a:moveTo>
                  <a:lnTo>
                    <a:pt x="4572" y="0"/>
                  </a:lnTo>
                  <a:lnTo>
                    <a:pt x="4572" y="4572"/>
                  </a:lnTo>
                  <a:lnTo>
                    <a:pt x="7620" y="4572"/>
                  </a:lnTo>
                  <a:lnTo>
                    <a:pt x="7620" y="0"/>
                  </a:lnTo>
                  <a:close/>
                </a:path>
                <a:path w="254635" h="5080">
                  <a:moveTo>
                    <a:pt x="15240" y="0"/>
                  </a:moveTo>
                  <a:lnTo>
                    <a:pt x="12192" y="0"/>
                  </a:lnTo>
                  <a:lnTo>
                    <a:pt x="12192" y="4572"/>
                  </a:lnTo>
                  <a:lnTo>
                    <a:pt x="15240" y="4572"/>
                  </a:lnTo>
                  <a:lnTo>
                    <a:pt x="15240" y="0"/>
                  </a:lnTo>
                  <a:close/>
                </a:path>
                <a:path w="254635" h="5080">
                  <a:moveTo>
                    <a:pt x="21336" y="0"/>
                  </a:moveTo>
                  <a:lnTo>
                    <a:pt x="18288" y="0"/>
                  </a:lnTo>
                  <a:lnTo>
                    <a:pt x="18288" y="4572"/>
                  </a:lnTo>
                  <a:lnTo>
                    <a:pt x="21336" y="4572"/>
                  </a:lnTo>
                  <a:lnTo>
                    <a:pt x="21336" y="0"/>
                  </a:lnTo>
                  <a:close/>
                </a:path>
                <a:path w="254635" h="5080">
                  <a:moveTo>
                    <a:pt x="28956" y="0"/>
                  </a:moveTo>
                  <a:lnTo>
                    <a:pt x="25908" y="0"/>
                  </a:lnTo>
                  <a:lnTo>
                    <a:pt x="25908" y="4572"/>
                  </a:lnTo>
                  <a:lnTo>
                    <a:pt x="28956" y="4572"/>
                  </a:lnTo>
                  <a:lnTo>
                    <a:pt x="28956" y="0"/>
                  </a:lnTo>
                  <a:close/>
                </a:path>
                <a:path w="254635" h="5080">
                  <a:moveTo>
                    <a:pt x="35052" y="0"/>
                  </a:moveTo>
                  <a:lnTo>
                    <a:pt x="32004" y="0"/>
                  </a:lnTo>
                  <a:lnTo>
                    <a:pt x="32004" y="4572"/>
                  </a:lnTo>
                  <a:lnTo>
                    <a:pt x="35052" y="4572"/>
                  </a:lnTo>
                  <a:lnTo>
                    <a:pt x="35052" y="0"/>
                  </a:lnTo>
                  <a:close/>
                </a:path>
                <a:path w="254635" h="5080">
                  <a:moveTo>
                    <a:pt x="42672" y="0"/>
                  </a:moveTo>
                  <a:lnTo>
                    <a:pt x="39624" y="0"/>
                  </a:lnTo>
                  <a:lnTo>
                    <a:pt x="39624" y="4572"/>
                  </a:lnTo>
                  <a:lnTo>
                    <a:pt x="42672" y="4572"/>
                  </a:lnTo>
                  <a:lnTo>
                    <a:pt x="42672" y="0"/>
                  </a:lnTo>
                  <a:close/>
                </a:path>
                <a:path w="254635" h="5080">
                  <a:moveTo>
                    <a:pt x="48768" y="0"/>
                  </a:moveTo>
                  <a:lnTo>
                    <a:pt x="45720" y="0"/>
                  </a:lnTo>
                  <a:lnTo>
                    <a:pt x="45720" y="4572"/>
                  </a:lnTo>
                  <a:lnTo>
                    <a:pt x="48768" y="4572"/>
                  </a:lnTo>
                  <a:lnTo>
                    <a:pt x="48768" y="0"/>
                  </a:lnTo>
                  <a:close/>
                </a:path>
                <a:path w="254635" h="5080">
                  <a:moveTo>
                    <a:pt x="56388" y="0"/>
                  </a:moveTo>
                  <a:lnTo>
                    <a:pt x="53340" y="0"/>
                  </a:lnTo>
                  <a:lnTo>
                    <a:pt x="53340" y="4572"/>
                  </a:lnTo>
                  <a:lnTo>
                    <a:pt x="56388" y="4572"/>
                  </a:lnTo>
                  <a:lnTo>
                    <a:pt x="56388" y="0"/>
                  </a:lnTo>
                  <a:close/>
                </a:path>
                <a:path w="254635" h="5080">
                  <a:moveTo>
                    <a:pt x="62484" y="0"/>
                  </a:moveTo>
                  <a:lnTo>
                    <a:pt x="59436" y="0"/>
                  </a:lnTo>
                  <a:lnTo>
                    <a:pt x="59436" y="4572"/>
                  </a:lnTo>
                  <a:lnTo>
                    <a:pt x="62484" y="4572"/>
                  </a:lnTo>
                  <a:lnTo>
                    <a:pt x="62484" y="0"/>
                  </a:lnTo>
                  <a:close/>
                </a:path>
                <a:path w="254635" h="5080">
                  <a:moveTo>
                    <a:pt x="70104" y="0"/>
                  </a:moveTo>
                  <a:lnTo>
                    <a:pt x="67056" y="0"/>
                  </a:lnTo>
                  <a:lnTo>
                    <a:pt x="67056" y="4572"/>
                  </a:lnTo>
                  <a:lnTo>
                    <a:pt x="70104" y="4572"/>
                  </a:lnTo>
                  <a:lnTo>
                    <a:pt x="70104" y="0"/>
                  </a:lnTo>
                  <a:close/>
                </a:path>
                <a:path w="254635" h="5080">
                  <a:moveTo>
                    <a:pt x="76200" y="0"/>
                  </a:moveTo>
                  <a:lnTo>
                    <a:pt x="73152" y="0"/>
                  </a:lnTo>
                  <a:lnTo>
                    <a:pt x="73152" y="4572"/>
                  </a:lnTo>
                  <a:lnTo>
                    <a:pt x="76200" y="4572"/>
                  </a:lnTo>
                  <a:lnTo>
                    <a:pt x="76200" y="0"/>
                  </a:lnTo>
                  <a:close/>
                </a:path>
                <a:path w="254635" h="5080">
                  <a:moveTo>
                    <a:pt x="83820" y="0"/>
                  </a:moveTo>
                  <a:lnTo>
                    <a:pt x="80772" y="0"/>
                  </a:lnTo>
                  <a:lnTo>
                    <a:pt x="80772" y="4572"/>
                  </a:lnTo>
                  <a:lnTo>
                    <a:pt x="83820" y="4572"/>
                  </a:lnTo>
                  <a:lnTo>
                    <a:pt x="83820" y="0"/>
                  </a:lnTo>
                  <a:close/>
                </a:path>
                <a:path w="254635" h="5080">
                  <a:moveTo>
                    <a:pt x="89916" y="0"/>
                  </a:moveTo>
                  <a:lnTo>
                    <a:pt x="86868" y="0"/>
                  </a:lnTo>
                  <a:lnTo>
                    <a:pt x="86868" y="4572"/>
                  </a:lnTo>
                  <a:lnTo>
                    <a:pt x="89916" y="4572"/>
                  </a:lnTo>
                  <a:lnTo>
                    <a:pt x="89916" y="0"/>
                  </a:lnTo>
                  <a:close/>
                </a:path>
                <a:path w="254635" h="5080">
                  <a:moveTo>
                    <a:pt x="97536" y="0"/>
                  </a:moveTo>
                  <a:lnTo>
                    <a:pt x="94488" y="0"/>
                  </a:lnTo>
                  <a:lnTo>
                    <a:pt x="94488" y="4572"/>
                  </a:lnTo>
                  <a:lnTo>
                    <a:pt x="97536" y="4572"/>
                  </a:lnTo>
                  <a:lnTo>
                    <a:pt x="97536" y="0"/>
                  </a:lnTo>
                  <a:close/>
                </a:path>
                <a:path w="254635" h="5080">
                  <a:moveTo>
                    <a:pt x="103632" y="0"/>
                  </a:moveTo>
                  <a:lnTo>
                    <a:pt x="100584" y="0"/>
                  </a:lnTo>
                  <a:lnTo>
                    <a:pt x="100584" y="4572"/>
                  </a:lnTo>
                  <a:lnTo>
                    <a:pt x="103632" y="4572"/>
                  </a:lnTo>
                  <a:lnTo>
                    <a:pt x="103632" y="0"/>
                  </a:lnTo>
                  <a:close/>
                </a:path>
                <a:path w="254635" h="5080">
                  <a:moveTo>
                    <a:pt x="111252" y="0"/>
                  </a:moveTo>
                  <a:lnTo>
                    <a:pt x="108204" y="0"/>
                  </a:lnTo>
                  <a:lnTo>
                    <a:pt x="108204" y="4572"/>
                  </a:lnTo>
                  <a:lnTo>
                    <a:pt x="111252" y="4572"/>
                  </a:lnTo>
                  <a:lnTo>
                    <a:pt x="111252" y="0"/>
                  </a:lnTo>
                  <a:close/>
                </a:path>
                <a:path w="254635" h="5080">
                  <a:moveTo>
                    <a:pt x="117348" y="0"/>
                  </a:moveTo>
                  <a:lnTo>
                    <a:pt x="114300" y="0"/>
                  </a:lnTo>
                  <a:lnTo>
                    <a:pt x="114300" y="4572"/>
                  </a:lnTo>
                  <a:lnTo>
                    <a:pt x="117348" y="4572"/>
                  </a:lnTo>
                  <a:lnTo>
                    <a:pt x="117348" y="0"/>
                  </a:lnTo>
                  <a:close/>
                </a:path>
                <a:path w="254635" h="5080">
                  <a:moveTo>
                    <a:pt x="124968" y="0"/>
                  </a:moveTo>
                  <a:lnTo>
                    <a:pt x="121920" y="0"/>
                  </a:lnTo>
                  <a:lnTo>
                    <a:pt x="121920" y="4572"/>
                  </a:lnTo>
                  <a:lnTo>
                    <a:pt x="124968" y="4572"/>
                  </a:lnTo>
                  <a:lnTo>
                    <a:pt x="124968" y="0"/>
                  </a:lnTo>
                  <a:close/>
                </a:path>
                <a:path w="254635" h="5080">
                  <a:moveTo>
                    <a:pt x="131064" y="0"/>
                  </a:moveTo>
                  <a:lnTo>
                    <a:pt x="128016" y="0"/>
                  </a:lnTo>
                  <a:lnTo>
                    <a:pt x="128016" y="4572"/>
                  </a:lnTo>
                  <a:lnTo>
                    <a:pt x="131064" y="4572"/>
                  </a:lnTo>
                  <a:lnTo>
                    <a:pt x="131064" y="0"/>
                  </a:lnTo>
                  <a:close/>
                </a:path>
                <a:path w="254635" h="5080">
                  <a:moveTo>
                    <a:pt x="138684" y="0"/>
                  </a:moveTo>
                  <a:lnTo>
                    <a:pt x="135636" y="0"/>
                  </a:lnTo>
                  <a:lnTo>
                    <a:pt x="135636" y="4572"/>
                  </a:lnTo>
                  <a:lnTo>
                    <a:pt x="138684" y="4572"/>
                  </a:lnTo>
                  <a:lnTo>
                    <a:pt x="138684" y="0"/>
                  </a:lnTo>
                  <a:close/>
                </a:path>
                <a:path w="254635" h="5080">
                  <a:moveTo>
                    <a:pt x="144780" y="0"/>
                  </a:moveTo>
                  <a:lnTo>
                    <a:pt x="141732" y="0"/>
                  </a:lnTo>
                  <a:lnTo>
                    <a:pt x="141732" y="4572"/>
                  </a:lnTo>
                  <a:lnTo>
                    <a:pt x="144780" y="4572"/>
                  </a:lnTo>
                  <a:lnTo>
                    <a:pt x="144780" y="0"/>
                  </a:lnTo>
                  <a:close/>
                </a:path>
                <a:path w="254635" h="5080">
                  <a:moveTo>
                    <a:pt x="152400" y="0"/>
                  </a:moveTo>
                  <a:lnTo>
                    <a:pt x="149352" y="0"/>
                  </a:lnTo>
                  <a:lnTo>
                    <a:pt x="149352" y="4572"/>
                  </a:lnTo>
                  <a:lnTo>
                    <a:pt x="152400" y="4572"/>
                  </a:lnTo>
                  <a:lnTo>
                    <a:pt x="152400" y="0"/>
                  </a:lnTo>
                  <a:close/>
                </a:path>
                <a:path w="254635" h="5080">
                  <a:moveTo>
                    <a:pt x="158496" y="0"/>
                  </a:moveTo>
                  <a:lnTo>
                    <a:pt x="155448" y="0"/>
                  </a:lnTo>
                  <a:lnTo>
                    <a:pt x="155448" y="4572"/>
                  </a:lnTo>
                  <a:lnTo>
                    <a:pt x="158496" y="4572"/>
                  </a:lnTo>
                  <a:lnTo>
                    <a:pt x="158496" y="0"/>
                  </a:lnTo>
                  <a:close/>
                </a:path>
                <a:path w="254635" h="5080">
                  <a:moveTo>
                    <a:pt x="166116" y="0"/>
                  </a:moveTo>
                  <a:lnTo>
                    <a:pt x="163068" y="0"/>
                  </a:lnTo>
                  <a:lnTo>
                    <a:pt x="163068" y="4572"/>
                  </a:lnTo>
                  <a:lnTo>
                    <a:pt x="166116" y="4572"/>
                  </a:lnTo>
                  <a:lnTo>
                    <a:pt x="166116" y="0"/>
                  </a:lnTo>
                  <a:close/>
                </a:path>
                <a:path w="254635" h="5080">
                  <a:moveTo>
                    <a:pt x="172212" y="0"/>
                  </a:moveTo>
                  <a:lnTo>
                    <a:pt x="169164" y="0"/>
                  </a:lnTo>
                  <a:lnTo>
                    <a:pt x="169164" y="4572"/>
                  </a:lnTo>
                  <a:lnTo>
                    <a:pt x="172212" y="4572"/>
                  </a:lnTo>
                  <a:lnTo>
                    <a:pt x="172212" y="0"/>
                  </a:lnTo>
                  <a:close/>
                </a:path>
                <a:path w="254635" h="5080">
                  <a:moveTo>
                    <a:pt x="179832" y="0"/>
                  </a:moveTo>
                  <a:lnTo>
                    <a:pt x="176784" y="0"/>
                  </a:lnTo>
                  <a:lnTo>
                    <a:pt x="176784" y="4572"/>
                  </a:lnTo>
                  <a:lnTo>
                    <a:pt x="179832" y="4572"/>
                  </a:lnTo>
                  <a:lnTo>
                    <a:pt x="179832" y="0"/>
                  </a:lnTo>
                  <a:close/>
                </a:path>
                <a:path w="254635" h="5080">
                  <a:moveTo>
                    <a:pt x="185915" y="0"/>
                  </a:moveTo>
                  <a:lnTo>
                    <a:pt x="182880" y="0"/>
                  </a:lnTo>
                  <a:lnTo>
                    <a:pt x="182880" y="4572"/>
                  </a:lnTo>
                  <a:lnTo>
                    <a:pt x="185915" y="4572"/>
                  </a:lnTo>
                  <a:lnTo>
                    <a:pt x="185915" y="0"/>
                  </a:lnTo>
                  <a:close/>
                </a:path>
                <a:path w="254635" h="5080">
                  <a:moveTo>
                    <a:pt x="193548" y="0"/>
                  </a:moveTo>
                  <a:lnTo>
                    <a:pt x="190500" y="0"/>
                  </a:lnTo>
                  <a:lnTo>
                    <a:pt x="190500" y="4572"/>
                  </a:lnTo>
                  <a:lnTo>
                    <a:pt x="193548" y="4572"/>
                  </a:lnTo>
                  <a:lnTo>
                    <a:pt x="193548" y="0"/>
                  </a:lnTo>
                  <a:close/>
                </a:path>
                <a:path w="254635" h="5080">
                  <a:moveTo>
                    <a:pt x="199644" y="0"/>
                  </a:moveTo>
                  <a:lnTo>
                    <a:pt x="196596" y="0"/>
                  </a:lnTo>
                  <a:lnTo>
                    <a:pt x="196596" y="4572"/>
                  </a:lnTo>
                  <a:lnTo>
                    <a:pt x="199644" y="4572"/>
                  </a:lnTo>
                  <a:lnTo>
                    <a:pt x="199644" y="0"/>
                  </a:lnTo>
                  <a:close/>
                </a:path>
                <a:path w="254635" h="5080">
                  <a:moveTo>
                    <a:pt x="207251" y="0"/>
                  </a:moveTo>
                  <a:lnTo>
                    <a:pt x="204216" y="0"/>
                  </a:lnTo>
                  <a:lnTo>
                    <a:pt x="204216" y="4572"/>
                  </a:lnTo>
                  <a:lnTo>
                    <a:pt x="207251" y="4572"/>
                  </a:lnTo>
                  <a:lnTo>
                    <a:pt x="207251" y="0"/>
                  </a:lnTo>
                  <a:close/>
                </a:path>
                <a:path w="254635" h="5080">
                  <a:moveTo>
                    <a:pt x="213360" y="0"/>
                  </a:moveTo>
                  <a:lnTo>
                    <a:pt x="210312" y="0"/>
                  </a:lnTo>
                  <a:lnTo>
                    <a:pt x="210312" y="4572"/>
                  </a:lnTo>
                  <a:lnTo>
                    <a:pt x="213360" y="4572"/>
                  </a:lnTo>
                  <a:lnTo>
                    <a:pt x="213360" y="0"/>
                  </a:lnTo>
                  <a:close/>
                </a:path>
                <a:path w="254635" h="5080">
                  <a:moveTo>
                    <a:pt x="220980" y="0"/>
                  </a:moveTo>
                  <a:lnTo>
                    <a:pt x="217932" y="0"/>
                  </a:lnTo>
                  <a:lnTo>
                    <a:pt x="217932" y="4572"/>
                  </a:lnTo>
                  <a:lnTo>
                    <a:pt x="220980" y="4572"/>
                  </a:lnTo>
                  <a:lnTo>
                    <a:pt x="220980" y="0"/>
                  </a:lnTo>
                  <a:close/>
                </a:path>
                <a:path w="254635" h="5080">
                  <a:moveTo>
                    <a:pt x="227063" y="0"/>
                  </a:moveTo>
                  <a:lnTo>
                    <a:pt x="224015" y="0"/>
                  </a:lnTo>
                  <a:lnTo>
                    <a:pt x="224015" y="4572"/>
                  </a:lnTo>
                  <a:lnTo>
                    <a:pt x="227063" y="4572"/>
                  </a:lnTo>
                  <a:lnTo>
                    <a:pt x="227063" y="0"/>
                  </a:lnTo>
                  <a:close/>
                </a:path>
                <a:path w="254635" h="5080">
                  <a:moveTo>
                    <a:pt x="234696" y="0"/>
                  </a:moveTo>
                  <a:lnTo>
                    <a:pt x="231648" y="0"/>
                  </a:lnTo>
                  <a:lnTo>
                    <a:pt x="231648" y="4572"/>
                  </a:lnTo>
                  <a:lnTo>
                    <a:pt x="234696" y="4572"/>
                  </a:lnTo>
                  <a:lnTo>
                    <a:pt x="234696" y="0"/>
                  </a:lnTo>
                  <a:close/>
                </a:path>
                <a:path w="254635" h="5080">
                  <a:moveTo>
                    <a:pt x="240792" y="0"/>
                  </a:moveTo>
                  <a:lnTo>
                    <a:pt x="237744" y="0"/>
                  </a:lnTo>
                  <a:lnTo>
                    <a:pt x="237744" y="4572"/>
                  </a:lnTo>
                  <a:lnTo>
                    <a:pt x="240792" y="4572"/>
                  </a:lnTo>
                  <a:lnTo>
                    <a:pt x="240792" y="0"/>
                  </a:lnTo>
                  <a:close/>
                </a:path>
                <a:path w="254635" h="5080">
                  <a:moveTo>
                    <a:pt x="248412" y="0"/>
                  </a:moveTo>
                  <a:lnTo>
                    <a:pt x="245351" y="0"/>
                  </a:lnTo>
                  <a:lnTo>
                    <a:pt x="245351" y="4572"/>
                  </a:lnTo>
                  <a:lnTo>
                    <a:pt x="248412" y="4572"/>
                  </a:lnTo>
                  <a:lnTo>
                    <a:pt x="248412" y="0"/>
                  </a:lnTo>
                  <a:close/>
                </a:path>
                <a:path w="254635" h="5080">
                  <a:moveTo>
                    <a:pt x="254508" y="0"/>
                  </a:moveTo>
                  <a:lnTo>
                    <a:pt x="251460" y="0"/>
                  </a:lnTo>
                  <a:lnTo>
                    <a:pt x="251460" y="4572"/>
                  </a:lnTo>
                  <a:lnTo>
                    <a:pt x="254508" y="4572"/>
                  </a:lnTo>
                  <a:lnTo>
                    <a:pt x="254508" y="0"/>
                  </a:lnTo>
                  <a:close/>
                </a:path>
              </a:pathLst>
            </a:custGeom>
            <a:solidFill>
              <a:srgbClr val="D8D8D8"/>
            </a:solidFill>
          </p:spPr>
          <p:txBody>
            <a:bodyPr wrap="square" lIns="0" tIns="0" rIns="0" bIns="0" rtlCol="0"/>
            <a:lstStyle/>
            <a:p>
              <a:endParaRPr sz="1539"/>
            </a:p>
          </p:txBody>
        </p:sp>
        <p:sp>
          <p:nvSpPr>
            <p:cNvPr id="106" name="object 106"/>
            <p:cNvSpPr/>
            <p:nvPr/>
          </p:nvSpPr>
          <p:spPr>
            <a:xfrm>
              <a:off x="3506724" y="2846069"/>
              <a:ext cx="254635" cy="0"/>
            </a:xfrm>
            <a:custGeom>
              <a:avLst/>
              <a:gdLst/>
              <a:ahLst/>
              <a:cxnLst/>
              <a:rect l="l" t="t" r="r" b="b"/>
              <a:pathLst>
                <a:path w="254635">
                  <a:moveTo>
                    <a:pt x="0" y="0"/>
                  </a:moveTo>
                  <a:lnTo>
                    <a:pt x="254508" y="0"/>
                  </a:lnTo>
                </a:path>
              </a:pathLst>
            </a:custGeom>
            <a:ln w="4572">
              <a:solidFill>
                <a:srgbClr val="D8D8D8"/>
              </a:solidFill>
              <a:prstDash val="sysDot"/>
            </a:ln>
          </p:spPr>
          <p:txBody>
            <a:bodyPr wrap="square" lIns="0" tIns="0" rIns="0" bIns="0" rtlCol="0"/>
            <a:lstStyle/>
            <a:p>
              <a:endParaRPr sz="1539"/>
            </a:p>
          </p:txBody>
        </p:sp>
        <p:sp>
          <p:nvSpPr>
            <p:cNvPr id="107" name="object 107"/>
            <p:cNvSpPr/>
            <p:nvPr/>
          </p:nvSpPr>
          <p:spPr>
            <a:xfrm>
              <a:off x="3931920" y="2843783"/>
              <a:ext cx="652780" cy="5080"/>
            </a:xfrm>
            <a:custGeom>
              <a:avLst/>
              <a:gdLst/>
              <a:ahLst/>
              <a:cxnLst/>
              <a:rect l="l" t="t" r="r" b="b"/>
              <a:pathLst>
                <a:path w="652779" h="5080">
                  <a:moveTo>
                    <a:pt x="1524" y="0"/>
                  </a:moveTo>
                  <a:lnTo>
                    <a:pt x="0" y="0"/>
                  </a:lnTo>
                  <a:lnTo>
                    <a:pt x="0" y="4572"/>
                  </a:lnTo>
                  <a:lnTo>
                    <a:pt x="1524" y="4572"/>
                  </a:lnTo>
                  <a:lnTo>
                    <a:pt x="1524" y="0"/>
                  </a:lnTo>
                  <a:close/>
                </a:path>
                <a:path w="652779" h="5080">
                  <a:moveTo>
                    <a:pt x="7620" y="0"/>
                  </a:moveTo>
                  <a:lnTo>
                    <a:pt x="4572" y="0"/>
                  </a:lnTo>
                  <a:lnTo>
                    <a:pt x="4572" y="4572"/>
                  </a:lnTo>
                  <a:lnTo>
                    <a:pt x="7620" y="4572"/>
                  </a:lnTo>
                  <a:lnTo>
                    <a:pt x="7620" y="0"/>
                  </a:lnTo>
                  <a:close/>
                </a:path>
                <a:path w="652779" h="5080">
                  <a:moveTo>
                    <a:pt x="15240" y="0"/>
                  </a:moveTo>
                  <a:lnTo>
                    <a:pt x="10668" y="0"/>
                  </a:lnTo>
                  <a:lnTo>
                    <a:pt x="10668" y="4572"/>
                  </a:lnTo>
                  <a:lnTo>
                    <a:pt x="15240" y="4572"/>
                  </a:lnTo>
                  <a:lnTo>
                    <a:pt x="15240" y="0"/>
                  </a:lnTo>
                  <a:close/>
                </a:path>
                <a:path w="652779" h="5080">
                  <a:moveTo>
                    <a:pt x="21336" y="0"/>
                  </a:moveTo>
                  <a:lnTo>
                    <a:pt x="18288" y="0"/>
                  </a:lnTo>
                  <a:lnTo>
                    <a:pt x="18288" y="4572"/>
                  </a:lnTo>
                  <a:lnTo>
                    <a:pt x="21336" y="4572"/>
                  </a:lnTo>
                  <a:lnTo>
                    <a:pt x="21336" y="0"/>
                  </a:lnTo>
                  <a:close/>
                </a:path>
                <a:path w="652779" h="5080">
                  <a:moveTo>
                    <a:pt x="28956" y="0"/>
                  </a:moveTo>
                  <a:lnTo>
                    <a:pt x="24384" y="0"/>
                  </a:lnTo>
                  <a:lnTo>
                    <a:pt x="24384" y="4572"/>
                  </a:lnTo>
                  <a:lnTo>
                    <a:pt x="28956" y="4572"/>
                  </a:lnTo>
                  <a:lnTo>
                    <a:pt x="28956" y="0"/>
                  </a:lnTo>
                  <a:close/>
                </a:path>
                <a:path w="652779" h="5080">
                  <a:moveTo>
                    <a:pt x="35052" y="0"/>
                  </a:moveTo>
                  <a:lnTo>
                    <a:pt x="32004" y="0"/>
                  </a:lnTo>
                  <a:lnTo>
                    <a:pt x="32004" y="4572"/>
                  </a:lnTo>
                  <a:lnTo>
                    <a:pt x="35052" y="4572"/>
                  </a:lnTo>
                  <a:lnTo>
                    <a:pt x="35052" y="0"/>
                  </a:lnTo>
                  <a:close/>
                </a:path>
                <a:path w="652779" h="5080">
                  <a:moveTo>
                    <a:pt x="42672" y="0"/>
                  </a:moveTo>
                  <a:lnTo>
                    <a:pt x="38100" y="0"/>
                  </a:lnTo>
                  <a:lnTo>
                    <a:pt x="38100" y="4572"/>
                  </a:lnTo>
                  <a:lnTo>
                    <a:pt x="42672" y="4572"/>
                  </a:lnTo>
                  <a:lnTo>
                    <a:pt x="42672" y="0"/>
                  </a:lnTo>
                  <a:close/>
                </a:path>
                <a:path w="652779" h="5080">
                  <a:moveTo>
                    <a:pt x="48768" y="0"/>
                  </a:moveTo>
                  <a:lnTo>
                    <a:pt x="45720" y="0"/>
                  </a:lnTo>
                  <a:lnTo>
                    <a:pt x="45720" y="4572"/>
                  </a:lnTo>
                  <a:lnTo>
                    <a:pt x="48768" y="4572"/>
                  </a:lnTo>
                  <a:lnTo>
                    <a:pt x="48768" y="0"/>
                  </a:lnTo>
                  <a:close/>
                </a:path>
                <a:path w="652779" h="5080">
                  <a:moveTo>
                    <a:pt x="56388" y="0"/>
                  </a:moveTo>
                  <a:lnTo>
                    <a:pt x="51816" y="0"/>
                  </a:lnTo>
                  <a:lnTo>
                    <a:pt x="51816" y="4572"/>
                  </a:lnTo>
                  <a:lnTo>
                    <a:pt x="56388" y="4572"/>
                  </a:lnTo>
                  <a:lnTo>
                    <a:pt x="56388" y="0"/>
                  </a:lnTo>
                  <a:close/>
                </a:path>
                <a:path w="652779" h="5080">
                  <a:moveTo>
                    <a:pt x="62484" y="0"/>
                  </a:moveTo>
                  <a:lnTo>
                    <a:pt x="59436" y="0"/>
                  </a:lnTo>
                  <a:lnTo>
                    <a:pt x="59436" y="4572"/>
                  </a:lnTo>
                  <a:lnTo>
                    <a:pt x="62484" y="4572"/>
                  </a:lnTo>
                  <a:lnTo>
                    <a:pt x="62484" y="0"/>
                  </a:lnTo>
                  <a:close/>
                </a:path>
                <a:path w="652779" h="5080">
                  <a:moveTo>
                    <a:pt x="70104" y="0"/>
                  </a:moveTo>
                  <a:lnTo>
                    <a:pt x="65532" y="0"/>
                  </a:lnTo>
                  <a:lnTo>
                    <a:pt x="65532" y="4572"/>
                  </a:lnTo>
                  <a:lnTo>
                    <a:pt x="70104" y="4572"/>
                  </a:lnTo>
                  <a:lnTo>
                    <a:pt x="70104" y="0"/>
                  </a:lnTo>
                  <a:close/>
                </a:path>
                <a:path w="652779" h="5080">
                  <a:moveTo>
                    <a:pt x="76200" y="0"/>
                  </a:moveTo>
                  <a:lnTo>
                    <a:pt x="73152" y="0"/>
                  </a:lnTo>
                  <a:lnTo>
                    <a:pt x="73152" y="4572"/>
                  </a:lnTo>
                  <a:lnTo>
                    <a:pt x="76200" y="4572"/>
                  </a:lnTo>
                  <a:lnTo>
                    <a:pt x="76200" y="0"/>
                  </a:lnTo>
                  <a:close/>
                </a:path>
                <a:path w="652779" h="5080">
                  <a:moveTo>
                    <a:pt x="83820" y="0"/>
                  </a:moveTo>
                  <a:lnTo>
                    <a:pt x="79248" y="0"/>
                  </a:lnTo>
                  <a:lnTo>
                    <a:pt x="79248" y="4572"/>
                  </a:lnTo>
                  <a:lnTo>
                    <a:pt x="83820" y="4572"/>
                  </a:lnTo>
                  <a:lnTo>
                    <a:pt x="83820" y="0"/>
                  </a:lnTo>
                  <a:close/>
                </a:path>
                <a:path w="652779" h="5080">
                  <a:moveTo>
                    <a:pt x="89916" y="0"/>
                  </a:moveTo>
                  <a:lnTo>
                    <a:pt x="86868" y="0"/>
                  </a:lnTo>
                  <a:lnTo>
                    <a:pt x="86868" y="4572"/>
                  </a:lnTo>
                  <a:lnTo>
                    <a:pt x="89916" y="4572"/>
                  </a:lnTo>
                  <a:lnTo>
                    <a:pt x="89916" y="0"/>
                  </a:lnTo>
                  <a:close/>
                </a:path>
                <a:path w="652779" h="5080">
                  <a:moveTo>
                    <a:pt x="97536" y="0"/>
                  </a:moveTo>
                  <a:lnTo>
                    <a:pt x="92964" y="0"/>
                  </a:lnTo>
                  <a:lnTo>
                    <a:pt x="92964" y="4572"/>
                  </a:lnTo>
                  <a:lnTo>
                    <a:pt x="97536" y="4572"/>
                  </a:lnTo>
                  <a:lnTo>
                    <a:pt x="97536" y="0"/>
                  </a:lnTo>
                  <a:close/>
                </a:path>
                <a:path w="652779" h="5080">
                  <a:moveTo>
                    <a:pt x="103632" y="0"/>
                  </a:moveTo>
                  <a:lnTo>
                    <a:pt x="100584" y="0"/>
                  </a:lnTo>
                  <a:lnTo>
                    <a:pt x="100584" y="4572"/>
                  </a:lnTo>
                  <a:lnTo>
                    <a:pt x="103632" y="4572"/>
                  </a:lnTo>
                  <a:lnTo>
                    <a:pt x="103632" y="0"/>
                  </a:lnTo>
                  <a:close/>
                </a:path>
                <a:path w="652779" h="5080">
                  <a:moveTo>
                    <a:pt x="111252" y="0"/>
                  </a:moveTo>
                  <a:lnTo>
                    <a:pt x="106680" y="0"/>
                  </a:lnTo>
                  <a:lnTo>
                    <a:pt x="106680" y="4572"/>
                  </a:lnTo>
                  <a:lnTo>
                    <a:pt x="111252" y="4572"/>
                  </a:lnTo>
                  <a:lnTo>
                    <a:pt x="111252" y="0"/>
                  </a:lnTo>
                  <a:close/>
                </a:path>
                <a:path w="652779" h="5080">
                  <a:moveTo>
                    <a:pt x="117348" y="0"/>
                  </a:moveTo>
                  <a:lnTo>
                    <a:pt x="114300" y="0"/>
                  </a:lnTo>
                  <a:lnTo>
                    <a:pt x="114300" y="4572"/>
                  </a:lnTo>
                  <a:lnTo>
                    <a:pt x="117348" y="4572"/>
                  </a:lnTo>
                  <a:lnTo>
                    <a:pt x="117348" y="0"/>
                  </a:lnTo>
                  <a:close/>
                </a:path>
                <a:path w="652779" h="5080">
                  <a:moveTo>
                    <a:pt x="124968" y="0"/>
                  </a:moveTo>
                  <a:lnTo>
                    <a:pt x="120396" y="0"/>
                  </a:lnTo>
                  <a:lnTo>
                    <a:pt x="120396" y="4572"/>
                  </a:lnTo>
                  <a:lnTo>
                    <a:pt x="124968" y="4572"/>
                  </a:lnTo>
                  <a:lnTo>
                    <a:pt x="124968" y="0"/>
                  </a:lnTo>
                  <a:close/>
                </a:path>
                <a:path w="652779" h="5080">
                  <a:moveTo>
                    <a:pt x="131064" y="0"/>
                  </a:moveTo>
                  <a:lnTo>
                    <a:pt x="128016" y="0"/>
                  </a:lnTo>
                  <a:lnTo>
                    <a:pt x="128016" y="4572"/>
                  </a:lnTo>
                  <a:lnTo>
                    <a:pt x="131064" y="4572"/>
                  </a:lnTo>
                  <a:lnTo>
                    <a:pt x="131064" y="0"/>
                  </a:lnTo>
                  <a:close/>
                </a:path>
                <a:path w="652779" h="5080">
                  <a:moveTo>
                    <a:pt x="138684" y="0"/>
                  </a:moveTo>
                  <a:lnTo>
                    <a:pt x="134112" y="0"/>
                  </a:lnTo>
                  <a:lnTo>
                    <a:pt x="134112" y="4572"/>
                  </a:lnTo>
                  <a:lnTo>
                    <a:pt x="138684" y="4572"/>
                  </a:lnTo>
                  <a:lnTo>
                    <a:pt x="138684" y="0"/>
                  </a:lnTo>
                  <a:close/>
                </a:path>
                <a:path w="652779" h="5080">
                  <a:moveTo>
                    <a:pt x="144780" y="0"/>
                  </a:moveTo>
                  <a:lnTo>
                    <a:pt x="141732" y="0"/>
                  </a:lnTo>
                  <a:lnTo>
                    <a:pt x="141732" y="4572"/>
                  </a:lnTo>
                  <a:lnTo>
                    <a:pt x="144780" y="4572"/>
                  </a:lnTo>
                  <a:lnTo>
                    <a:pt x="144780" y="0"/>
                  </a:lnTo>
                  <a:close/>
                </a:path>
                <a:path w="652779" h="5080">
                  <a:moveTo>
                    <a:pt x="152400" y="0"/>
                  </a:moveTo>
                  <a:lnTo>
                    <a:pt x="147828" y="0"/>
                  </a:lnTo>
                  <a:lnTo>
                    <a:pt x="147828" y="4572"/>
                  </a:lnTo>
                  <a:lnTo>
                    <a:pt x="152400" y="4572"/>
                  </a:lnTo>
                  <a:lnTo>
                    <a:pt x="152400" y="0"/>
                  </a:lnTo>
                  <a:close/>
                </a:path>
                <a:path w="652779" h="5080">
                  <a:moveTo>
                    <a:pt x="158496" y="0"/>
                  </a:moveTo>
                  <a:lnTo>
                    <a:pt x="155448" y="0"/>
                  </a:lnTo>
                  <a:lnTo>
                    <a:pt x="155448" y="4572"/>
                  </a:lnTo>
                  <a:lnTo>
                    <a:pt x="158496" y="4572"/>
                  </a:lnTo>
                  <a:lnTo>
                    <a:pt x="158496" y="0"/>
                  </a:lnTo>
                  <a:close/>
                </a:path>
                <a:path w="652779" h="5080">
                  <a:moveTo>
                    <a:pt x="166116" y="0"/>
                  </a:moveTo>
                  <a:lnTo>
                    <a:pt x="161544" y="0"/>
                  </a:lnTo>
                  <a:lnTo>
                    <a:pt x="161544" y="4572"/>
                  </a:lnTo>
                  <a:lnTo>
                    <a:pt x="166116" y="4572"/>
                  </a:lnTo>
                  <a:lnTo>
                    <a:pt x="166116" y="0"/>
                  </a:lnTo>
                  <a:close/>
                </a:path>
                <a:path w="652779" h="5080">
                  <a:moveTo>
                    <a:pt x="172212" y="0"/>
                  </a:moveTo>
                  <a:lnTo>
                    <a:pt x="169164" y="0"/>
                  </a:lnTo>
                  <a:lnTo>
                    <a:pt x="169164" y="4572"/>
                  </a:lnTo>
                  <a:lnTo>
                    <a:pt x="172212" y="4572"/>
                  </a:lnTo>
                  <a:lnTo>
                    <a:pt x="172212" y="0"/>
                  </a:lnTo>
                  <a:close/>
                </a:path>
                <a:path w="652779" h="5080">
                  <a:moveTo>
                    <a:pt x="179832" y="0"/>
                  </a:moveTo>
                  <a:lnTo>
                    <a:pt x="175260" y="0"/>
                  </a:lnTo>
                  <a:lnTo>
                    <a:pt x="175260" y="4572"/>
                  </a:lnTo>
                  <a:lnTo>
                    <a:pt x="179832" y="4572"/>
                  </a:lnTo>
                  <a:lnTo>
                    <a:pt x="179832" y="0"/>
                  </a:lnTo>
                  <a:close/>
                </a:path>
                <a:path w="652779" h="5080">
                  <a:moveTo>
                    <a:pt x="185928" y="0"/>
                  </a:moveTo>
                  <a:lnTo>
                    <a:pt x="182880" y="0"/>
                  </a:lnTo>
                  <a:lnTo>
                    <a:pt x="182880" y="4572"/>
                  </a:lnTo>
                  <a:lnTo>
                    <a:pt x="185928" y="4572"/>
                  </a:lnTo>
                  <a:lnTo>
                    <a:pt x="185928" y="0"/>
                  </a:lnTo>
                  <a:close/>
                </a:path>
                <a:path w="652779" h="5080">
                  <a:moveTo>
                    <a:pt x="193548" y="0"/>
                  </a:moveTo>
                  <a:lnTo>
                    <a:pt x="188976" y="0"/>
                  </a:lnTo>
                  <a:lnTo>
                    <a:pt x="188976" y="4572"/>
                  </a:lnTo>
                  <a:lnTo>
                    <a:pt x="193548" y="4572"/>
                  </a:lnTo>
                  <a:lnTo>
                    <a:pt x="193548" y="0"/>
                  </a:lnTo>
                  <a:close/>
                </a:path>
                <a:path w="652779" h="5080">
                  <a:moveTo>
                    <a:pt x="199644" y="0"/>
                  </a:moveTo>
                  <a:lnTo>
                    <a:pt x="196596" y="0"/>
                  </a:lnTo>
                  <a:lnTo>
                    <a:pt x="196596" y="4572"/>
                  </a:lnTo>
                  <a:lnTo>
                    <a:pt x="199644" y="4572"/>
                  </a:lnTo>
                  <a:lnTo>
                    <a:pt x="199644" y="0"/>
                  </a:lnTo>
                  <a:close/>
                </a:path>
                <a:path w="652779" h="5080">
                  <a:moveTo>
                    <a:pt x="205740" y="0"/>
                  </a:moveTo>
                  <a:lnTo>
                    <a:pt x="202692" y="0"/>
                  </a:lnTo>
                  <a:lnTo>
                    <a:pt x="202692" y="4572"/>
                  </a:lnTo>
                  <a:lnTo>
                    <a:pt x="205740" y="4572"/>
                  </a:lnTo>
                  <a:lnTo>
                    <a:pt x="205740" y="0"/>
                  </a:lnTo>
                  <a:close/>
                </a:path>
                <a:path w="652779" h="5080">
                  <a:moveTo>
                    <a:pt x="213360" y="0"/>
                  </a:moveTo>
                  <a:lnTo>
                    <a:pt x="210312" y="0"/>
                  </a:lnTo>
                  <a:lnTo>
                    <a:pt x="210312" y="4572"/>
                  </a:lnTo>
                  <a:lnTo>
                    <a:pt x="213360" y="4572"/>
                  </a:lnTo>
                  <a:lnTo>
                    <a:pt x="213360" y="0"/>
                  </a:lnTo>
                  <a:close/>
                </a:path>
                <a:path w="652779" h="5080">
                  <a:moveTo>
                    <a:pt x="219456" y="0"/>
                  </a:moveTo>
                  <a:lnTo>
                    <a:pt x="216408" y="0"/>
                  </a:lnTo>
                  <a:lnTo>
                    <a:pt x="216408" y="4572"/>
                  </a:lnTo>
                  <a:lnTo>
                    <a:pt x="219456" y="4572"/>
                  </a:lnTo>
                  <a:lnTo>
                    <a:pt x="219456" y="0"/>
                  </a:lnTo>
                  <a:close/>
                </a:path>
                <a:path w="652779" h="5080">
                  <a:moveTo>
                    <a:pt x="227076" y="0"/>
                  </a:moveTo>
                  <a:lnTo>
                    <a:pt x="224028" y="0"/>
                  </a:lnTo>
                  <a:lnTo>
                    <a:pt x="224028" y="4572"/>
                  </a:lnTo>
                  <a:lnTo>
                    <a:pt x="227076" y="4572"/>
                  </a:lnTo>
                  <a:lnTo>
                    <a:pt x="227076" y="0"/>
                  </a:lnTo>
                  <a:close/>
                </a:path>
                <a:path w="652779" h="5080">
                  <a:moveTo>
                    <a:pt x="233172" y="0"/>
                  </a:moveTo>
                  <a:lnTo>
                    <a:pt x="230124" y="0"/>
                  </a:lnTo>
                  <a:lnTo>
                    <a:pt x="230124" y="4572"/>
                  </a:lnTo>
                  <a:lnTo>
                    <a:pt x="233172" y="4572"/>
                  </a:lnTo>
                  <a:lnTo>
                    <a:pt x="233172" y="0"/>
                  </a:lnTo>
                  <a:close/>
                </a:path>
                <a:path w="652779" h="5080">
                  <a:moveTo>
                    <a:pt x="240792" y="0"/>
                  </a:moveTo>
                  <a:lnTo>
                    <a:pt x="237744" y="0"/>
                  </a:lnTo>
                  <a:lnTo>
                    <a:pt x="237744" y="4572"/>
                  </a:lnTo>
                  <a:lnTo>
                    <a:pt x="240792" y="4572"/>
                  </a:lnTo>
                  <a:lnTo>
                    <a:pt x="240792" y="0"/>
                  </a:lnTo>
                  <a:close/>
                </a:path>
                <a:path w="652779" h="5080">
                  <a:moveTo>
                    <a:pt x="246888" y="0"/>
                  </a:moveTo>
                  <a:lnTo>
                    <a:pt x="243840" y="0"/>
                  </a:lnTo>
                  <a:lnTo>
                    <a:pt x="243840" y="4572"/>
                  </a:lnTo>
                  <a:lnTo>
                    <a:pt x="246888" y="4572"/>
                  </a:lnTo>
                  <a:lnTo>
                    <a:pt x="246888" y="0"/>
                  </a:lnTo>
                  <a:close/>
                </a:path>
                <a:path w="652779" h="5080">
                  <a:moveTo>
                    <a:pt x="254508" y="0"/>
                  </a:moveTo>
                  <a:lnTo>
                    <a:pt x="251460" y="0"/>
                  </a:lnTo>
                  <a:lnTo>
                    <a:pt x="251460" y="4572"/>
                  </a:lnTo>
                  <a:lnTo>
                    <a:pt x="254508" y="4572"/>
                  </a:lnTo>
                  <a:lnTo>
                    <a:pt x="254508" y="0"/>
                  </a:lnTo>
                  <a:close/>
                </a:path>
                <a:path w="652779" h="5080">
                  <a:moveTo>
                    <a:pt x="432816" y="0"/>
                  </a:moveTo>
                  <a:lnTo>
                    <a:pt x="429768" y="0"/>
                  </a:lnTo>
                  <a:lnTo>
                    <a:pt x="429768" y="4572"/>
                  </a:lnTo>
                  <a:lnTo>
                    <a:pt x="432816" y="4572"/>
                  </a:lnTo>
                  <a:lnTo>
                    <a:pt x="432816" y="0"/>
                  </a:lnTo>
                  <a:close/>
                </a:path>
                <a:path w="652779" h="5080">
                  <a:moveTo>
                    <a:pt x="438912" y="0"/>
                  </a:moveTo>
                  <a:lnTo>
                    <a:pt x="435864" y="0"/>
                  </a:lnTo>
                  <a:lnTo>
                    <a:pt x="435864" y="4572"/>
                  </a:lnTo>
                  <a:lnTo>
                    <a:pt x="438912" y="4572"/>
                  </a:lnTo>
                  <a:lnTo>
                    <a:pt x="438912" y="0"/>
                  </a:lnTo>
                  <a:close/>
                </a:path>
                <a:path w="652779" h="5080">
                  <a:moveTo>
                    <a:pt x="446532" y="0"/>
                  </a:moveTo>
                  <a:lnTo>
                    <a:pt x="443484" y="0"/>
                  </a:lnTo>
                  <a:lnTo>
                    <a:pt x="443484" y="4572"/>
                  </a:lnTo>
                  <a:lnTo>
                    <a:pt x="446532" y="4572"/>
                  </a:lnTo>
                  <a:lnTo>
                    <a:pt x="446532" y="0"/>
                  </a:lnTo>
                  <a:close/>
                </a:path>
                <a:path w="652779" h="5080">
                  <a:moveTo>
                    <a:pt x="452628" y="0"/>
                  </a:moveTo>
                  <a:lnTo>
                    <a:pt x="449580" y="0"/>
                  </a:lnTo>
                  <a:lnTo>
                    <a:pt x="449580" y="4572"/>
                  </a:lnTo>
                  <a:lnTo>
                    <a:pt x="452628" y="4572"/>
                  </a:lnTo>
                  <a:lnTo>
                    <a:pt x="452628" y="0"/>
                  </a:lnTo>
                  <a:close/>
                </a:path>
                <a:path w="652779" h="5080">
                  <a:moveTo>
                    <a:pt x="460248" y="0"/>
                  </a:moveTo>
                  <a:lnTo>
                    <a:pt x="457200" y="0"/>
                  </a:lnTo>
                  <a:lnTo>
                    <a:pt x="457200" y="4572"/>
                  </a:lnTo>
                  <a:lnTo>
                    <a:pt x="460248" y="4572"/>
                  </a:lnTo>
                  <a:lnTo>
                    <a:pt x="460248" y="0"/>
                  </a:lnTo>
                  <a:close/>
                </a:path>
                <a:path w="652779" h="5080">
                  <a:moveTo>
                    <a:pt x="466344" y="0"/>
                  </a:moveTo>
                  <a:lnTo>
                    <a:pt x="463296" y="0"/>
                  </a:lnTo>
                  <a:lnTo>
                    <a:pt x="463296" y="4572"/>
                  </a:lnTo>
                  <a:lnTo>
                    <a:pt x="466344" y="4572"/>
                  </a:lnTo>
                  <a:lnTo>
                    <a:pt x="466344" y="0"/>
                  </a:lnTo>
                  <a:close/>
                </a:path>
                <a:path w="652779" h="5080">
                  <a:moveTo>
                    <a:pt x="473964" y="0"/>
                  </a:moveTo>
                  <a:lnTo>
                    <a:pt x="470916" y="0"/>
                  </a:lnTo>
                  <a:lnTo>
                    <a:pt x="470916" y="4572"/>
                  </a:lnTo>
                  <a:lnTo>
                    <a:pt x="473964" y="4572"/>
                  </a:lnTo>
                  <a:lnTo>
                    <a:pt x="473964" y="0"/>
                  </a:lnTo>
                  <a:close/>
                </a:path>
                <a:path w="652779" h="5080">
                  <a:moveTo>
                    <a:pt x="480060" y="0"/>
                  </a:moveTo>
                  <a:lnTo>
                    <a:pt x="477012" y="0"/>
                  </a:lnTo>
                  <a:lnTo>
                    <a:pt x="477012" y="4572"/>
                  </a:lnTo>
                  <a:lnTo>
                    <a:pt x="480060" y="4572"/>
                  </a:lnTo>
                  <a:lnTo>
                    <a:pt x="480060" y="0"/>
                  </a:lnTo>
                  <a:close/>
                </a:path>
                <a:path w="652779" h="5080">
                  <a:moveTo>
                    <a:pt x="487680" y="0"/>
                  </a:moveTo>
                  <a:lnTo>
                    <a:pt x="484632" y="0"/>
                  </a:lnTo>
                  <a:lnTo>
                    <a:pt x="484632" y="4572"/>
                  </a:lnTo>
                  <a:lnTo>
                    <a:pt x="487680" y="4572"/>
                  </a:lnTo>
                  <a:lnTo>
                    <a:pt x="487680" y="0"/>
                  </a:lnTo>
                  <a:close/>
                </a:path>
                <a:path w="652779" h="5080">
                  <a:moveTo>
                    <a:pt x="493776" y="0"/>
                  </a:moveTo>
                  <a:lnTo>
                    <a:pt x="490728" y="0"/>
                  </a:lnTo>
                  <a:lnTo>
                    <a:pt x="490728" y="4572"/>
                  </a:lnTo>
                  <a:lnTo>
                    <a:pt x="493776" y="4572"/>
                  </a:lnTo>
                  <a:lnTo>
                    <a:pt x="493776" y="0"/>
                  </a:lnTo>
                  <a:close/>
                </a:path>
                <a:path w="652779" h="5080">
                  <a:moveTo>
                    <a:pt x="501396" y="0"/>
                  </a:moveTo>
                  <a:lnTo>
                    <a:pt x="498348" y="0"/>
                  </a:lnTo>
                  <a:lnTo>
                    <a:pt x="498348" y="4572"/>
                  </a:lnTo>
                  <a:lnTo>
                    <a:pt x="501396" y="4572"/>
                  </a:lnTo>
                  <a:lnTo>
                    <a:pt x="501396" y="0"/>
                  </a:lnTo>
                  <a:close/>
                </a:path>
                <a:path w="652779" h="5080">
                  <a:moveTo>
                    <a:pt x="507492" y="0"/>
                  </a:moveTo>
                  <a:lnTo>
                    <a:pt x="504444" y="0"/>
                  </a:lnTo>
                  <a:lnTo>
                    <a:pt x="504444" y="4572"/>
                  </a:lnTo>
                  <a:lnTo>
                    <a:pt x="507492" y="4572"/>
                  </a:lnTo>
                  <a:lnTo>
                    <a:pt x="507492" y="0"/>
                  </a:lnTo>
                  <a:close/>
                </a:path>
                <a:path w="652779" h="5080">
                  <a:moveTo>
                    <a:pt x="515112" y="0"/>
                  </a:moveTo>
                  <a:lnTo>
                    <a:pt x="512064" y="0"/>
                  </a:lnTo>
                  <a:lnTo>
                    <a:pt x="512064" y="4572"/>
                  </a:lnTo>
                  <a:lnTo>
                    <a:pt x="515112" y="4572"/>
                  </a:lnTo>
                  <a:lnTo>
                    <a:pt x="515112" y="0"/>
                  </a:lnTo>
                  <a:close/>
                </a:path>
                <a:path w="652779" h="5080">
                  <a:moveTo>
                    <a:pt x="521208" y="0"/>
                  </a:moveTo>
                  <a:lnTo>
                    <a:pt x="518160" y="0"/>
                  </a:lnTo>
                  <a:lnTo>
                    <a:pt x="518160" y="4572"/>
                  </a:lnTo>
                  <a:lnTo>
                    <a:pt x="521208" y="4572"/>
                  </a:lnTo>
                  <a:lnTo>
                    <a:pt x="521208" y="0"/>
                  </a:lnTo>
                  <a:close/>
                </a:path>
                <a:path w="652779" h="5080">
                  <a:moveTo>
                    <a:pt x="528828" y="0"/>
                  </a:moveTo>
                  <a:lnTo>
                    <a:pt x="525780" y="0"/>
                  </a:lnTo>
                  <a:lnTo>
                    <a:pt x="525780" y="4572"/>
                  </a:lnTo>
                  <a:lnTo>
                    <a:pt x="528828" y="4572"/>
                  </a:lnTo>
                  <a:lnTo>
                    <a:pt x="528828" y="0"/>
                  </a:lnTo>
                  <a:close/>
                </a:path>
                <a:path w="652779" h="5080">
                  <a:moveTo>
                    <a:pt x="534924" y="0"/>
                  </a:moveTo>
                  <a:lnTo>
                    <a:pt x="531876" y="0"/>
                  </a:lnTo>
                  <a:lnTo>
                    <a:pt x="531876" y="4572"/>
                  </a:lnTo>
                  <a:lnTo>
                    <a:pt x="534924" y="4572"/>
                  </a:lnTo>
                  <a:lnTo>
                    <a:pt x="534924" y="0"/>
                  </a:lnTo>
                  <a:close/>
                </a:path>
                <a:path w="652779" h="5080">
                  <a:moveTo>
                    <a:pt x="542544" y="0"/>
                  </a:moveTo>
                  <a:lnTo>
                    <a:pt x="539496" y="0"/>
                  </a:lnTo>
                  <a:lnTo>
                    <a:pt x="539496" y="4572"/>
                  </a:lnTo>
                  <a:lnTo>
                    <a:pt x="542544" y="4572"/>
                  </a:lnTo>
                  <a:lnTo>
                    <a:pt x="542544" y="0"/>
                  </a:lnTo>
                  <a:close/>
                </a:path>
                <a:path w="652779" h="5080">
                  <a:moveTo>
                    <a:pt x="548640" y="0"/>
                  </a:moveTo>
                  <a:lnTo>
                    <a:pt x="545592" y="0"/>
                  </a:lnTo>
                  <a:lnTo>
                    <a:pt x="545592" y="4572"/>
                  </a:lnTo>
                  <a:lnTo>
                    <a:pt x="548640" y="4572"/>
                  </a:lnTo>
                  <a:lnTo>
                    <a:pt x="548640" y="0"/>
                  </a:lnTo>
                  <a:close/>
                </a:path>
                <a:path w="652779" h="5080">
                  <a:moveTo>
                    <a:pt x="556260" y="0"/>
                  </a:moveTo>
                  <a:lnTo>
                    <a:pt x="553212" y="0"/>
                  </a:lnTo>
                  <a:lnTo>
                    <a:pt x="553212" y="4572"/>
                  </a:lnTo>
                  <a:lnTo>
                    <a:pt x="556260" y="4572"/>
                  </a:lnTo>
                  <a:lnTo>
                    <a:pt x="556260" y="0"/>
                  </a:lnTo>
                  <a:close/>
                </a:path>
                <a:path w="652779" h="5080">
                  <a:moveTo>
                    <a:pt x="562356" y="0"/>
                  </a:moveTo>
                  <a:lnTo>
                    <a:pt x="559308" y="0"/>
                  </a:lnTo>
                  <a:lnTo>
                    <a:pt x="559308" y="4572"/>
                  </a:lnTo>
                  <a:lnTo>
                    <a:pt x="562356" y="4572"/>
                  </a:lnTo>
                  <a:lnTo>
                    <a:pt x="562356" y="0"/>
                  </a:lnTo>
                  <a:close/>
                </a:path>
                <a:path w="652779" h="5080">
                  <a:moveTo>
                    <a:pt x="569976" y="0"/>
                  </a:moveTo>
                  <a:lnTo>
                    <a:pt x="566928" y="0"/>
                  </a:lnTo>
                  <a:lnTo>
                    <a:pt x="566928" y="4572"/>
                  </a:lnTo>
                  <a:lnTo>
                    <a:pt x="569976" y="4572"/>
                  </a:lnTo>
                  <a:lnTo>
                    <a:pt x="569976" y="0"/>
                  </a:lnTo>
                  <a:close/>
                </a:path>
                <a:path w="652779" h="5080">
                  <a:moveTo>
                    <a:pt x="576072" y="0"/>
                  </a:moveTo>
                  <a:lnTo>
                    <a:pt x="573024" y="0"/>
                  </a:lnTo>
                  <a:lnTo>
                    <a:pt x="573024" y="4572"/>
                  </a:lnTo>
                  <a:lnTo>
                    <a:pt x="576072" y="4572"/>
                  </a:lnTo>
                  <a:lnTo>
                    <a:pt x="576072" y="0"/>
                  </a:lnTo>
                  <a:close/>
                </a:path>
                <a:path w="652779" h="5080">
                  <a:moveTo>
                    <a:pt x="583692" y="0"/>
                  </a:moveTo>
                  <a:lnTo>
                    <a:pt x="580644" y="0"/>
                  </a:lnTo>
                  <a:lnTo>
                    <a:pt x="580644" y="4572"/>
                  </a:lnTo>
                  <a:lnTo>
                    <a:pt x="583692" y="4572"/>
                  </a:lnTo>
                  <a:lnTo>
                    <a:pt x="583692" y="0"/>
                  </a:lnTo>
                  <a:close/>
                </a:path>
                <a:path w="652779" h="5080">
                  <a:moveTo>
                    <a:pt x="589788" y="0"/>
                  </a:moveTo>
                  <a:lnTo>
                    <a:pt x="586740" y="0"/>
                  </a:lnTo>
                  <a:lnTo>
                    <a:pt x="586740" y="4572"/>
                  </a:lnTo>
                  <a:lnTo>
                    <a:pt x="589788" y="4572"/>
                  </a:lnTo>
                  <a:lnTo>
                    <a:pt x="589788" y="0"/>
                  </a:lnTo>
                  <a:close/>
                </a:path>
                <a:path w="652779" h="5080">
                  <a:moveTo>
                    <a:pt x="597408" y="0"/>
                  </a:moveTo>
                  <a:lnTo>
                    <a:pt x="594360" y="0"/>
                  </a:lnTo>
                  <a:lnTo>
                    <a:pt x="594360" y="4572"/>
                  </a:lnTo>
                  <a:lnTo>
                    <a:pt x="597408" y="4572"/>
                  </a:lnTo>
                  <a:lnTo>
                    <a:pt x="597408" y="0"/>
                  </a:lnTo>
                  <a:close/>
                </a:path>
                <a:path w="652779" h="5080">
                  <a:moveTo>
                    <a:pt x="603504" y="0"/>
                  </a:moveTo>
                  <a:lnTo>
                    <a:pt x="600456" y="0"/>
                  </a:lnTo>
                  <a:lnTo>
                    <a:pt x="600456" y="4572"/>
                  </a:lnTo>
                  <a:lnTo>
                    <a:pt x="603504" y="4572"/>
                  </a:lnTo>
                  <a:lnTo>
                    <a:pt x="603504" y="0"/>
                  </a:lnTo>
                  <a:close/>
                </a:path>
                <a:path w="652779" h="5080">
                  <a:moveTo>
                    <a:pt x="611124" y="0"/>
                  </a:moveTo>
                  <a:lnTo>
                    <a:pt x="608076" y="0"/>
                  </a:lnTo>
                  <a:lnTo>
                    <a:pt x="608076" y="4572"/>
                  </a:lnTo>
                  <a:lnTo>
                    <a:pt x="611124" y="4572"/>
                  </a:lnTo>
                  <a:lnTo>
                    <a:pt x="611124" y="0"/>
                  </a:lnTo>
                  <a:close/>
                </a:path>
                <a:path w="652779" h="5080">
                  <a:moveTo>
                    <a:pt x="617220" y="0"/>
                  </a:moveTo>
                  <a:lnTo>
                    <a:pt x="614172" y="0"/>
                  </a:lnTo>
                  <a:lnTo>
                    <a:pt x="614172" y="4572"/>
                  </a:lnTo>
                  <a:lnTo>
                    <a:pt x="617220" y="4572"/>
                  </a:lnTo>
                  <a:lnTo>
                    <a:pt x="617220" y="0"/>
                  </a:lnTo>
                  <a:close/>
                </a:path>
                <a:path w="652779" h="5080">
                  <a:moveTo>
                    <a:pt x="624840" y="0"/>
                  </a:moveTo>
                  <a:lnTo>
                    <a:pt x="621792" y="0"/>
                  </a:lnTo>
                  <a:lnTo>
                    <a:pt x="621792" y="4572"/>
                  </a:lnTo>
                  <a:lnTo>
                    <a:pt x="624840" y="4572"/>
                  </a:lnTo>
                  <a:lnTo>
                    <a:pt x="624840" y="0"/>
                  </a:lnTo>
                  <a:close/>
                </a:path>
                <a:path w="652779" h="5080">
                  <a:moveTo>
                    <a:pt x="630936" y="0"/>
                  </a:moveTo>
                  <a:lnTo>
                    <a:pt x="627888" y="0"/>
                  </a:lnTo>
                  <a:lnTo>
                    <a:pt x="627888" y="4572"/>
                  </a:lnTo>
                  <a:lnTo>
                    <a:pt x="630936" y="4572"/>
                  </a:lnTo>
                  <a:lnTo>
                    <a:pt x="630936" y="0"/>
                  </a:lnTo>
                  <a:close/>
                </a:path>
                <a:path w="652779" h="5080">
                  <a:moveTo>
                    <a:pt x="638556" y="0"/>
                  </a:moveTo>
                  <a:lnTo>
                    <a:pt x="635508" y="0"/>
                  </a:lnTo>
                  <a:lnTo>
                    <a:pt x="635508" y="4572"/>
                  </a:lnTo>
                  <a:lnTo>
                    <a:pt x="638556" y="4572"/>
                  </a:lnTo>
                  <a:lnTo>
                    <a:pt x="638556" y="0"/>
                  </a:lnTo>
                  <a:close/>
                </a:path>
                <a:path w="652779" h="5080">
                  <a:moveTo>
                    <a:pt x="644652" y="0"/>
                  </a:moveTo>
                  <a:lnTo>
                    <a:pt x="641604" y="0"/>
                  </a:lnTo>
                  <a:lnTo>
                    <a:pt x="641604" y="4572"/>
                  </a:lnTo>
                  <a:lnTo>
                    <a:pt x="644652" y="4572"/>
                  </a:lnTo>
                  <a:lnTo>
                    <a:pt x="644652" y="0"/>
                  </a:lnTo>
                  <a:close/>
                </a:path>
                <a:path w="652779" h="5080">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108" name="object 108"/>
            <p:cNvSpPr/>
            <p:nvPr/>
          </p:nvSpPr>
          <p:spPr>
            <a:xfrm>
              <a:off x="4581144" y="2843783"/>
              <a:ext cx="30480" cy="5080"/>
            </a:xfrm>
            <a:custGeom>
              <a:avLst/>
              <a:gdLst/>
              <a:ahLst/>
              <a:cxnLst/>
              <a:rect l="l" t="t" r="r" b="b"/>
              <a:pathLst>
                <a:path w="30479" h="5080">
                  <a:moveTo>
                    <a:pt x="3048" y="0"/>
                  </a:moveTo>
                  <a:lnTo>
                    <a:pt x="0" y="0"/>
                  </a:lnTo>
                  <a:lnTo>
                    <a:pt x="0" y="4572"/>
                  </a:lnTo>
                  <a:lnTo>
                    <a:pt x="3048" y="4572"/>
                  </a:lnTo>
                  <a:lnTo>
                    <a:pt x="3048" y="0"/>
                  </a:lnTo>
                  <a:close/>
                </a:path>
                <a:path w="30479" h="5080">
                  <a:moveTo>
                    <a:pt x="9144" y="0"/>
                  </a:moveTo>
                  <a:lnTo>
                    <a:pt x="6096" y="0"/>
                  </a:lnTo>
                  <a:lnTo>
                    <a:pt x="6096" y="4572"/>
                  </a:lnTo>
                  <a:lnTo>
                    <a:pt x="9144" y="4572"/>
                  </a:lnTo>
                  <a:lnTo>
                    <a:pt x="9144" y="0"/>
                  </a:lnTo>
                  <a:close/>
                </a:path>
                <a:path w="30479" h="5080">
                  <a:moveTo>
                    <a:pt x="16764" y="0"/>
                  </a:moveTo>
                  <a:lnTo>
                    <a:pt x="13716" y="0"/>
                  </a:lnTo>
                  <a:lnTo>
                    <a:pt x="13716" y="4572"/>
                  </a:lnTo>
                  <a:lnTo>
                    <a:pt x="16764" y="4572"/>
                  </a:lnTo>
                  <a:lnTo>
                    <a:pt x="16764" y="0"/>
                  </a:lnTo>
                  <a:close/>
                </a:path>
                <a:path w="30479" h="5080">
                  <a:moveTo>
                    <a:pt x="22860" y="0"/>
                  </a:moveTo>
                  <a:lnTo>
                    <a:pt x="19812" y="0"/>
                  </a:lnTo>
                  <a:lnTo>
                    <a:pt x="19812" y="4572"/>
                  </a:lnTo>
                  <a:lnTo>
                    <a:pt x="22860" y="4572"/>
                  </a:lnTo>
                  <a:lnTo>
                    <a:pt x="22860" y="0"/>
                  </a:lnTo>
                  <a:close/>
                </a:path>
                <a:path w="30479" h="5080">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109" name="object 109"/>
            <p:cNvSpPr/>
            <p:nvPr/>
          </p:nvSpPr>
          <p:spPr>
            <a:xfrm>
              <a:off x="4780788" y="2846069"/>
              <a:ext cx="256540" cy="0"/>
            </a:xfrm>
            <a:custGeom>
              <a:avLst/>
              <a:gdLst/>
              <a:ahLst/>
              <a:cxnLst/>
              <a:rect l="l" t="t" r="r" b="b"/>
              <a:pathLst>
                <a:path w="256539">
                  <a:moveTo>
                    <a:pt x="0" y="0"/>
                  </a:moveTo>
                  <a:lnTo>
                    <a:pt x="256032" y="0"/>
                  </a:lnTo>
                </a:path>
              </a:pathLst>
            </a:custGeom>
            <a:ln w="4572">
              <a:solidFill>
                <a:srgbClr val="D8D8D8"/>
              </a:solidFill>
              <a:prstDash val="sysDot"/>
            </a:ln>
          </p:spPr>
          <p:txBody>
            <a:bodyPr wrap="square" lIns="0" tIns="0" rIns="0" bIns="0" rtlCol="0"/>
            <a:lstStyle/>
            <a:p>
              <a:endParaRPr sz="1539"/>
            </a:p>
          </p:txBody>
        </p:sp>
        <p:sp>
          <p:nvSpPr>
            <p:cNvPr id="110" name="object 110"/>
            <p:cNvSpPr/>
            <p:nvPr/>
          </p:nvSpPr>
          <p:spPr>
            <a:xfrm>
              <a:off x="5205984" y="2843783"/>
              <a:ext cx="646430" cy="5080"/>
            </a:xfrm>
            <a:custGeom>
              <a:avLst/>
              <a:gdLst/>
              <a:ahLst/>
              <a:cxnLst/>
              <a:rect l="l" t="t" r="r" b="b"/>
              <a:pathLst>
                <a:path w="646429" h="5080">
                  <a:moveTo>
                    <a:pt x="1524" y="0"/>
                  </a:moveTo>
                  <a:lnTo>
                    <a:pt x="0" y="0"/>
                  </a:lnTo>
                  <a:lnTo>
                    <a:pt x="0" y="4572"/>
                  </a:lnTo>
                  <a:lnTo>
                    <a:pt x="1524" y="4572"/>
                  </a:lnTo>
                  <a:lnTo>
                    <a:pt x="1524" y="0"/>
                  </a:lnTo>
                  <a:close/>
                </a:path>
                <a:path w="646429" h="5080">
                  <a:moveTo>
                    <a:pt x="9144" y="0"/>
                  </a:moveTo>
                  <a:lnTo>
                    <a:pt x="4572" y="0"/>
                  </a:lnTo>
                  <a:lnTo>
                    <a:pt x="4572" y="4572"/>
                  </a:lnTo>
                  <a:lnTo>
                    <a:pt x="9144" y="4572"/>
                  </a:lnTo>
                  <a:lnTo>
                    <a:pt x="9144" y="0"/>
                  </a:lnTo>
                  <a:close/>
                </a:path>
                <a:path w="646429" h="5080">
                  <a:moveTo>
                    <a:pt x="15240" y="0"/>
                  </a:moveTo>
                  <a:lnTo>
                    <a:pt x="12192" y="0"/>
                  </a:lnTo>
                  <a:lnTo>
                    <a:pt x="12192" y="4572"/>
                  </a:lnTo>
                  <a:lnTo>
                    <a:pt x="15240" y="4572"/>
                  </a:lnTo>
                  <a:lnTo>
                    <a:pt x="15240" y="0"/>
                  </a:lnTo>
                  <a:close/>
                </a:path>
                <a:path w="646429" h="5080">
                  <a:moveTo>
                    <a:pt x="22860" y="0"/>
                  </a:moveTo>
                  <a:lnTo>
                    <a:pt x="18288" y="0"/>
                  </a:lnTo>
                  <a:lnTo>
                    <a:pt x="18288" y="4572"/>
                  </a:lnTo>
                  <a:lnTo>
                    <a:pt x="22860" y="4572"/>
                  </a:lnTo>
                  <a:lnTo>
                    <a:pt x="22860" y="0"/>
                  </a:lnTo>
                  <a:close/>
                </a:path>
                <a:path w="646429" h="5080">
                  <a:moveTo>
                    <a:pt x="28956" y="0"/>
                  </a:moveTo>
                  <a:lnTo>
                    <a:pt x="25908" y="0"/>
                  </a:lnTo>
                  <a:lnTo>
                    <a:pt x="25908" y="4572"/>
                  </a:lnTo>
                  <a:lnTo>
                    <a:pt x="28956" y="4572"/>
                  </a:lnTo>
                  <a:lnTo>
                    <a:pt x="28956" y="0"/>
                  </a:lnTo>
                  <a:close/>
                </a:path>
                <a:path w="646429" h="5080">
                  <a:moveTo>
                    <a:pt x="36576" y="0"/>
                  </a:moveTo>
                  <a:lnTo>
                    <a:pt x="32004" y="0"/>
                  </a:lnTo>
                  <a:lnTo>
                    <a:pt x="32004" y="4572"/>
                  </a:lnTo>
                  <a:lnTo>
                    <a:pt x="36576" y="4572"/>
                  </a:lnTo>
                  <a:lnTo>
                    <a:pt x="36576" y="0"/>
                  </a:lnTo>
                  <a:close/>
                </a:path>
                <a:path w="646429" h="5080">
                  <a:moveTo>
                    <a:pt x="42672" y="0"/>
                  </a:moveTo>
                  <a:lnTo>
                    <a:pt x="39624" y="0"/>
                  </a:lnTo>
                  <a:lnTo>
                    <a:pt x="39624" y="4572"/>
                  </a:lnTo>
                  <a:lnTo>
                    <a:pt x="42672" y="4572"/>
                  </a:lnTo>
                  <a:lnTo>
                    <a:pt x="42672" y="0"/>
                  </a:lnTo>
                  <a:close/>
                </a:path>
                <a:path w="646429" h="5080">
                  <a:moveTo>
                    <a:pt x="50292" y="0"/>
                  </a:moveTo>
                  <a:lnTo>
                    <a:pt x="45720" y="0"/>
                  </a:lnTo>
                  <a:lnTo>
                    <a:pt x="45720" y="4572"/>
                  </a:lnTo>
                  <a:lnTo>
                    <a:pt x="50292" y="4572"/>
                  </a:lnTo>
                  <a:lnTo>
                    <a:pt x="50292" y="0"/>
                  </a:lnTo>
                  <a:close/>
                </a:path>
                <a:path w="646429" h="5080">
                  <a:moveTo>
                    <a:pt x="56388" y="0"/>
                  </a:moveTo>
                  <a:lnTo>
                    <a:pt x="53340" y="0"/>
                  </a:lnTo>
                  <a:lnTo>
                    <a:pt x="53340" y="4572"/>
                  </a:lnTo>
                  <a:lnTo>
                    <a:pt x="56388" y="4572"/>
                  </a:lnTo>
                  <a:lnTo>
                    <a:pt x="56388" y="0"/>
                  </a:lnTo>
                  <a:close/>
                </a:path>
                <a:path w="646429" h="5080">
                  <a:moveTo>
                    <a:pt x="64008" y="0"/>
                  </a:moveTo>
                  <a:lnTo>
                    <a:pt x="59436" y="0"/>
                  </a:lnTo>
                  <a:lnTo>
                    <a:pt x="59436" y="4572"/>
                  </a:lnTo>
                  <a:lnTo>
                    <a:pt x="64008" y="4572"/>
                  </a:lnTo>
                  <a:lnTo>
                    <a:pt x="64008" y="0"/>
                  </a:lnTo>
                  <a:close/>
                </a:path>
                <a:path w="646429" h="5080">
                  <a:moveTo>
                    <a:pt x="70104" y="0"/>
                  </a:moveTo>
                  <a:lnTo>
                    <a:pt x="67056" y="0"/>
                  </a:lnTo>
                  <a:lnTo>
                    <a:pt x="67056" y="4572"/>
                  </a:lnTo>
                  <a:lnTo>
                    <a:pt x="70104" y="4572"/>
                  </a:lnTo>
                  <a:lnTo>
                    <a:pt x="70104" y="0"/>
                  </a:lnTo>
                  <a:close/>
                </a:path>
                <a:path w="646429" h="5080">
                  <a:moveTo>
                    <a:pt x="77724" y="0"/>
                  </a:moveTo>
                  <a:lnTo>
                    <a:pt x="73152" y="0"/>
                  </a:lnTo>
                  <a:lnTo>
                    <a:pt x="73152" y="4572"/>
                  </a:lnTo>
                  <a:lnTo>
                    <a:pt x="77724" y="4572"/>
                  </a:lnTo>
                  <a:lnTo>
                    <a:pt x="77724" y="0"/>
                  </a:lnTo>
                  <a:close/>
                </a:path>
                <a:path w="646429" h="5080">
                  <a:moveTo>
                    <a:pt x="83820" y="0"/>
                  </a:moveTo>
                  <a:lnTo>
                    <a:pt x="80772" y="0"/>
                  </a:lnTo>
                  <a:lnTo>
                    <a:pt x="80772" y="4572"/>
                  </a:lnTo>
                  <a:lnTo>
                    <a:pt x="83820" y="4572"/>
                  </a:lnTo>
                  <a:lnTo>
                    <a:pt x="83820" y="0"/>
                  </a:lnTo>
                  <a:close/>
                </a:path>
                <a:path w="646429" h="5080">
                  <a:moveTo>
                    <a:pt x="91440" y="0"/>
                  </a:moveTo>
                  <a:lnTo>
                    <a:pt x="86868" y="0"/>
                  </a:lnTo>
                  <a:lnTo>
                    <a:pt x="86868" y="4572"/>
                  </a:lnTo>
                  <a:lnTo>
                    <a:pt x="91440" y="4572"/>
                  </a:lnTo>
                  <a:lnTo>
                    <a:pt x="91440" y="0"/>
                  </a:lnTo>
                  <a:close/>
                </a:path>
                <a:path w="646429" h="5080">
                  <a:moveTo>
                    <a:pt x="97536" y="0"/>
                  </a:moveTo>
                  <a:lnTo>
                    <a:pt x="94488" y="0"/>
                  </a:lnTo>
                  <a:lnTo>
                    <a:pt x="94488" y="4572"/>
                  </a:lnTo>
                  <a:lnTo>
                    <a:pt x="97536" y="4572"/>
                  </a:lnTo>
                  <a:lnTo>
                    <a:pt x="97536" y="0"/>
                  </a:lnTo>
                  <a:close/>
                </a:path>
                <a:path w="646429" h="5080">
                  <a:moveTo>
                    <a:pt x="105156" y="0"/>
                  </a:moveTo>
                  <a:lnTo>
                    <a:pt x="100584" y="0"/>
                  </a:lnTo>
                  <a:lnTo>
                    <a:pt x="100584" y="4572"/>
                  </a:lnTo>
                  <a:lnTo>
                    <a:pt x="105156" y="4572"/>
                  </a:lnTo>
                  <a:lnTo>
                    <a:pt x="105156" y="0"/>
                  </a:lnTo>
                  <a:close/>
                </a:path>
                <a:path w="646429" h="5080">
                  <a:moveTo>
                    <a:pt x="111252" y="0"/>
                  </a:moveTo>
                  <a:lnTo>
                    <a:pt x="108204" y="0"/>
                  </a:lnTo>
                  <a:lnTo>
                    <a:pt x="108204" y="4572"/>
                  </a:lnTo>
                  <a:lnTo>
                    <a:pt x="111252" y="4572"/>
                  </a:lnTo>
                  <a:lnTo>
                    <a:pt x="111252" y="0"/>
                  </a:lnTo>
                  <a:close/>
                </a:path>
                <a:path w="646429" h="5080">
                  <a:moveTo>
                    <a:pt x="118872" y="0"/>
                  </a:moveTo>
                  <a:lnTo>
                    <a:pt x="114300" y="0"/>
                  </a:lnTo>
                  <a:lnTo>
                    <a:pt x="114300" y="4572"/>
                  </a:lnTo>
                  <a:lnTo>
                    <a:pt x="118872" y="4572"/>
                  </a:lnTo>
                  <a:lnTo>
                    <a:pt x="118872" y="0"/>
                  </a:lnTo>
                  <a:close/>
                </a:path>
                <a:path w="646429" h="5080">
                  <a:moveTo>
                    <a:pt x="124968" y="0"/>
                  </a:moveTo>
                  <a:lnTo>
                    <a:pt x="121920" y="0"/>
                  </a:lnTo>
                  <a:lnTo>
                    <a:pt x="121920" y="4572"/>
                  </a:lnTo>
                  <a:lnTo>
                    <a:pt x="124968" y="4572"/>
                  </a:lnTo>
                  <a:lnTo>
                    <a:pt x="124968" y="0"/>
                  </a:lnTo>
                  <a:close/>
                </a:path>
                <a:path w="646429" h="5080">
                  <a:moveTo>
                    <a:pt x="132588" y="0"/>
                  </a:moveTo>
                  <a:lnTo>
                    <a:pt x="128016" y="0"/>
                  </a:lnTo>
                  <a:lnTo>
                    <a:pt x="128016" y="4572"/>
                  </a:lnTo>
                  <a:lnTo>
                    <a:pt x="132588" y="4572"/>
                  </a:lnTo>
                  <a:lnTo>
                    <a:pt x="132588" y="0"/>
                  </a:lnTo>
                  <a:close/>
                </a:path>
                <a:path w="646429" h="5080">
                  <a:moveTo>
                    <a:pt x="138684" y="0"/>
                  </a:moveTo>
                  <a:lnTo>
                    <a:pt x="135636" y="0"/>
                  </a:lnTo>
                  <a:lnTo>
                    <a:pt x="135636" y="4572"/>
                  </a:lnTo>
                  <a:lnTo>
                    <a:pt x="138684" y="4572"/>
                  </a:lnTo>
                  <a:lnTo>
                    <a:pt x="138684" y="0"/>
                  </a:lnTo>
                  <a:close/>
                </a:path>
                <a:path w="646429" h="5080">
                  <a:moveTo>
                    <a:pt x="146304" y="0"/>
                  </a:moveTo>
                  <a:lnTo>
                    <a:pt x="141732" y="0"/>
                  </a:lnTo>
                  <a:lnTo>
                    <a:pt x="141732" y="4572"/>
                  </a:lnTo>
                  <a:lnTo>
                    <a:pt x="146304" y="4572"/>
                  </a:lnTo>
                  <a:lnTo>
                    <a:pt x="146304" y="0"/>
                  </a:lnTo>
                  <a:close/>
                </a:path>
                <a:path w="646429" h="5080">
                  <a:moveTo>
                    <a:pt x="152400" y="0"/>
                  </a:moveTo>
                  <a:lnTo>
                    <a:pt x="149352" y="0"/>
                  </a:lnTo>
                  <a:lnTo>
                    <a:pt x="149352" y="4572"/>
                  </a:lnTo>
                  <a:lnTo>
                    <a:pt x="152400" y="4572"/>
                  </a:lnTo>
                  <a:lnTo>
                    <a:pt x="152400" y="0"/>
                  </a:lnTo>
                  <a:close/>
                </a:path>
                <a:path w="646429" h="5080">
                  <a:moveTo>
                    <a:pt x="158496" y="0"/>
                  </a:moveTo>
                  <a:lnTo>
                    <a:pt x="155448" y="0"/>
                  </a:lnTo>
                  <a:lnTo>
                    <a:pt x="155448" y="4572"/>
                  </a:lnTo>
                  <a:lnTo>
                    <a:pt x="158496" y="4572"/>
                  </a:lnTo>
                  <a:lnTo>
                    <a:pt x="158496" y="0"/>
                  </a:lnTo>
                  <a:close/>
                </a:path>
                <a:path w="646429" h="5080">
                  <a:moveTo>
                    <a:pt x="166116" y="0"/>
                  </a:moveTo>
                  <a:lnTo>
                    <a:pt x="163068" y="0"/>
                  </a:lnTo>
                  <a:lnTo>
                    <a:pt x="163068" y="4572"/>
                  </a:lnTo>
                  <a:lnTo>
                    <a:pt x="166116" y="4572"/>
                  </a:lnTo>
                  <a:lnTo>
                    <a:pt x="166116" y="0"/>
                  </a:lnTo>
                  <a:close/>
                </a:path>
                <a:path w="646429" h="5080">
                  <a:moveTo>
                    <a:pt x="172212" y="0"/>
                  </a:moveTo>
                  <a:lnTo>
                    <a:pt x="169164" y="0"/>
                  </a:lnTo>
                  <a:lnTo>
                    <a:pt x="169164" y="4572"/>
                  </a:lnTo>
                  <a:lnTo>
                    <a:pt x="172212" y="4572"/>
                  </a:lnTo>
                  <a:lnTo>
                    <a:pt x="172212" y="0"/>
                  </a:lnTo>
                  <a:close/>
                </a:path>
                <a:path w="646429" h="5080">
                  <a:moveTo>
                    <a:pt x="179832" y="0"/>
                  </a:moveTo>
                  <a:lnTo>
                    <a:pt x="176784" y="0"/>
                  </a:lnTo>
                  <a:lnTo>
                    <a:pt x="176784" y="4572"/>
                  </a:lnTo>
                  <a:lnTo>
                    <a:pt x="179832" y="4572"/>
                  </a:lnTo>
                  <a:lnTo>
                    <a:pt x="179832" y="0"/>
                  </a:lnTo>
                  <a:close/>
                </a:path>
                <a:path w="646429" h="5080">
                  <a:moveTo>
                    <a:pt x="185928" y="0"/>
                  </a:moveTo>
                  <a:lnTo>
                    <a:pt x="182880" y="0"/>
                  </a:lnTo>
                  <a:lnTo>
                    <a:pt x="182880" y="4572"/>
                  </a:lnTo>
                  <a:lnTo>
                    <a:pt x="185928" y="4572"/>
                  </a:lnTo>
                  <a:lnTo>
                    <a:pt x="185928" y="0"/>
                  </a:lnTo>
                  <a:close/>
                </a:path>
                <a:path w="646429" h="5080">
                  <a:moveTo>
                    <a:pt x="193548" y="0"/>
                  </a:moveTo>
                  <a:lnTo>
                    <a:pt x="190500" y="0"/>
                  </a:lnTo>
                  <a:lnTo>
                    <a:pt x="190500" y="4572"/>
                  </a:lnTo>
                  <a:lnTo>
                    <a:pt x="193548" y="4572"/>
                  </a:lnTo>
                  <a:lnTo>
                    <a:pt x="193548" y="0"/>
                  </a:lnTo>
                  <a:close/>
                </a:path>
                <a:path w="646429" h="5080">
                  <a:moveTo>
                    <a:pt x="199644" y="0"/>
                  </a:moveTo>
                  <a:lnTo>
                    <a:pt x="196596" y="0"/>
                  </a:lnTo>
                  <a:lnTo>
                    <a:pt x="196596" y="4572"/>
                  </a:lnTo>
                  <a:lnTo>
                    <a:pt x="199644" y="4572"/>
                  </a:lnTo>
                  <a:lnTo>
                    <a:pt x="199644" y="0"/>
                  </a:lnTo>
                  <a:close/>
                </a:path>
                <a:path w="646429" h="5080">
                  <a:moveTo>
                    <a:pt x="207264" y="0"/>
                  </a:moveTo>
                  <a:lnTo>
                    <a:pt x="204216" y="0"/>
                  </a:lnTo>
                  <a:lnTo>
                    <a:pt x="204216" y="4572"/>
                  </a:lnTo>
                  <a:lnTo>
                    <a:pt x="207264" y="4572"/>
                  </a:lnTo>
                  <a:lnTo>
                    <a:pt x="207264" y="0"/>
                  </a:lnTo>
                  <a:close/>
                </a:path>
                <a:path w="646429" h="5080">
                  <a:moveTo>
                    <a:pt x="213360" y="0"/>
                  </a:moveTo>
                  <a:lnTo>
                    <a:pt x="210312" y="0"/>
                  </a:lnTo>
                  <a:lnTo>
                    <a:pt x="210312" y="4572"/>
                  </a:lnTo>
                  <a:lnTo>
                    <a:pt x="213360" y="4572"/>
                  </a:lnTo>
                  <a:lnTo>
                    <a:pt x="213360" y="0"/>
                  </a:lnTo>
                  <a:close/>
                </a:path>
                <a:path w="646429" h="5080">
                  <a:moveTo>
                    <a:pt x="220980" y="0"/>
                  </a:moveTo>
                  <a:lnTo>
                    <a:pt x="217932" y="0"/>
                  </a:lnTo>
                  <a:lnTo>
                    <a:pt x="217932" y="4572"/>
                  </a:lnTo>
                  <a:lnTo>
                    <a:pt x="220980" y="4572"/>
                  </a:lnTo>
                  <a:lnTo>
                    <a:pt x="220980" y="0"/>
                  </a:lnTo>
                  <a:close/>
                </a:path>
                <a:path w="646429" h="5080">
                  <a:moveTo>
                    <a:pt x="227076" y="0"/>
                  </a:moveTo>
                  <a:lnTo>
                    <a:pt x="224028" y="0"/>
                  </a:lnTo>
                  <a:lnTo>
                    <a:pt x="224028" y="4572"/>
                  </a:lnTo>
                  <a:lnTo>
                    <a:pt x="227076" y="4572"/>
                  </a:lnTo>
                  <a:lnTo>
                    <a:pt x="227076" y="0"/>
                  </a:lnTo>
                  <a:close/>
                </a:path>
                <a:path w="646429" h="5080">
                  <a:moveTo>
                    <a:pt x="234696" y="0"/>
                  </a:moveTo>
                  <a:lnTo>
                    <a:pt x="231648" y="0"/>
                  </a:lnTo>
                  <a:lnTo>
                    <a:pt x="231648" y="4572"/>
                  </a:lnTo>
                  <a:lnTo>
                    <a:pt x="234696" y="4572"/>
                  </a:lnTo>
                  <a:lnTo>
                    <a:pt x="234696" y="0"/>
                  </a:lnTo>
                  <a:close/>
                </a:path>
                <a:path w="646429" h="5080">
                  <a:moveTo>
                    <a:pt x="240792" y="0"/>
                  </a:moveTo>
                  <a:lnTo>
                    <a:pt x="237744" y="0"/>
                  </a:lnTo>
                  <a:lnTo>
                    <a:pt x="237744" y="4572"/>
                  </a:lnTo>
                  <a:lnTo>
                    <a:pt x="240792" y="4572"/>
                  </a:lnTo>
                  <a:lnTo>
                    <a:pt x="240792" y="0"/>
                  </a:lnTo>
                  <a:close/>
                </a:path>
                <a:path w="646429" h="5080">
                  <a:moveTo>
                    <a:pt x="248412" y="0"/>
                  </a:moveTo>
                  <a:lnTo>
                    <a:pt x="245364" y="0"/>
                  </a:lnTo>
                  <a:lnTo>
                    <a:pt x="245364" y="4572"/>
                  </a:lnTo>
                  <a:lnTo>
                    <a:pt x="248412" y="4572"/>
                  </a:lnTo>
                  <a:lnTo>
                    <a:pt x="248412" y="0"/>
                  </a:lnTo>
                  <a:close/>
                </a:path>
                <a:path w="646429" h="5080">
                  <a:moveTo>
                    <a:pt x="254508" y="0"/>
                  </a:moveTo>
                  <a:lnTo>
                    <a:pt x="251460" y="0"/>
                  </a:lnTo>
                  <a:lnTo>
                    <a:pt x="251460" y="4572"/>
                  </a:lnTo>
                  <a:lnTo>
                    <a:pt x="254508" y="4572"/>
                  </a:lnTo>
                  <a:lnTo>
                    <a:pt x="254508" y="0"/>
                  </a:lnTo>
                  <a:close/>
                </a:path>
                <a:path w="646429" h="5080">
                  <a:moveTo>
                    <a:pt x="426720" y="0"/>
                  </a:moveTo>
                  <a:lnTo>
                    <a:pt x="425196" y="0"/>
                  </a:lnTo>
                  <a:lnTo>
                    <a:pt x="425196" y="4572"/>
                  </a:lnTo>
                  <a:lnTo>
                    <a:pt x="426720" y="4572"/>
                  </a:lnTo>
                  <a:lnTo>
                    <a:pt x="426720" y="0"/>
                  </a:lnTo>
                  <a:close/>
                </a:path>
                <a:path w="646429" h="5080">
                  <a:moveTo>
                    <a:pt x="432816" y="0"/>
                  </a:moveTo>
                  <a:lnTo>
                    <a:pt x="429768" y="0"/>
                  </a:lnTo>
                  <a:lnTo>
                    <a:pt x="429768" y="4572"/>
                  </a:lnTo>
                  <a:lnTo>
                    <a:pt x="432816" y="4572"/>
                  </a:lnTo>
                  <a:lnTo>
                    <a:pt x="432816" y="0"/>
                  </a:lnTo>
                  <a:close/>
                </a:path>
                <a:path w="646429" h="5080">
                  <a:moveTo>
                    <a:pt x="440436" y="0"/>
                  </a:moveTo>
                  <a:lnTo>
                    <a:pt x="437388" y="0"/>
                  </a:lnTo>
                  <a:lnTo>
                    <a:pt x="437388" y="4572"/>
                  </a:lnTo>
                  <a:lnTo>
                    <a:pt x="440436" y="4572"/>
                  </a:lnTo>
                  <a:lnTo>
                    <a:pt x="440436" y="0"/>
                  </a:lnTo>
                  <a:close/>
                </a:path>
                <a:path w="646429" h="5080">
                  <a:moveTo>
                    <a:pt x="446532" y="0"/>
                  </a:moveTo>
                  <a:lnTo>
                    <a:pt x="443484" y="0"/>
                  </a:lnTo>
                  <a:lnTo>
                    <a:pt x="443484" y="4572"/>
                  </a:lnTo>
                  <a:lnTo>
                    <a:pt x="446532" y="4572"/>
                  </a:lnTo>
                  <a:lnTo>
                    <a:pt x="446532" y="0"/>
                  </a:lnTo>
                  <a:close/>
                </a:path>
                <a:path w="646429" h="5080">
                  <a:moveTo>
                    <a:pt x="454152" y="0"/>
                  </a:moveTo>
                  <a:lnTo>
                    <a:pt x="451104" y="0"/>
                  </a:lnTo>
                  <a:lnTo>
                    <a:pt x="451104" y="4572"/>
                  </a:lnTo>
                  <a:lnTo>
                    <a:pt x="454152" y="4572"/>
                  </a:lnTo>
                  <a:lnTo>
                    <a:pt x="454152" y="0"/>
                  </a:lnTo>
                  <a:close/>
                </a:path>
                <a:path w="646429" h="5080">
                  <a:moveTo>
                    <a:pt x="460248" y="0"/>
                  </a:moveTo>
                  <a:lnTo>
                    <a:pt x="457200" y="0"/>
                  </a:lnTo>
                  <a:lnTo>
                    <a:pt x="457200" y="4572"/>
                  </a:lnTo>
                  <a:lnTo>
                    <a:pt x="460248" y="4572"/>
                  </a:lnTo>
                  <a:lnTo>
                    <a:pt x="460248" y="0"/>
                  </a:lnTo>
                  <a:close/>
                </a:path>
                <a:path w="646429" h="5080">
                  <a:moveTo>
                    <a:pt x="467868" y="0"/>
                  </a:moveTo>
                  <a:lnTo>
                    <a:pt x="464820" y="0"/>
                  </a:lnTo>
                  <a:lnTo>
                    <a:pt x="464820" y="4572"/>
                  </a:lnTo>
                  <a:lnTo>
                    <a:pt x="467868" y="4572"/>
                  </a:lnTo>
                  <a:lnTo>
                    <a:pt x="467868" y="0"/>
                  </a:lnTo>
                  <a:close/>
                </a:path>
                <a:path w="646429" h="5080">
                  <a:moveTo>
                    <a:pt x="473964" y="0"/>
                  </a:moveTo>
                  <a:lnTo>
                    <a:pt x="470916" y="0"/>
                  </a:lnTo>
                  <a:lnTo>
                    <a:pt x="470916" y="4572"/>
                  </a:lnTo>
                  <a:lnTo>
                    <a:pt x="473964" y="4572"/>
                  </a:lnTo>
                  <a:lnTo>
                    <a:pt x="473964" y="0"/>
                  </a:lnTo>
                  <a:close/>
                </a:path>
                <a:path w="646429" h="5080">
                  <a:moveTo>
                    <a:pt x="481584" y="0"/>
                  </a:moveTo>
                  <a:lnTo>
                    <a:pt x="478536" y="0"/>
                  </a:lnTo>
                  <a:lnTo>
                    <a:pt x="478536" y="4572"/>
                  </a:lnTo>
                  <a:lnTo>
                    <a:pt x="481584" y="4572"/>
                  </a:lnTo>
                  <a:lnTo>
                    <a:pt x="481584" y="0"/>
                  </a:lnTo>
                  <a:close/>
                </a:path>
                <a:path w="646429" h="5080">
                  <a:moveTo>
                    <a:pt x="487680" y="0"/>
                  </a:moveTo>
                  <a:lnTo>
                    <a:pt x="484632" y="0"/>
                  </a:lnTo>
                  <a:lnTo>
                    <a:pt x="484632" y="4572"/>
                  </a:lnTo>
                  <a:lnTo>
                    <a:pt x="487680" y="4572"/>
                  </a:lnTo>
                  <a:lnTo>
                    <a:pt x="487680" y="0"/>
                  </a:lnTo>
                  <a:close/>
                </a:path>
                <a:path w="646429" h="5080">
                  <a:moveTo>
                    <a:pt x="495300" y="0"/>
                  </a:moveTo>
                  <a:lnTo>
                    <a:pt x="492252" y="0"/>
                  </a:lnTo>
                  <a:lnTo>
                    <a:pt x="492252" y="4572"/>
                  </a:lnTo>
                  <a:lnTo>
                    <a:pt x="495300" y="4572"/>
                  </a:lnTo>
                  <a:lnTo>
                    <a:pt x="495300" y="0"/>
                  </a:lnTo>
                  <a:close/>
                </a:path>
                <a:path w="646429" h="5080">
                  <a:moveTo>
                    <a:pt x="501396" y="0"/>
                  </a:moveTo>
                  <a:lnTo>
                    <a:pt x="498348" y="0"/>
                  </a:lnTo>
                  <a:lnTo>
                    <a:pt x="498348" y="4572"/>
                  </a:lnTo>
                  <a:lnTo>
                    <a:pt x="501396" y="4572"/>
                  </a:lnTo>
                  <a:lnTo>
                    <a:pt x="501396" y="0"/>
                  </a:lnTo>
                  <a:close/>
                </a:path>
                <a:path w="646429" h="5080">
                  <a:moveTo>
                    <a:pt x="509016" y="0"/>
                  </a:moveTo>
                  <a:lnTo>
                    <a:pt x="505968" y="0"/>
                  </a:lnTo>
                  <a:lnTo>
                    <a:pt x="505968" y="4572"/>
                  </a:lnTo>
                  <a:lnTo>
                    <a:pt x="509016" y="4572"/>
                  </a:lnTo>
                  <a:lnTo>
                    <a:pt x="509016" y="0"/>
                  </a:lnTo>
                  <a:close/>
                </a:path>
                <a:path w="646429" h="5080">
                  <a:moveTo>
                    <a:pt x="515112" y="0"/>
                  </a:moveTo>
                  <a:lnTo>
                    <a:pt x="512064" y="0"/>
                  </a:lnTo>
                  <a:lnTo>
                    <a:pt x="512064" y="4572"/>
                  </a:lnTo>
                  <a:lnTo>
                    <a:pt x="515112" y="4572"/>
                  </a:lnTo>
                  <a:lnTo>
                    <a:pt x="515112" y="0"/>
                  </a:lnTo>
                  <a:close/>
                </a:path>
                <a:path w="646429" h="5080">
                  <a:moveTo>
                    <a:pt x="522732" y="0"/>
                  </a:moveTo>
                  <a:lnTo>
                    <a:pt x="519684" y="0"/>
                  </a:lnTo>
                  <a:lnTo>
                    <a:pt x="519684" y="4572"/>
                  </a:lnTo>
                  <a:lnTo>
                    <a:pt x="522732" y="4572"/>
                  </a:lnTo>
                  <a:lnTo>
                    <a:pt x="522732" y="0"/>
                  </a:lnTo>
                  <a:close/>
                </a:path>
                <a:path w="646429" h="5080">
                  <a:moveTo>
                    <a:pt x="528828" y="0"/>
                  </a:moveTo>
                  <a:lnTo>
                    <a:pt x="525780" y="0"/>
                  </a:lnTo>
                  <a:lnTo>
                    <a:pt x="525780" y="4572"/>
                  </a:lnTo>
                  <a:lnTo>
                    <a:pt x="528828" y="4572"/>
                  </a:lnTo>
                  <a:lnTo>
                    <a:pt x="528828" y="0"/>
                  </a:lnTo>
                  <a:close/>
                </a:path>
                <a:path w="646429" h="5080">
                  <a:moveTo>
                    <a:pt x="536448" y="0"/>
                  </a:moveTo>
                  <a:lnTo>
                    <a:pt x="533400" y="0"/>
                  </a:lnTo>
                  <a:lnTo>
                    <a:pt x="533400" y="4572"/>
                  </a:lnTo>
                  <a:lnTo>
                    <a:pt x="536448" y="4572"/>
                  </a:lnTo>
                  <a:lnTo>
                    <a:pt x="536448" y="0"/>
                  </a:lnTo>
                  <a:close/>
                </a:path>
                <a:path w="646429" h="5080">
                  <a:moveTo>
                    <a:pt x="542544" y="0"/>
                  </a:moveTo>
                  <a:lnTo>
                    <a:pt x="539496" y="0"/>
                  </a:lnTo>
                  <a:lnTo>
                    <a:pt x="539496" y="4572"/>
                  </a:lnTo>
                  <a:lnTo>
                    <a:pt x="542544" y="4572"/>
                  </a:lnTo>
                  <a:lnTo>
                    <a:pt x="542544" y="0"/>
                  </a:lnTo>
                  <a:close/>
                </a:path>
                <a:path w="646429" h="5080">
                  <a:moveTo>
                    <a:pt x="550164" y="0"/>
                  </a:moveTo>
                  <a:lnTo>
                    <a:pt x="547116" y="0"/>
                  </a:lnTo>
                  <a:lnTo>
                    <a:pt x="547116" y="4572"/>
                  </a:lnTo>
                  <a:lnTo>
                    <a:pt x="550164" y="4572"/>
                  </a:lnTo>
                  <a:lnTo>
                    <a:pt x="550164" y="0"/>
                  </a:lnTo>
                  <a:close/>
                </a:path>
                <a:path w="646429" h="5080">
                  <a:moveTo>
                    <a:pt x="556260" y="0"/>
                  </a:moveTo>
                  <a:lnTo>
                    <a:pt x="553212" y="0"/>
                  </a:lnTo>
                  <a:lnTo>
                    <a:pt x="553212" y="4572"/>
                  </a:lnTo>
                  <a:lnTo>
                    <a:pt x="556260" y="4572"/>
                  </a:lnTo>
                  <a:lnTo>
                    <a:pt x="556260" y="0"/>
                  </a:lnTo>
                  <a:close/>
                </a:path>
                <a:path w="646429" h="5080">
                  <a:moveTo>
                    <a:pt x="563880" y="0"/>
                  </a:moveTo>
                  <a:lnTo>
                    <a:pt x="560832" y="0"/>
                  </a:lnTo>
                  <a:lnTo>
                    <a:pt x="560832" y="4572"/>
                  </a:lnTo>
                  <a:lnTo>
                    <a:pt x="563880" y="4572"/>
                  </a:lnTo>
                  <a:lnTo>
                    <a:pt x="563880" y="0"/>
                  </a:lnTo>
                  <a:close/>
                </a:path>
                <a:path w="646429" h="5080">
                  <a:moveTo>
                    <a:pt x="569976" y="0"/>
                  </a:moveTo>
                  <a:lnTo>
                    <a:pt x="566928" y="0"/>
                  </a:lnTo>
                  <a:lnTo>
                    <a:pt x="566928" y="4572"/>
                  </a:lnTo>
                  <a:lnTo>
                    <a:pt x="569976" y="4572"/>
                  </a:lnTo>
                  <a:lnTo>
                    <a:pt x="569976" y="0"/>
                  </a:lnTo>
                  <a:close/>
                </a:path>
                <a:path w="646429" h="5080">
                  <a:moveTo>
                    <a:pt x="577596" y="0"/>
                  </a:moveTo>
                  <a:lnTo>
                    <a:pt x="574548" y="0"/>
                  </a:lnTo>
                  <a:lnTo>
                    <a:pt x="574548" y="4572"/>
                  </a:lnTo>
                  <a:lnTo>
                    <a:pt x="577596" y="4572"/>
                  </a:lnTo>
                  <a:lnTo>
                    <a:pt x="577596" y="0"/>
                  </a:lnTo>
                  <a:close/>
                </a:path>
                <a:path w="646429" h="5080">
                  <a:moveTo>
                    <a:pt x="583692" y="0"/>
                  </a:moveTo>
                  <a:lnTo>
                    <a:pt x="580644" y="0"/>
                  </a:lnTo>
                  <a:lnTo>
                    <a:pt x="580644" y="4572"/>
                  </a:lnTo>
                  <a:lnTo>
                    <a:pt x="583692" y="4572"/>
                  </a:lnTo>
                  <a:lnTo>
                    <a:pt x="583692" y="0"/>
                  </a:lnTo>
                  <a:close/>
                </a:path>
                <a:path w="646429" h="5080">
                  <a:moveTo>
                    <a:pt x="591312" y="0"/>
                  </a:moveTo>
                  <a:lnTo>
                    <a:pt x="588264" y="0"/>
                  </a:lnTo>
                  <a:lnTo>
                    <a:pt x="588264" y="4572"/>
                  </a:lnTo>
                  <a:lnTo>
                    <a:pt x="591312" y="4572"/>
                  </a:lnTo>
                  <a:lnTo>
                    <a:pt x="591312" y="0"/>
                  </a:lnTo>
                  <a:close/>
                </a:path>
                <a:path w="646429" h="5080">
                  <a:moveTo>
                    <a:pt x="597408" y="0"/>
                  </a:moveTo>
                  <a:lnTo>
                    <a:pt x="594360" y="0"/>
                  </a:lnTo>
                  <a:lnTo>
                    <a:pt x="594360" y="4572"/>
                  </a:lnTo>
                  <a:lnTo>
                    <a:pt x="597408" y="4572"/>
                  </a:lnTo>
                  <a:lnTo>
                    <a:pt x="597408" y="0"/>
                  </a:lnTo>
                  <a:close/>
                </a:path>
                <a:path w="646429" h="5080">
                  <a:moveTo>
                    <a:pt x="605028" y="0"/>
                  </a:moveTo>
                  <a:lnTo>
                    <a:pt x="601980" y="0"/>
                  </a:lnTo>
                  <a:lnTo>
                    <a:pt x="601980" y="4572"/>
                  </a:lnTo>
                  <a:lnTo>
                    <a:pt x="605028" y="4572"/>
                  </a:lnTo>
                  <a:lnTo>
                    <a:pt x="605028" y="0"/>
                  </a:lnTo>
                  <a:close/>
                </a:path>
                <a:path w="646429" h="5080">
                  <a:moveTo>
                    <a:pt x="611124" y="0"/>
                  </a:moveTo>
                  <a:lnTo>
                    <a:pt x="608076" y="0"/>
                  </a:lnTo>
                  <a:lnTo>
                    <a:pt x="608076" y="4572"/>
                  </a:lnTo>
                  <a:lnTo>
                    <a:pt x="611124" y="4572"/>
                  </a:lnTo>
                  <a:lnTo>
                    <a:pt x="611124" y="0"/>
                  </a:lnTo>
                  <a:close/>
                </a:path>
                <a:path w="646429" h="5080">
                  <a:moveTo>
                    <a:pt x="618744" y="0"/>
                  </a:moveTo>
                  <a:lnTo>
                    <a:pt x="615696" y="0"/>
                  </a:lnTo>
                  <a:lnTo>
                    <a:pt x="615696" y="4572"/>
                  </a:lnTo>
                  <a:lnTo>
                    <a:pt x="618744" y="4572"/>
                  </a:lnTo>
                  <a:lnTo>
                    <a:pt x="618744" y="0"/>
                  </a:lnTo>
                  <a:close/>
                </a:path>
                <a:path w="646429" h="5080">
                  <a:moveTo>
                    <a:pt x="624840" y="0"/>
                  </a:moveTo>
                  <a:lnTo>
                    <a:pt x="621792" y="0"/>
                  </a:lnTo>
                  <a:lnTo>
                    <a:pt x="621792" y="4572"/>
                  </a:lnTo>
                  <a:lnTo>
                    <a:pt x="624840" y="4572"/>
                  </a:lnTo>
                  <a:lnTo>
                    <a:pt x="624840" y="0"/>
                  </a:lnTo>
                  <a:close/>
                </a:path>
                <a:path w="646429" h="5080">
                  <a:moveTo>
                    <a:pt x="632460" y="0"/>
                  </a:moveTo>
                  <a:lnTo>
                    <a:pt x="629412" y="0"/>
                  </a:lnTo>
                  <a:lnTo>
                    <a:pt x="629412" y="4572"/>
                  </a:lnTo>
                  <a:lnTo>
                    <a:pt x="632460" y="4572"/>
                  </a:lnTo>
                  <a:lnTo>
                    <a:pt x="632460" y="0"/>
                  </a:lnTo>
                  <a:close/>
                </a:path>
                <a:path w="646429" h="5080">
                  <a:moveTo>
                    <a:pt x="638556" y="0"/>
                  </a:moveTo>
                  <a:lnTo>
                    <a:pt x="635508" y="0"/>
                  </a:lnTo>
                  <a:lnTo>
                    <a:pt x="635508" y="4572"/>
                  </a:lnTo>
                  <a:lnTo>
                    <a:pt x="638556" y="4572"/>
                  </a:lnTo>
                  <a:lnTo>
                    <a:pt x="638556" y="0"/>
                  </a:lnTo>
                  <a:close/>
                </a:path>
                <a:path w="646429" h="5080">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111" name="object 111"/>
            <p:cNvSpPr/>
            <p:nvPr/>
          </p:nvSpPr>
          <p:spPr>
            <a:xfrm>
              <a:off x="5849112" y="2843783"/>
              <a:ext cx="36830" cy="5080"/>
            </a:xfrm>
            <a:custGeom>
              <a:avLst/>
              <a:gdLst/>
              <a:ahLst/>
              <a:cxnLst/>
              <a:rect l="l" t="t" r="r" b="b"/>
              <a:pathLst>
                <a:path w="36829" h="5080">
                  <a:moveTo>
                    <a:pt x="3048" y="0"/>
                  </a:moveTo>
                  <a:lnTo>
                    <a:pt x="0" y="0"/>
                  </a:lnTo>
                  <a:lnTo>
                    <a:pt x="0" y="4572"/>
                  </a:lnTo>
                  <a:lnTo>
                    <a:pt x="3048" y="4572"/>
                  </a:lnTo>
                  <a:lnTo>
                    <a:pt x="3048" y="0"/>
                  </a:lnTo>
                  <a:close/>
                </a:path>
                <a:path w="36829" h="5080">
                  <a:moveTo>
                    <a:pt x="9144" y="0"/>
                  </a:moveTo>
                  <a:lnTo>
                    <a:pt x="6096" y="0"/>
                  </a:lnTo>
                  <a:lnTo>
                    <a:pt x="6096" y="4572"/>
                  </a:lnTo>
                  <a:lnTo>
                    <a:pt x="9144" y="4572"/>
                  </a:lnTo>
                  <a:lnTo>
                    <a:pt x="9144" y="0"/>
                  </a:lnTo>
                  <a:close/>
                </a:path>
                <a:path w="36829" h="5080">
                  <a:moveTo>
                    <a:pt x="16764" y="0"/>
                  </a:moveTo>
                  <a:lnTo>
                    <a:pt x="13716" y="0"/>
                  </a:lnTo>
                  <a:lnTo>
                    <a:pt x="13716" y="4572"/>
                  </a:lnTo>
                  <a:lnTo>
                    <a:pt x="16764" y="4572"/>
                  </a:lnTo>
                  <a:lnTo>
                    <a:pt x="16764" y="0"/>
                  </a:lnTo>
                  <a:close/>
                </a:path>
                <a:path w="36829" h="5080">
                  <a:moveTo>
                    <a:pt x="22860" y="0"/>
                  </a:moveTo>
                  <a:lnTo>
                    <a:pt x="19812" y="0"/>
                  </a:lnTo>
                  <a:lnTo>
                    <a:pt x="19812" y="4572"/>
                  </a:lnTo>
                  <a:lnTo>
                    <a:pt x="22860" y="4572"/>
                  </a:lnTo>
                  <a:lnTo>
                    <a:pt x="22860" y="0"/>
                  </a:lnTo>
                  <a:close/>
                </a:path>
                <a:path w="36829" h="5080">
                  <a:moveTo>
                    <a:pt x="30480" y="0"/>
                  </a:moveTo>
                  <a:lnTo>
                    <a:pt x="27432" y="0"/>
                  </a:lnTo>
                  <a:lnTo>
                    <a:pt x="27432" y="4572"/>
                  </a:lnTo>
                  <a:lnTo>
                    <a:pt x="30480" y="4572"/>
                  </a:lnTo>
                  <a:lnTo>
                    <a:pt x="30480" y="0"/>
                  </a:lnTo>
                  <a:close/>
                </a:path>
                <a:path w="36829" h="5080">
                  <a:moveTo>
                    <a:pt x="36576" y="0"/>
                  </a:moveTo>
                  <a:lnTo>
                    <a:pt x="33528" y="0"/>
                  </a:lnTo>
                  <a:lnTo>
                    <a:pt x="33528" y="4572"/>
                  </a:lnTo>
                  <a:lnTo>
                    <a:pt x="36576" y="4572"/>
                  </a:lnTo>
                  <a:lnTo>
                    <a:pt x="36576" y="0"/>
                  </a:lnTo>
                  <a:close/>
                </a:path>
              </a:pathLst>
            </a:custGeom>
            <a:solidFill>
              <a:srgbClr val="D8D8D8"/>
            </a:solidFill>
          </p:spPr>
          <p:txBody>
            <a:bodyPr wrap="square" lIns="0" tIns="0" rIns="0" bIns="0" rtlCol="0"/>
            <a:lstStyle/>
            <a:p>
              <a:endParaRPr sz="1539"/>
            </a:p>
          </p:txBody>
        </p:sp>
        <p:sp>
          <p:nvSpPr>
            <p:cNvPr id="112" name="object 112"/>
            <p:cNvSpPr/>
            <p:nvPr/>
          </p:nvSpPr>
          <p:spPr>
            <a:xfrm>
              <a:off x="6056376" y="2846069"/>
              <a:ext cx="254635" cy="0"/>
            </a:xfrm>
            <a:custGeom>
              <a:avLst/>
              <a:gdLst/>
              <a:ahLst/>
              <a:cxnLst/>
              <a:rect l="l" t="t" r="r" b="b"/>
              <a:pathLst>
                <a:path w="254635">
                  <a:moveTo>
                    <a:pt x="0" y="0"/>
                  </a:moveTo>
                  <a:lnTo>
                    <a:pt x="254508" y="0"/>
                  </a:lnTo>
                </a:path>
              </a:pathLst>
            </a:custGeom>
            <a:ln w="4572">
              <a:solidFill>
                <a:srgbClr val="D8D8D8"/>
              </a:solidFill>
              <a:prstDash val="sysDot"/>
            </a:ln>
          </p:spPr>
          <p:txBody>
            <a:bodyPr wrap="square" lIns="0" tIns="0" rIns="0" bIns="0" rtlCol="0"/>
            <a:lstStyle/>
            <a:p>
              <a:endParaRPr sz="1539"/>
            </a:p>
          </p:txBody>
        </p:sp>
        <p:sp>
          <p:nvSpPr>
            <p:cNvPr id="113" name="object 113"/>
            <p:cNvSpPr/>
            <p:nvPr/>
          </p:nvSpPr>
          <p:spPr>
            <a:xfrm>
              <a:off x="6481572" y="2843783"/>
              <a:ext cx="652780" cy="5080"/>
            </a:xfrm>
            <a:custGeom>
              <a:avLst/>
              <a:gdLst/>
              <a:ahLst/>
              <a:cxnLst/>
              <a:rect l="l" t="t" r="r" b="b"/>
              <a:pathLst>
                <a:path w="652779" h="5080">
                  <a:moveTo>
                    <a:pt x="1524" y="0"/>
                  </a:moveTo>
                  <a:lnTo>
                    <a:pt x="0" y="0"/>
                  </a:lnTo>
                  <a:lnTo>
                    <a:pt x="0" y="4572"/>
                  </a:lnTo>
                  <a:lnTo>
                    <a:pt x="1524" y="4572"/>
                  </a:lnTo>
                  <a:lnTo>
                    <a:pt x="1524" y="0"/>
                  </a:lnTo>
                  <a:close/>
                </a:path>
                <a:path w="652779" h="5080">
                  <a:moveTo>
                    <a:pt x="7620" y="0"/>
                  </a:moveTo>
                  <a:lnTo>
                    <a:pt x="4572" y="0"/>
                  </a:lnTo>
                  <a:lnTo>
                    <a:pt x="4572" y="4572"/>
                  </a:lnTo>
                  <a:lnTo>
                    <a:pt x="7620" y="4572"/>
                  </a:lnTo>
                  <a:lnTo>
                    <a:pt x="7620" y="0"/>
                  </a:lnTo>
                  <a:close/>
                </a:path>
                <a:path w="652779" h="5080">
                  <a:moveTo>
                    <a:pt x="15240" y="0"/>
                  </a:moveTo>
                  <a:lnTo>
                    <a:pt x="10668" y="0"/>
                  </a:lnTo>
                  <a:lnTo>
                    <a:pt x="10668" y="4572"/>
                  </a:lnTo>
                  <a:lnTo>
                    <a:pt x="15240" y="4572"/>
                  </a:lnTo>
                  <a:lnTo>
                    <a:pt x="15240" y="0"/>
                  </a:lnTo>
                  <a:close/>
                </a:path>
                <a:path w="652779" h="5080">
                  <a:moveTo>
                    <a:pt x="21323" y="0"/>
                  </a:moveTo>
                  <a:lnTo>
                    <a:pt x="18288" y="0"/>
                  </a:lnTo>
                  <a:lnTo>
                    <a:pt x="18288" y="4572"/>
                  </a:lnTo>
                  <a:lnTo>
                    <a:pt x="21323" y="4572"/>
                  </a:lnTo>
                  <a:lnTo>
                    <a:pt x="21323" y="0"/>
                  </a:lnTo>
                  <a:close/>
                </a:path>
                <a:path w="652779" h="5080">
                  <a:moveTo>
                    <a:pt x="28956" y="0"/>
                  </a:moveTo>
                  <a:lnTo>
                    <a:pt x="24384" y="0"/>
                  </a:lnTo>
                  <a:lnTo>
                    <a:pt x="24384" y="4572"/>
                  </a:lnTo>
                  <a:lnTo>
                    <a:pt x="28956" y="4572"/>
                  </a:lnTo>
                  <a:lnTo>
                    <a:pt x="28956" y="0"/>
                  </a:lnTo>
                  <a:close/>
                </a:path>
                <a:path w="652779" h="5080">
                  <a:moveTo>
                    <a:pt x="35052" y="0"/>
                  </a:moveTo>
                  <a:lnTo>
                    <a:pt x="32004" y="0"/>
                  </a:lnTo>
                  <a:lnTo>
                    <a:pt x="32004" y="4572"/>
                  </a:lnTo>
                  <a:lnTo>
                    <a:pt x="35052" y="4572"/>
                  </a:lnTo>
                  <a:lnTo>
                    <a:pt x="35052" y="0"/>
                  </a:lnTo>
                  <a:close/>
                </a:path>
                <a:path w="652779" h="5080">
                  <a:moveTo>
                    <a:pt x="42672" y="0"/>
                  </a:moveTo>
                  <a:lnTo>
                    <a:pt x="38100" y="0"/>
                  </a:lnTo>
                  <a:lnTo>
                    <a:pt x="38100" y="4572"/>
                  </a:lnTo>
                  <a:lnTo>
                    <a:pt x="42672" y="4572"/>
                  </a:lnTo>
                  <a:lnTo>
                    <a:pt x="42672" y="0"/>
                  </a:lnTo>
                  <a:close/>
                </a:path>
                <a:path w="652779" h="5080">
                  <a:moveTo>
                    <a:pt x="48768" y="0"/>
                  </a:moveTo>
                  <a:lnTo>
                    <a:pt x="45720" y="0"/>
                  </a:lnTo>
                  <a:lnTo>
                    <a:pt x="45720" y="4572"/>
                  </a:lnTo>
                  <a:lnTo>
                    <a:pt x="48768" y="4572"/>
                  </a:lnTo>
                  <a:lnTo>
                    <a:pt x="48768" y="0"/>
                  </a:lnTo>
                  <a:close/>
                </a:path>
                <a:path w="652779" h="5080">
                  <a:moveTo>
                    <a:pt x="56375" y="0"/>
                  </a:moveTo>
                  <a:lnTo>
                    <a:pt x="51816" y="0"/>
                  </a:lnTo>
                  <a:lnTo>
                    <a:pt x="51816" y="4572"/>
                  </a:lnTo>
                  <a:lnTo>
                    <a:pt x="56375" y="4572"/>
                  </a:lnTo>
                  <a:lnTo>
                    <a:pt x="56375" y="0"/>
                  </a:lnTo>
                  <a:close/>
                </a:path>
                <a:path w="652779" h="5080">
                  <a:moveTo>
                    <a:pt x="62484" y="0"/>
                  </a:moveTo>
                  <a:lnTo>
                    <a:pt x="59423" y="0"/>
                  </a:lnTo>
                  <a:lnTo>
                    <a:pt x="59423" y="4572"/>
                  </a:lnTo>
                  <a:lnTo>
                    <a:pt x="62484" y="4572"/>
                  </a:lnTo>
                  <a:lnTo>
                    <a:pt x="62484" y="0"/>
                  </a:lnTo>
                  <a:close/>
                </a:path>
                <a:path w="652779" h="5080">
                  <a:moveTo>
                    <a:pt x="70104" y="0"/>
                  </a:moveTo>
                  <a:lnTo>
                    <a:pt x="65532" y="0"/>
                  </a:lnTo>
                  <a:lnTo>
                    <a:pt x="65532" y="4572"/>
                  </a:lnTo>
                  <a:lnTo>
                    <a:pt x="70104" y="4572"/>
                  </a:lnTo>
                  <a:lnTo>
                    <a:pt x="70104" y="0"/>
                  </a:lnTo>
                  <a:close/>
                </a:path>
                <a:path w="652779" h="5080">
                  <a:moveTo>
                    <a:pt x="76200" y="0"/>
                  </a:moveTo>
                  <a:lnTo>
                    <a:pt x="73152" y="0"/>
                  </a:lnTo>
                  <a:lnTo>
                    <a:pt x="73152" y="4572"/>
                  </a:lnTo>
                  <a:lnTo>
                    <a:pt x="76200" y="4572"/>
                  </a:lnTo>
                  <a:lnTo>
                    <a:pt x="76200" y="0"/>
                  </a:lnTo>
                  <a:close/>
                </a:path>
                <a:path w="652779" h="5080">
                  <a:moveTo>
                    <a:pt x="83820" y="0"/>
                  </a:moveTo>
                  <a:lnTo>
                    <a:pt x="79248" y="0"/>
                  </a:lnTo>
                  <a:lnTo>
                    <a:pt x="79248" y="4572"/>
                  </a:lnTo>
                  <a:lnTo>
                    <a:pt x="83820" y="4572"/>
                  </a:lnTo>
                  <a:lnTo>
                    <a:pt x="83820" y="0"/>
                  </a:lnTo>
                  <a:close/>
                </a:path>
                <a:path w="652779" h="5080">
                  <a:moveTo>
                    <a:pt x="89916" y="0"/>
                  </a:moveTo>
                  <a:lnTo>
                    <a:pt x="86868" y="0"/>
                  </a:lnTo>
                  <a:lnTo>
                    <a:pt x="86868" y="4572"/>
                  </a:lnTo>
                  <a:lnTo>
                    <a:pt x="89916" y="4572"/>
                  </a:lnTo>
                  <a:lnTo>
                    <a:pt x="89916" y="0"/>
                  </a:lnTo>
                  <a:close/>
                </a:path>
                <a:path w="652779" h="5080">
                  <a:moveTo>
                    <a:pt x="97523" y="0"/>
                  </a:moveTo>
                  <a:lnTo>
                    <a:pt x="92951" y="0"/>
                  </a:lnTo>
                  <a:lnTo>
                    <a:pt x="92951" y="4572"/>
                  </a:lnTo>
                  <a:lnTo>
                    <a:pt x="97523" y="4572"/>
                  </a:lnTo>
                  <a:lnTo>
                    <a:pt x="97523" y="0"/>
                  </a:lnTo>
                  <a:close/>
                </a:path>
                <a:path w="652779" h="5080">
                  <a:moveTo>
                    <a:pt x="103632" y="0"/>
                  </a:moveTo>
                  <a:lnTo>
                    <a:pt x="100584" y="0"/>
                  </a:lnTo>
                  <a:lnTo>
                    <a:pt x="100584" y="4572"/>
                  </a:lnTo>
                  <a:lnTo>
                    <a:pt x="103632" y="4572"/>
                  </a:lnTo>
                  <a:lnTo>
                    <a:pt x="103632" y="0"/>
                  </a:lnTo>
                  <a:close/>
                </a:path>
                <a:path w="652779" h="5080">
                  <a:moveTo>
                    <a:pt x="109728" y="0"/>
                  </a:moveTo>
                  <a:lnTo>
                    <a:pt x="106680" y="0"/>
                  </a:lnTo>
                  <a:lnTo>
                    <a:pt x="106680" y="4572"/>
                  </a:lnTo>
                  <a:lnTo>
                    <a:pt x="109728" y="4572"/>
                  </a:lnTo>
                  <a:lnTo>
                    <a:pt x="109728" y="0"/>
                  </a:lnTo>
                  <a:close/>
                </a:path>
                <a:path w="652779" h="5080">
                  <a:moveTo>
                    <a:pt x="117348" y="0"/>
                  </a:moveTo>
                  <a:lnTo>
                    <a:pt x="114300" y="0"/>
                  </a:lnTo>
                  <a:lnTo>
                    <a:pt x="114300" y="4572"/>
                  </a:lnTo>
                  <a:lnTo>
                    <a:pt x="117348" y="4572"/>
                  </a:lnTo>
                  <a:lnTo>
                    <a:pt x="117348" y="0"/>
                  </a:lnTo>
                  <a:close/>
                </a:path>
                <a:path w="652779" h="5080">
                  <a:moveTo>
                    <a:pt x="123444" y="0"/>
                  </a:moveTo>
                  <a:lnTo>
                    <a:pt x="120396" y="0"/>
                  </a:lnTo>
                  <a:lnTo>
                    <a:pt x="120396" y="4572"/>
                  </a:lnTo>
                  <a:lnTo>
                    <a:pt x="123444" y="4572"/>
                  </a:lnTo>
                  <a:lnTo>
                    <a:pt x="123444" y="0"/>
                  </a:lnTo>
                  <a:close/>
                </a:path>
                <a:path w="652779" h="5080">
                  <a:moveTo>
                    <a:pt x="131051" y="0"/>
                  </a:moveTo>
                  <a:lnTo>
                    <a:pt x="128016" y="0"/>
                  </a:lnTo>
                  <a:lnTo>
                    <a:pt x="128016" y="4572"/>
                  </a:lnTo>
                  <a:lnTo>
                    <a:pt x="131051" y="4572"/>
                  </a:lnTo>
                  <a:lnTo>
                    <a:pt x="131051" y="0"/>
                  </a:lnTo>
                  <a:close/>
                </a:path>
                <a:path w="652779" h="5080">
                  <a:moveTo>
                    <a:pt x="137147" y="0"/>
                  </a:moveTo>
                  <a:lnTo>
                    <a:pt x="134099" y="0"/>
                  </a:lnTo>
                  <a:lnTo>
                    <a:pt x="134099" y="4572"/>
                  </a:lnTo>
                  <a:lnTo>
                    <a:pt x="137147" y="4572"/>
                  </a:lnTo>
                  <a:lnTo>
                    <a:pt x="137147" y="0"/>
                  </a:lnTo>
                  <a:close/>
                </a:path>
                <a:path w="652779" h="5080">
                  <a:moveTo>
                    <a:pt x="144780" y="0"/>
                  </a:moveTo>
                  <a:lnTo>
                    <a:pt x="141732" y="0"/>
                  </a:lnTo>
                  <a:lnTo>
                    <a:pt x="141732" y="4572"/>
                  </a:lnTo>
                  <a:lnTo>
                    <a:pt x="144780" y="4572"/>
                  </a:lnTo>
                  <a:lnTo>
                    <a:pt x="144780" y="0"/>
                  </a:lnTo>
                  <a:close/>
                </a:path>
                <a:path w="652779" h="5080">
                  <a:moveTo>
                    <a:pt x="150876" y="0"/>
                  </a:moveTo>
                  <a:lnTo>
                    <a:pt x="147828" y="0"/>
                  </a:lnTo>
                  <a:lnTo>
                    <a:pt x="147828" y="4572"/>
                  </a:lnTo>
                  <a:lnTo>
                    <a:pt x="150876" y="4572"/>
                  </a:lnTo>
                  <a:lnTo>
                    <a:pt x="150876" y="0"/>
                  </a:lnTo>
                  <a:close/>
                </a:path>
                <a:path w="652779" h="5080">
                  <a:moveTo>
                    <a:pt x="158496" y="0"/>
                  </a:moveTo>
                  <a:lnTo>
                    <a:pt x="155448" y="0"/>
                  </a:lnTo>
                  <a:lnTo>
                    <a:pt x="155448" y="4572"/>
                  </a:lnTo>
                  <a:lnTo>
                    <a:pt x="158496" y="4572"/>
                  </a:lnTo>
                  <a:lnTo>
                    <a:pt x="158496" y="0"/>
                  </a:lnTo>
                  <a:close/>
                </a:path>
                <a:path w="652779" h="5080">
                  <a:moveTo>
                    <a:pt x="164592" y="0"/>
                  </a:moveTo>
                  <a:lnTo>
                    <a:pt x="161544" y="0"/>
                  </a:lnTo>
                  <a:lnTo>
                    <a:pt x="161544" y="4572"/>
                  </a:lnTo>
                  <a:lnTo>
                    <a:pt x="164592" y="4572"/>
                  </a:lnTo>
                  <a:lnTo>
                    <a:pt x="164592" y="0"/>
                  </a:lnTo>
                  <a:close/>
                </a:path>
                <a:path w="652779" h="5080">
                  <a:moveTo>
                    <a:pt x="172199" y="0"/>
                  </a:moveTo>
                  <a:lnTo>
                    <a:pt x="169151" y="0"/>
                  </a:lnTo>
                  <a:lnTo>
                    <a:pt x="169151" y="4572"/>
                  </a:lnTo>
                  <a:lnTo>
                    <a:pt x="172199" y="4572"/>
                  </a:lnTo>
                  <a:lnTo>
                    <a:pt x="172199" y="0"/>
                  </a:lnTo>
                  <a:close/>
                </a:path>
                <a:path w="652779" h="5080">
                  <a:moveTo>
                    <a:pt x="178308" y="0"/>
                  </a:moveTo>
                  <a:lnTo>
                    <a:pt x="175247" y="0"/>
                  </a:lnTo>
                  <a:lnTo>
                    <a:pt x="175247" y="4572"/>
                  </a:lnTo>
                  <a:lnTo>
                    <a:pt x="178308" y="4572"/>
                  </a:lnTo>
                  <a:lnTo>
                    <a:pt x="178308" y="0"/>
                  </a:lnTo>
                  <a:close/>
                </a:path>
                <a:path w="652779" h="5080">
                  <a:moveTo>
                    <a:pt x="185928" y="0"/>
                  </a:moveTo>
                  <a:lnTo>
                    <a:pt x="182880" y="0"/>
                  </a:lnTo>
                  <a:lnTo>
                    <a:pt x="182880" y="4572"/>
                  </a:lnTo>
                  <a:lnTo>
                    <a:pt x="185928" y="4572"/>
                  </a:lnTo>
                  <a:lnTo>
                    <a:pt x="185928" y="0"/>
                  </a:lnTo>
                  <a:close/>
                </a:path>
                <a:path w="652779" h="5080">
                  <a:moveTo>
                    <a:pt x="192024" y="0"/>
                  </a:moveTo>
                  <a:lnTo>
                    <a:pt x="188976" y="0"/>
                  </a:lnTo>
                  <a:lnTo>
                    <a:pt x="188976" y="4572"/>
                  </a:lnTo>
                  <a:lnTo>
                    <a:pt x="192024" y="4572"/>
                  </a:lnTo>
                  <a:lnTo>
                    <a:pt x="192024" y="0"/>
                  </a:lnTo>
                  <a:close/>
                </a:path>
                <a:path w="652779" h="5080">
                  <a:moveTo>
                    <a:pt x="199644" y="0"/>
                  </a:moveTo>
                  <a:lnTo>
                    <a:pt x="196596" y="0"/>
                  </a:lnTo>
                  <a:lnTo>
                    <a:pt x="196596" y="4572"/>
                  </a:lnTo>
                  <a:lnTo>
                    <a:pt x="199644" y="4572"/>
                  </a:lnTo>
                  <a:lnTo>
                    <a:pt x="199644" y="0"/>
                  </a:lnTo>
                  <a:close/>
                </a:path>
                <a:path w="652779" h="5080">
                  <a:moveTo>
                    <a:pt x="205740" y="0"/>
                  </a:moveTo>
                  <a:lnTo>
                    <a:pt x="202692" y="0"/>
                  </a:lnTo>
                  <a:lnTo>
                    <a:pt x="202692" y="4572"/>
                  </a:lnTo>
                  <a:lnTo>
                    <a:pt x="205740" y="4572"/>
                  </a:lnTo>
                  <a:lnTo>
                    <a:pt x="205740" y="0"/>
                  </a:lnTo>
                  <a:close/>
                </a:path>
                <a:path w="652779" h="5080">
                  <a:moveTo>
                    <a:pt x="213360" y="0"/>
                  </a:moveTo>
                  <a:lnTo>
                    <a:pt x="210312" y="0"/>
                  </a:lnTo>
                  <a:lnTo>
                    <a:pt x="210312" y="4572"/>
                  </a:lnTo>
                  <a:lnTo>
                    <a:pt x="213360" y="4572"/>
                  </a:lnTo>
                  <a:lnTo>
                    <a:pt x="213360" y="0"/>
                  </a:lnTo>
                  <a:close/>
                </a:path>
                <a:path w="652779" h="5080">
                  <a:moveTo>
                    <a:pt x="219456" y="0"/>
                  </a:moveTo>
                  <a:lnTo>
                    <a:pt x="216408" y="0"/>
                  </a:lnTo>
                  <a:lnTo>
                    <a:pt x="216408" y="4572"/>
                  </a:lnTo>
                  <a:lnTo>
                    <a:pt x="219456" y="4572"/>
                  </a:lnTo>
                  <a:lnTo>
                    <a:pt x="219456" y="0"/>
                  </a:lnTo>
                  <a:close/>
                </a:path>
                <a:path w="652779" h="5080">
                  <a:moveTo>
                    <a:pt x="227076" y="0"/>
                  </a:moveTo>
                  <a:lnTo>
                    <a:pt x="224028" y="0"/>
                  </a:lnTo>
                  <a:lnTo>
                    <a:pt x="224028" y="4572"/>
                  </a:lnTo>
                  <a:lnTo>
                    <a:pt x="227076" y="4572"/>
                  </a:lnTo>
                  <a:lnTo>
                    <a:pt x="227076" y="0"/>
                  </a:lnTo>
                  <a:close/>
                </a:path>
                <a:path w="652779" h="5080">
                  <a:moveTo>
                    <a:pt x="233172" y="0"/>
                  </a:moveTo>
                  <a:lnTo>
                    <a:pt x="230124" y="0"/>
                  </a:lnTo>
                  <a:lnTo>
                    <a:pt x="230124" y="4572"/>
                  </a:lnTo>
                  <a:lnTo>
                    <a:pt x="233172" y="4572"/>
                  </a:lnTo>
                  <a:lnTo>
                    <a:pt x="233172" y="0"/>
                  </a:lnTo>
                  <a:close/>
                </a:path>
                <a:path w="652779" h="5080">
                  <a:moveTo>
                    <a:pt x="240792" y="0"/>
                  </a:moveTo>
                  <a:lnTo>
                    <a:pt x="237744" y="0"/>
                  </a:lnTo>
                  <a:lnTo>
                    <a:pt x="237744" y="4572"/>
                  </a:lnTo>
                  <a:lnTo>
                    <a:pt x="240792" y="4572"/>
                  </a:lnTo>
                  <a:lnTo>
                    <a:pt x="240792" y="0"/>
                  </a:lnTo>
                  <a:close/>
                </a:path>
                <a:path w="652779" h="5080">
                  <a:moveTo>
                    <a:pt x="246888" y="0"/>
                  </a:moveTo>
                  <a:lnTo>
                    <a:pt x="243840" y="0"/>
                  </a:lnTo>
                  <a:lnTo>
                    <a:pt x="243840" y="4572"/>
                  </a:lnTo>
                  <a:lnTo>
                    <a:pt x="246888" y="4572"/>
                  </a:lnTo>
                  <a:lnTo>
                    <a:pt x="246888" y="0"/>
                  </a:lnTo>
                  <a:close/>
                </a:path>
                <a:path w="652779" h="5080">
                  <a:moveTo>
                    <a:pt x="254508" y="0"/>
                  </a:moveTo>
                  <a:lnTo>
                    <a:pt x="251460" y="0"/>
                  </a:lnTo>
                  <a:lnTo>
                    <a:pt x="251460" y="4572"/>
                  </a:lnTo>
                  <a:lnTo>
                    <a:pt x="254508" y="4572"/>
                  </a:lnTo>
                  <a:lnTo>
                    <a:pt x="254508" y="0"/>
                  </a:lnTo>
                  <a:close/>
                </a:path>
                <a:path w="652779" h="5080">
                  <a:moveTo>
                    <a:pt x="432816" y="0"/>
                  </a:moveTo>
                  <a:lnTo>
                    <a:pt x="429768" y="0"/>
                  </a:lnTo>
                  <a:lnTo>
                    <a:pt x="429768" y="4572"/>
                  </a:lnTo>
                  <a:lnTo>
                    <a:pt x="432816" y="4572"/>
                  </a:lnTo>
                  <a:lnTo>
                    <a:pt x="432816" y="0"/>
                  </a:lnTo>
                  <a:close/>
                </a:path>
                <a:path w="652779" h="5080">
                  <a:moveTo>
                    <a:pt x="438912" y="0"/>
                  </a:moveTo>
                  <a:lnTo>
                    <a:pt x="435864" y="0"/>
                  </a:lnTo>
                  <a:lnTo>
                    <a:pt x="435864" y="4572"/>
                  </a:lnTo>
                  <a:lnTo>
                    <a:pt x="438912" y="4572"/>
                  </a:lnTo>
                  <a:lnTo>
                    <a:pt x="438912" y="0"/>
                  </a:lnTo>
                  <a:close/>
                </a:path>
                <a:path w="652779" h="5080">
                  <a:moveTo>
                    <a:pt x="446532" y="0"/>
                  </a:moveTo>
                  <a:lnTo>
                    <a:pt x="443484" y="0"/>
                  </a:lnTo>
                  <a:lnTo>
                    <a:pt x="443484" y="4572"/>
                  </a:lnTo>
                  <a:lnTo>
                    <a:pt x="446532" y="4572"/>
                  </a:lnTo>
                  <a:lnTo>
                    <a:pt x="446532" y="0"/>
                  </a:lnTo>
                  <a:close/>
                </a:path>
                <a:path w="652779" h="5080">
                  <a:moveTo>
                    <a:pt x="452628" y="0"/>
                  </a:moveTo>
                  <a:lnTo>
                    <a:pt x="449580" y="0"/>
                  </a:lnTo>
                  <a:lnTo>
                    <a:pt x="449580" y="4572"/>
                  </a:lnTo>
                  <a:lnTo>
                    <a:pt x="452628" y="4572"/>
                  </a:lnTo>
                  <a:lnTo>
                    <a:pt x="452628" y="0"/>
                  </a:lnTo>
                  <a:close/>
                </a:path>
                <a:path w="652779" h="5080">
                  <a:moveTo>
                    <a:pt x="460248" y="0"/>
                  </a:moveTo>
                  <a:lnTo>
                    <a:pt x="457200" y="0"/>
                  </a:lnTo>
                  <a:lnTo>
                    <a:pt x="457200" y="4572"/>
                  </a:lnTo>
                  <a:lnTo>
                    <a:pt x="460248" y="4572"/>
                  </a:lnTo>
                  <a:lnTo>
                    <a:pt x="460248" y="0"/>
                  </a:lnTo>
                  <a:close/>
                </a:path>
                <a:path w="652779" h="5080">
                  <a:moveTo>
                    <a:pt x="466344" y="0"/>
                  </a:moveTo>
                  <a:lnTo>
                    <a:pt x="463296" y="0"/>
                  </a:lnTo>
                  <a:lnTo>
                    <a:pt x="463296" y="4572"/>
                  </a:lnTo>
                  <a:lnTo>
                    <a:pt x="466344" y="4572"/>
                  </a:lnTo>
                  <a:lnTo>
                    <a:pt x="466344" y="0"/>
                  </a:lnTo>
                  <a:close/>
                </a:path>
                <a:path w="652779" h="5080">
                  <a:moveTo>
                    <a:pt x="473964" y="0"/>
                  </a:moveTo>
                  <a:lnTo>
                    <a:pt x="470916" y="0"/>
                  </a:lnTo>
                  <a:lnTo>
                    <a:pt x="470916" y="4572"/>
                  </a:lnTo>
                  <a:lnTo>
                    <a:pt x="473964" y="4572"/>
                  </a:lnTo>
                  <a:lnTo>
                    <a:pt x="473964" y="0"/>
                  </a:lnTo>
                  <a:close/>
                </a:path>
                <a:path w="652779" h="5080">
                  <a:moveTo>
                    <a:pt x="480060" y="0"/>
                  </a:moveTo>
                  <a:lnTo>
                    <a:pt x="477012" y="0"/>
                  </a:lnTo>
                  <a:lnTo>
                    <a:pt x="477012" y="4572"/>
                  </a:lnTo>
                  <a:lnTo>
                    <a:pt x="480060" y="4572"/>
                  </a:lnTo>
                  <a:lnTo>
                    <a:pt x="480060" y="0"/>
                  </a:lnTo>
                  <a:close/>
                </a:path>
                <a:path w="652779" h="5080">
                  <a:moveTo>
                    <a:pt x="487680" y="0"/>
                  </a:moveTo>
                  <a:lnTo>
                    <a:pt x="484632" y="0"/>
                  </a:lnTo>
                  <a:lnTo>
                    <a:pt x="484632" y="4572"/>
                  </a:lnTo>
                  <a:lnTo>
                    <a:pt x="487680" y="4572"/>
                  </a:lnTo>
                  <a:lnTo>
                    <a:pt x="487680" y="0"/>
                  </a:lnTo>
                  <a:close/>
                </a:path>
                <a:path w="652779" h="5080">
                  <a:moveTo>
                    <a:pt x="493776" y="0"/>
                  </a:moveTo>
                  <a:lnTo>
                    <a:pt x="490728" y="0"/>
                  </a:lnTo>
                  <a:lnTo>
                    <a:pt x="490728" y="4572"/>
                  </a:lnTo>
                  <a:lnTo>
                    <a:pt x="493776" y="4572"/>
                  </a:lnTo>
                  <a:lnTo>
                    <a:pt x="493776" y="0"/>
                  </a:lnTo>
                  <a:close/>
                </a:path>
                <a:path w="652779" h="5080">
                  <a:moveTo>
                    <a:pt x="501396" y="0"/>
                  </a:moveTo>
                  <a:lnTo>
                    <a:pt x="498348" y="0"/>
                  </a:lnTo>
                  <a:lnTo>
                    <a:pt x="498348" y="4572"/>
                  </a:lnTo>
                  <a:lnTo>
                    <a:pt x="501396" y="4572"/>
                  </a:lnTo>
                  <a:lnTo>
                    <a:pt x="501396" y="0"/>
                  </a:lnTo>
                  <a:close/>
                </a:path>
                <a:path w="652779" h="5080">
                  <a:moveTo>
                    <a:pt x="507492" y="0"/>
                  </a:moveTo>
                  <a:lnTo>
                    <a:pt x="504444" y="0"/>
                  </a:lnTo>
                  <a:lnTo>
                    <a:pt x="504444" y="4572"/>
                  </a:lnTo>
                  <a:lnTo>
                    <a:pt x="507492" y="4572"/>
                  </a:lnTo>
                  <a:lnTo>
                    <a:pt x="507492" y="0"/>
                  </a:lnTo>
                  <a:close/>
                </a:path>
                <a:path w="652779" h="5080">
                  <a:moveTo>
                    <a:pt x="515112" y="0"/>
                  </a:moveTo>
                  <a:lnTo>
                    <a:pt x="512064" y="0"/>
                  </a:lnTo>
                  <a:lnTo>
                    <a:pt x="512064" y="4572"/>
                  </a:lnTo>
                  <a:lnTo>
                    <a:pt x="515112" y="4572"/>
                  </a:lnTo>
                  <a:lnTo>
                    <a:pt x="515112" y="0"/>
                  </a:lnTo>
                  <a:close/>
                </a:path>
                <a:path w="652779" h="5080">
                  <a:moveTo>
                    <a:pt x="521208" y="0"/>
                  </a:moveTo>
                  <a:lnTo>
                    <a:pt x="518160" y="0"/>
                  </a:lnTo>
                  <a:lnTo>
                    <a:pt x="518160" y="4572"/>
                  </a:lnTo>
                  <a:lnTo>
                    <a:pt x="521208" y="4572"/>
                  </a:lnTo>
                  <a:lnTo>
                    <a:pt x="521208" y="0"/>
                  </a:lnTo>
                  <a:close/>
                </a:path>
                <a:path w="652779" h="5080">
                  <a:moveTo>
                    <a:pt x="528828" y="0"/>
                  </a:moveTo>
                  <a:lnTo>
                    <a:pt x="525780" y="0"/>
                  </a:lnTo>
                  <a:lnTo>
                    <a:pt x="525780" y="4572"/>
                  </a:lnTo>
                  <a:lnTo>
                    <a:pt x="528828" y="4572"/>
                  </a:lnTo>
                  <a:lnTo>
                    <a:pt x="528828" y="0"/>
                  </a:lnTo>
                  <a:close/>
                </a:path>
                <a:path w="652779" h="5080">
                  <a:moveTo>
                    <a:pt x="534924" y="0"/>
                  </a:moveTo>
                  <a:lnTo>
                    <a:pt x="531876" y="0"/>
                  </a:lnTo>
                  <a:lnTo>
                    <a:pt x="531876" y="4572"/>
                  </a:lnTo>
                  <a:lnTo>
                    <a:pt x="534924" y="4572"/>
                  </a:lnTo>
                  <a:lnTo>
                    <a:pt x="534924" y="0"/>
                  </a:lnTo>
                  <a:close/>
                </a:path>
                <a:path w="652779" h="5080">
                  <a:moveTo>
                    <a:pt x="542544" y="0"/>
                  </a:moveTo>
                  <a:lnTo>
                    <a:pt x="539496" y="0"/>
                  </a:lnTo>
                  <a:lnTo>
                    <a:pt x="539496" y="4572"/>
                  </a:lnTo>
                  <a:lnTo>
                    <a:pt x="542544" y="4572"/>
                  </a:lnTo>
                  <a:lnTo>
                    <a:pt x="542544" y="0"/>
                  </a:lnTo>
                  <a:close/>
                </a:path>
                <a:path w="652779" h="5080">
                  <a:moveTo>
                    <a:pt x="548640" y="0"/>
                  </a:moveTo>
                  <a:lnTo>
                    <a:pt x="545592" y="0"/>
                  </a:lnTo>
                  <a:lnTo>
                    <a:pt x="545592" y="4572"/>
                  </a:lnTo>
                  <a:lnTo>
                    <a:pt x="548640" y="4572"/>
                  </a:lnTo>
                  <a:lnTo>
                    <a:pt x="548640" y="0"/>
                  </a:lnTo>
                  <a:close/>
                </a:path>
                <a:path w="652779" h="5080">
                  <a:moveTo>
                    <a:pt x="556260" y="0"/>
                  </a:moveTo>
                  <a:lnTo>
                    <a:pt x="553212" y="0"/>
                  </a:lnTo>
                  <a:lnTo>
                    <a:pt x="553212" y="4572"/>
                  </a:lnTo>
                  <a:lnTo>
                    <a:pt x="556260" y="4572"/>
                  </a:lnTo>
                  <a:lnTo>
                    <a:pt x="556260" y="0"/>
                  </a:lnTo>
                  <a:close/>
                </a:path>
                <a:path w="652779" h="5080">
                  <a:moveTo>
                    <a:pt x="562356" y="0"/>
                  </a:moveTo>
                  <a:lnTo>
                    <a:pt x="559308" y="0"/>
                  </a:lnTo>
                  <a:lnTo>
                    <a:pt x="559308" y="4572"/>
                  </a:lnTo>
                  <a:lnTo>
                    <a:pt x="562356" y="4572"/>
                  </a:lnTo>
                  <a:lnTo>
                    <a:pt x="562356" y="0"/>
                  </a:lnTo>
                  <a:close/>
                </a:path>
                <a:path w="652779" h="5080">
                  <a:moveTo>
                    <a:pt x="569976" y="0"/>
                  </a:moveTo>
                  <a:lnTo>
                    <a:pt x="566928" y="0"/>
                  </a:lnTo>
                  <a:lnTo>
                    <a:pt x="566928" y="4572"/>
                  </a:lnTo>
                  <a:lnTo>
                    <a:pt x="569976" y="4572"/>
                  </a:lnTo>
                  <a:lnTo>
                    <a:pt x="569976" y="0"/>
                  </a:lnTo>
                  <a:close/>
                </a:path>
                <a:path w="652779" h="5080">
                  <a:moveTo>
                    <a:pt x="576072" y="0"/>
                  </a:moveTo>
                  <a:lnTo>
                    <a:pt x="573024" y="0"/>
                  </a:lnTo>
                  <a:lnTo>
                    <a:pt x="573024" y="4572"/>
                  </a:lnTo>
                  <a:lnTo>
                    <a:pt x="576072" y="4572"/>
                  </a:lnTo>
                  <a:lnTo>
                    <a:pt x="576072" y="0"/>
                  </a:lnTo>
                  <a:close/>
                </a:path>
                <a:path w="652779" h="5080">
                  <a:moveTo>
                    <a:pt x="583692" y="0"/>
                  </a:moveTo>
                  <a:lnTo>
                    <a:pt x="580644" y="0"/>
                  </a:lnTo>
                  <a:lnTo>
                    <a:pt x="580644" y="4572"/>
                  </a:lnTo>
                  <a:lnTo>
                    <a:pt x="583692" y="4572"/>
                  </a:lnTo>
                  <a:lnTo>
                    <a:pt x="583692" y="0"/>
                  </a:lnTo>
                  <a:close/>
                </a:path>
                <a:path w="652779" h="5080">
                  <a:moveTo>
                    <a:pt x="589788" y="0"/>
                  </a:moveTo>
                  <a:lnTo>
                    <a:pt x="586740" y="0"/>
                  </a:lnTo>
                  <a:lnTo>
                    <a:pt x="586740" y="4572"/>
                  </a:lnTo>
                  <a:lnTo>
                    <a:pt x="589788" y="4572"/>
                  </a:lnTo>
                  <a:lnTo>
                    <a:pt x="589788" y="0"/>
                  </a:lnTo>
                  <a:close/>
                </a:path>
                <a:path w="652779" h="5080">
                  <a:moveTo>
                    <a:pt x="597408" y="0"/>
                  </a:moveTo>
                  <a:lnTo>
                    <a:pt x="594360" y="0"/>
                  </a:lnTo>
                  <a:lnTo>
                    <a:pt x="594360" y="4572"/>
                  </a:lnTo>
                  <a:lnTo>
                    <a:pt x="597408" y="4572"/>
                  </a:lnTo>
                  <a:lnTo>
                    <a:pt x="597408" y="0"/>
                  </a:lnTo>
                  <a:close/>
                </a:path>
                <a:path w="652779" h="5080">
                  <a:moveTo>
                    <a:pt x="603504" y="0"/>
                  </a:moveTo>
                  <a:lnTo>
                    <a:pt x="600456" y="0"/>
                  </a:lnTo>
                  <a:lnTo>
                    <a:pt x="600456" y="4572"/>
                  </a:lnTo>
                  <a:lnTo>
                    <a:pt x="603504" y="4572"/>
                  </a:lnTo>
                  <a:lnTo>
                    <a:pt x="603504" y="0"/>
                  </a:lnTo>
                  <a:close/>
                </a:path>
                <a:path w="652779" h="5080">
                  <a:moveTo>
                    <a:pt x="611124" y="0"/>
                  </a:moveTo>
                  <a:lnTo>
                    <a:pt x="608076" y="0"/>
                  </a:lnTo>
                  <a:lnTo>
                    <a:pt x="608076" y="4572"/>
                  </a:lnTo>
                  <a:lnTo>
                    <a:pt x="611124" y="4572"/>
                  </a:lnTo>
                  <a:lnTo>
                    <a:pt x="611124" y="0"/>
                  </a:lnTo>
                  <a:close/>
                </a:path>
                <a:path w="652779" h="5080">
                  <a:moveTo>
                    <a:pt x="617220" y="0"/>
                  </a:moveTo>
                  <a:lnTo>
                    <a:pt x="614172" y="0"/>
                  </a:lnTo>
                  <a:lnTo>
                    <a:pt x="614172" y="4572"/>
                  </a:lnTo>
                  <a:lnTo>
                    <a:pt x="617220" y="4572"/>
                  </a:lnTo>
                  <a:lnTo>
                    <a:pt x="617220" y="0"/>
                  </a:lnTo>
                  <a:close/>
                </a:path>
                <a:path w="652779" h="5080">
                  <a:moveTo>
                    <a:pt x="624840" y="0"/>
                  </a:moveTo>
                  <a:lnTo>
                    <a:pt x="621792" y="0"/>
                  </a:lnTo>
                  <a:lnTo>
                    <a:pt x="621792" y="4572"/>
                  </a:lnTo>
                  <a:lnTo>
                    <a:pt x="624840" y="4572"/>
                  </a:lnTo>
                  <a:lnTo>
                    <a:pt x="624840" y="0"/>
                  </a:lnTo>
                  <a:close/>
                </a:path>
                <a:path w="652779" h="5080">
                  <a:moveTo>
                    <a:pt x="630936" y="0"/>
                  </a:moveTo>
                  <a:lnTo>
                    <a:pt x="627888" y="0"/>
                  </a:lnTo>
                  <a:lnTo>
                    <a:pt x="627888" y="4572"/>
                  </a:lnTo>
                  <a:lnTo>
                    <a:pt x="630936" y="4572"/>
                  </a:lnTo>
                  <a:lnTo>
                    <a:pt x="630936" y="0"/>
                  </a:lnTo>
                  <a:close/>
                </a:path>
                <a:path w="652779" h="5080">
                  <a:moveTo>
                    <a:pt x="638556" y="0"/>
                  </a:moveTo>
                  <a:lnTo>
                    <a:pt x="635508" y="0"/>
                  </a:lnTo>
                  <a:lnTo>
                    <a:pt x="635508" y="4572"/>
                  </a:lnTo>
                  <a:lnTo>
                    <a:pt x="638556" y="4572"/>
                  </a:lnTo>
                  <a:lnTo>
                    <a:pt x="638556" y="0"/>
                  </a:lnTo>
                  <a:close/>
                </a:path>
                <a:path w="652779" h="5080">
                  <a:moveTo>
                    <a:pt x="644652" y="0"/>
                  </a:moveTo>
                  <a:lnTo>
                    <a:pt x="641604" y="0"/>
                  </a:lnTo>
                  <a:lnTo>
                    <a:pt x="641604" y="4572"/>
                  </a:lnTo>
                  <a:lnTo>
                    <a:pt x="644652" y="4572"/>
                  </a:lnTo>
                  <a:lnTo>
                    <a:pt x="644652" y="0"/>
                  </a:lnTo>
                  <a:close/>
                </a:path>
                <a:path w="652779" h="5080">
                  <a:moveTo>
                    <a:pt x="652272" y="0"/>
                  </a:moveTo>
                  <a:lnTo>
                    <a:pt x="649224" y="0"/>
                  </a:lnTo>
                  <a:lnTo>
                    <a:pt x="649224" y="4572"/>
                  </a:lnTo>
                  <a:lnTo>
                    <a:pt x="652272" y="4572"/>
                  </a:lnTo>
                  <a:lnTo>
                    <a:pt x="652272" y="0"/>
                  </a:lnTo>
                  <a:close/>
                </a:path>
              </a:pathLst>
            </a:custGeom>
            <a:solidFill>
              <a:srgbClr val="D8D8D8"/>
            </a:solidFill>
          </p:spPr>
          <p:txBody>
            <a:bodyPr wrap="square" lIns="0" tIns="0" rIns="0" bIns="0" rtlCol="0"/>
            <a:lstStyle/>
            <a:p>
              <a:endParaRPr sz="1539"/>
            </a:p>
          </p:txBody>
        </p:sp>
        <p:sp>
          <p:nvSpPr>
            <p:cNvPr id="114" name="object 114"/>
            <p:cNvSpPr/>
            <p:nvPr/>
          </p:nvSpPr>
          <p:spPr>
            <a:xfrm>
              <a:off x="7130796" y="2843783"/>
              <a:ext cx="30480" cy="5080"/>
            </a:xfrm>
            <a:custGeom>
              <a:avLst/>
              <a:gdLst/>
              <a:ahLst/>
              <a:cxnLst/>
              <a:rect l="l" t="t" r="r" b="b"/>
              <a:pathLst>
                <a:path w="30479" h="5080">
                  <a:moveTo>
                    <a:pt x="3048" y="0"/>
                  </a:moveTo>
                  <a:lnTo>
                    <a:pt x="0" y="0"/>
                  </a:lnTo>
                  <a:lnTo>
                    <a:pt x="0" y="4572"/>
                  </a:lnTo>
                  <a:lnTo>
                    <a:pt x="3048" y="4572"/>
                  </a:lnTo>
                  <a:lnTo>
                    <a:pt x="3048" y="0"/>
                  </a:lnTo>
                  <a:close/>
                </a:path>
                <a:path w="30479" h="5080">
                  <a:moveTo>
                    <a:pt x="9144" y="0"/>
                  </a:moveTo>
                  <a:lnTo>
                    <a:pt x="6096" y="0"/>
                  </a:lnTo>
                  <a:lnTo>
                    <a:pt x="6096" y="4572"/>
                  </a:lnTo>
                  <a:lnTo>
                    <a:pt x="9144" y="4572"/>
                  </a:lnTo>
                  <a:lnTo>
                    <a:pt x="9144" y="0"/>
                  </a:lnTo>
                  <a:close/>
                </a:path>
                <a:path w="30479" h="5080">
                  <a:moveTo>
                    <a:pt x="16764" y="0"/>
                  </a:moveTo>
                  <a:lnTo>
                    <a:pt x="13716" y="0"/>
                  </a:lnTo>
                  <a:lnTo>
                    <a:pt x="13716" y="4572"/>
                  </a:lnTo>
                  <a:lnTo>
                    <a:pt x="16764" y="4572"/>
                  </a:lnTo>
                  <a:lnTo>
                    <a:pt x="16764" y="0"/>
                  </a:lnTo>
                  <a:close/>
                </a:path>
                <a:path w="30479" h="5080">
                  <a:moveTo>
                    <a:pt x="22860" y="0"/>
                  </a:moveTo>
                  <a:lnTo>
                    <a:pt x="19812" y="0"/>
                  </a:lnTo>
                  <a:lnTo>
                    <a:pt x="19812" y="4572"/>
                  </a:lnTo>
                  <a:lnTo>
                    <a:pt x="22860" y="4572"/>
                  </a:lnTo>
                  <a:lnTo>
                    <a:pt x="22860" y="0"/>
                  </a:lnTo>
                  <a:close/>
                </a:path>
                <a:path w="30479" h="5080">
                  <a:moveTo>
                    <a:pt x="30480" y="0"/>
                  </a:moveTo>
                  <a:lnTo>
                    <a:pt x="27432" y="0"/>
                  </a:lnTo>
                  <a:lnTo>
                    <a:pt x="27432" y="4572"/>
                  </a:lnTo>
                  <a:lnTo>
                    <a:pt x="30480" y="4572"/>
                  </a:lnTo>
                  <a:lnTo>
                    <a:pt x="30480" y="0"/>
                  </a:lnTo>
                  <a:close/>
                </a:path>
              </a:pathLst>
            </a:custGeom>
            <a:solidFill>
              <a:srgbClr val="D8D8D8"/>
            </a:solidFill>
          </p:spPr>
          <p:txBody>
            <a:bodyPr wrap="square" lIns="0" tIns="0" rIns="0" bIns="0" rtlCol="0"/>
            <a:lstStyle/>
            <a:p>
              <a:endParaRPr sz="1539"/>
            </a:p>
          </p:txBody>
        </p:sp>
        <p:sp>
          <p:nvSpPr>
            <p:cNvPr id="115" name="object 115"/>
            <p:cNvSpPr/>
            <p:nvPr/>
          </p:nvSpPr>
          <p:spPr>
            <a:xfrm>
              <a:off x="7330439" y="2846069"/>
              <a:ext cx="256540" cy="0"/>
            </a:xfrm>
            <a:custGeom>
              <a:avLst/>
              <a:gdLst/>
              <a:ahLst/>
              <a:cxnLst/>
              <a:rect l="l" t="t" r="r" b="b"/>
              <a:pathLst>
                <a:path w="256540">
                  <a:moveTo>
                    <a:pt x="0" y="0"/>
                  </a:moveTo>
                  <a:lnTo>
                    <a:pt x="256031" y="0"/>
                  </a:lnTo>
                </a:path>
              </a:pathLst>
            </a:custGeom>
            <a:ln w="4572">
              <a:solidFill>
                <a:srgbClr val="D8D8D8"/>
              </a:solidFill>
              <a:prstDash val="sysDot"/>
            </a:ln>
          </p:spPr>
          <p:txBody>
            <a:bodyPr wrap="square" lIns="0" tIns="0" rIns="0" bIns="0" rtlCol="0"/>
            <a:lstStyle/>
            <a:p>
              <a:endParaRPr sz="1539"/>
            </a:p>
          </p:txBody>
        </p:sp>
        <p:sp>
          <p:nvSpPr>
            <p:cNvPr id="116" name="object 116"/>
            <p:cNvSpPr/>
            <p:nvPr/>
          </p:nvSpPr>
          <p:spPr>
            <a:xfrm>
              <a:off x="7755636" y="2843783"/>
              <a:ext cx="646430" cy="5080"/>
            </a:xfrm>
            <a:custGeom>
              <a:avLst/>
              <a:gdLst/>
              <a:ahLst/>
              <a:cxnLst/>
              <a:rect l="l" t="t" r="r" b="b"/>
              <a:pathLst>
                <a:path w="646429" h="5080">
                  <a:moveTo>
                    <a:pt x="1524" y="0"/>
                  </a:moveTo>
                  <a:lnTo>
                    <a:pt x="0" y="0"/>
                  </a:lnTo>
                  <a:lnTo>
                    <a:pt x="0" y="4572"/>
                  </a:lnTo>
                  <a:lnTo>
                    <a:pt x="1524" y="4572"/>
                  </a:lnTo>
                  <a:lnTo>
                    <a:pt x="1524" y="0"/>
                  </a:lnTo>
                  <a:close/>
                </a:path>
                <a:path w="646429" h="5080">
                  <a:moveTo>
                    <a:pt x="9144" y="0"/>
                  </a:moveTo>
                  <a:lnTo>
                    <a:pt x="4572" y="0"/>
                  </a:lnTo>
                  <a:lnTo>
                    <a:pt x="4572" y="4572"/>
                  </a:lnTo>
                  <a:lnTo>
                    <a:pt x="9144" y="4572"/>
                  </a:lnTo>
                  <a:lnTo>
                    <a:pt x="9144" y="0"/>
                  </a:lnTo>
                  <a:close/>
                </a:path>
                <a:path w="646429" h="5080">
                  <a:moveTo>
                    <a:pt x="15240" y="0"/>
                  </a:moveTo>
                  <a:lnTo>
                    <a:pt x="12192" y="0"/>
                  </a:lnTo>
                  <a:lnTo>
                    <a:pt x="12192" y="4572"/>
                  </a:lnTo>
                  <a:lnTo>
                    <a:pt x="15240" y="4572"/>
                  </a:lnTo>
                  <a:lnTo>
                    <a:pt x="15240" y="0"/>
                  </a:lnTo>
                  <a:close/>
                </a:path>
                <a:path w="646429" h="5080">
                  <a:moveTo>
                    <a:pt x="22860" y="0"/>
                  </a:moveTo>
                  <a:lnTo>
                    <a:pt x="18288" y="0"/>
                  </a:lnTo>
                  <a:lnTo>
                    <a:pt x="18288" y="4572"/>
                  </a:lnTo>
                  <a:lnTo>
                    <a:pt x="22860" y="4572"/>
                  </a:lnTo>
                  <a:lnTo>
                    <a:pt x="22860" y="0"/>
                  </a:lnTo>
                  <a:close/>
                </a:path>
                <a:path w="646429" h="5080">
                  <a:moveTo>
                    <a:pt x="28956" y="0"/>
                  </a:moveTo>
                  <a:lnTo>
                    <a:pt x="25908" y="0"/>
                  </a:lnTo>
                  <a:lnTo>
                    <a:pt x="25908" y="4572"/>
                  </a:lnTo>
                  <a:lnTo>
                    <a:pt x="28956" y="4572"/>
                  </a:lnTo>
                  <a:lnTo>
                    <a:pt x="28956" y="0"/>
                  </a:lnTo>
                  <a:close/>
                </a:path>
                <a:path w="646429" h="5080">
                  <a:moveTo>
                    <a:pt x="36576" y="0"/>
                  </a:moveTo>
                  <a:lnTo>
                    <a:pt x="32004" y="0"/>
                  </a:lnTo>
                  <a:lnTo>
                    <a:pt x="32004" y="4572"/>
                  </a:lnTo>
                  <a:lnTo>
                    <a:pt x="36576" y="4572"/>
                  </a:lnTo>
                  <a:lnTo>
                    <a:pt x="36576" y="0"/>
                  </a:lnTo>
                  <a:close/>
                </a:path>
                <a:path w="646429" h="5080">
                  <a:moveTo>
                    <a:pt x="42672" y="0"/>
                  </a:moveTo>
                  <a:lnTo>
                    <a:pt x="39624" y="0"/>
                  </a:lnTo>
                  <a:lnTo>
                    <a:pt x="39624" y="4572"/>
                  </a:lnTo>
                  <a:lnTo>
                    <a:pt x="42672" y="4572"/>
                  </a:lnTo>
                  <a:lnTo>
                    <a:pt x="42672" y="0"/>
                  </a:lnTo>
                  <a:close/>
                </a:path>
                <a:path w="646429" h="5080">
                  <a:moveTo>
                    <a:pt x="48768" y="0"/>
                  </a:moveTo>
                  <a:lnTo>
                    <a:pt x="45720" y="0"/>
                  </a:lnTo>
                  <a:lnTo>
                    <a:pt x="45720" y="4572"/>
                  </a:lnTo>
                  <a:lnTo>
                    <a:pt x="48768" y="4572"/>
                  </a:lnTo>
                  <a:lnTo>
                    <a:pt x="48768" y="0"/>
                  </a:lnTo>
                  <a:close/>
                </a:path>
                <a:path w="646429" h="5080">
                  <a:moveTo>
                    <a:pt x="56388" y="0"/>
                  </a:moveTo>
                  <a:lnTo>
                    <a:pt x="53340" y="0"/>
                  </a:lnTo>
                  <a:lnTo>
                    <a:pt x="53340" y="4572"/>
                  </a:lnTo>
                  <a:lnTo>
                    <a:pt x="56388" y="4572"/>
                  </a:lnTo>
                  <a:lnTo>
                    <a:pt x="56388" y="0"/>
                  </a:lnTo>
                  <a:close/>
                </a:path>
                <a:path w="646429" h="5080">
                  <a:moveTo>
                    <a:pt x="62484" y="0"/>
                  </a:moveTo>
                  <a:lnTo>
                    <a:pt x="59436" y="0"/>
                  </a:lnTo>
                  <a:lnTo>
                    <a:pt x="59436" y="4572"/>
                  </a:lnTo>
                  <a:lnTo>
                    <a:pt x="62484" y="4572"/>
                  </a:lnTo>
                  <a:lnTo>
                    <a:pt x="62484" y="0"/>
                  </a:lnTo>
                  <a:close/>
                </a:path>
                <a:path w="646429" h="5080">
                  <a:moveTo>
                    <a:pt x="70104" y="0"/>
                  </a:moveTo>
                  <a:lnTo>
                    <a:pt x="67056" y="0"/>
                  </a:lnTo>
                  <a:lnTo>
                    <a:pt x="67056" y="4572"/>
                  </a:lnTo>
                  <a:lnTo>
                    <a:pt x="70104" y="4572"/>
                  </a:lnTo>
                  <a:lnTo>
                    <a:pt x="70104" y="0"/>
                  </a:lnTo>
                  <a:close/>
                </a:path>
                <a:path w="646429" h="5080">
                  <a:moveTo>
                    <a:pt x="76200" y="0"/>
                  </a:moveTo>
                  <a:lnTo>
                    <a:pt x="73152" y="0"/>
                  </a:lnTo>
                  <a:lnTo>
                    <a:pt x="73152" y="4572"/>
                  </a:lnTo>
                  <a:lnTo>
                    <a:pt x="76200" y="4572"/>
                  </a:lnTo>
                  <a:lnTo>
                    <a:pt x="76200" y="0"/>
                  </a:lnTo>
                  <a:close/>
                </a:path>
                <a:path w="646429" h="5080">
                  <a:moveTo>
                    <a:pt x="83820" y="0"/>
                  </a:moveTo>
                  <a:lnTo>
                    <a:pt x="80772" y="0"/>
                  </a:lnTo>
                  <a:lnTo>
                    <a:pt x="80772" y="4572"/>
                  </a:lnTo>
                  <a:lnTo>
                    <a:pt x="83820" y="4572"/>
                  </a:lnTo>
                  <a:lnTo>
                    <a:pt x="83820" y="0"/>
                  </a:lnTo>
                  <a:close/>
                </a:path>
                <a:path w="646429" h="5080">
                  <a:moveTo>
                    <a:pt x="89916" y="0"/>
                  </a:moveTo>
                  <a:lnTo>
                    <a:pt x="86868" y="0"/>
                  </a:lnTo>
                  <a:lnTo>
                    <a:pt x="86868" y="4572"/>
                  </a:lnTo>
                  <a:lnTo>
                    <a:pt x="89916" y="4572"/>
                  </a:lnTo>
                  <a:lnTo>
                    <a:pt x="89916" y="0"/>
                  </a:lnTo>
                  <a:close/>
                </a:path>
                <a:path w="646429" h="5080">
                  <a:moveTo>
                    <a:pt x="97536" y="0"/>
                  </a:moveTo>
                  <a:lnTo>
                    <a:pt x="94488" y="0"/>
                  </a:lnTo>
                  <a:lnTo>
                    <a:pt x="94488" y="4572"/>
                  </a:lnTo>
                  <a:lnTo>
                    <a:pt x="97536" y="4572"/>
                  </a:lnTo>
                  <a:lnTo>
                    <a:pt x="97536" y="0"/>
                  </a:lnTo>
                  <a:close/>
                </a:path>
                <a:path w="646429" h="5080">
                  <a:moveTo>
                    <a:pt x="103632" y="0"/>
                  </a:moveTo>
                  <a:lnTo>
                    <a:pt x="100584" y="0"/>
                  </a:lnTo>
                  <a:lnTo>
                    <a:pt x="100584" y="4572"/>
                  </a:lnTo>
                  <a:lnTo>
                    <a:pt x="103632" y="4572"/>
                  </a:lnTo>
                  <a:lnTo>
                    <a:pt x="103632" y="0"/>
                  </a:lnTo>
                  <a:close/>
                </a:path>
                <a:path w="646429" h="5080">
                  <a:moveTo>
                    <a:pt x="111252" y="0"/>
                  </a:moveTo>
                  <a:lnTo>
                    <a:pt x="108204" y="0"/>
                  </a:lnTo>
                  <a:lnTo>
                    <a:pt x="108204" y="4572"/>
                  </a:lnTo>
                  <a:lnTo>
                    <a:pt x="111252" y="4572"/>
                  </a:lnTo>
                  <a:lnTo>
                    <a:pt x="111252" y="0"/>
                  </a:lnTo>
                  <a:close/>
                </a:path>
                <a:path w="646429" h="5080">
                  <a:moveTo>
                    <a:pt x="117348" y="0"/>
                  </a:moveTo>
                  <a:lnTo>
                    <a:pt x="114300" y="0"/>
                  </a:lnTo>
                  <a:lnTo>
                    <a:pt x="114300" y="4572"/>
                  </a:lnTo>
                  <a:lnTo>
                    <a:pt x="117348" y="4572"/>
                  </a:lnTo>
                  <a:lnTo>
                    <a:pt x="117348" y="0"/>
                  </a:lnTo>
                  <a:close/>
                </a:path>
                <a:path w="646429" h="5080">
                  <a:moveTo>
                    <a:pt x="124968" y="0"/>
                  </a:moveTo>
                  <a:lnTo>
                    <a:pt x="121920" y="0"/>
                  </a:lnTo>
                  <a:lnTo>
                    <a:pt x="121920" y="4572"/>
                  </a:lnTo>
                  <a:lnTo>
                    <a:pt x="124968" y="4572"/>
                  </a:lnTo>
                  <a:lnTo>
                    <a:pt x="124968" y="0"/>
                  </a:lnTo>
                  <a:close/>
                </a:path>
                <a:path w="646429" h="5080">
                  <a:moveTo>
                    <a:pt x="131064" y="0"/>
                  </a:moveTo>
                  <a:lnTo>
                    <a:pt x="128016" y="0"/>
                  </a:lnTo>
                  <a:lnTo>
                    <a:pt x="128016" y="4572"/>
                  </a:lnTo>
                  <a:lnTo>
                    <a:pt x="131064" y="4572"/>
                  </a:lnTo>
                  <a:lnTo>
                    <a:pt x="131064" y="0"/>
                  </a:lnTo>
                  <a:close/>
                </a:path>
                <a:path w="646429" h="5080">
                  <a:moveTo>
                    <a:pt x="138684" y="0"/>
                  </a:moveTo>
                  <a:lnTo>
                    <a:pt x="135636" y="0"/>
                  </a:lnTo>
                  <a:lnTo>
                    <a:pt x="135636" y="4572"/>
                  </a:lnTo>
                  <a:lnTo>
                    <a:pt x="138684" y="4572"/>
                  </a:lnTo>
                  <a:lnTo>
                    <a:pt x="138684" y="0"/>
                  </a:lnTo>
                  <a:close/>
                </a:path>
                <a:path w="646429" h="5080">
                  <a:moveTo>
                    <a:pt x="144780" y="0"/>
                  </a:moveTo>
                  <a:lnTo>
                    <a:pt x="141732" y="0"/>
                  </a:lnTo>
                  <a:lnTo>
                    <a:pt x="141732" y="4572"/>
                  </a:lnTo>
                  <a:lnTo>
                    <a:pt x="144780" y="4572"/>
                  </a:lnTo>
                  <a:lnTo>
                    <a:pt x="144780" y="0"/>
                  </a:lnTo>
                  <a:close/>
                </a:path>
                <a:path w="646429" h="5080">
                  <a:moveTo>
                    <a:pt x="152400" y="0"/>
                  </a:moveTo>
                  <a:lnTo>
                    <a:pt x="149352" y="0"/>
                  </a:lnTo>
                  <a:lnTo>
                    <a:pt x="149352" y="4572"/>
                  </a:lnTo>
                  <a:lnTo>
                    <a:pt x="152400" y="4572"/>
                  </a:lnTo>
                  <a:lnTo>
                    <a:pt x="152400" y="0"/>
                  </a:lnTo>
                  <a:close/>
                </a:path>
                <a:path w="646429" h="5080">
                  <a:moveTo>
                    <a:pt x="158496" y="0"/>
                  </a:moveTo>
                  <a:lnTo>
                    <a:pt x="155448" y="0"/>
                  </a:lnTo>
                  <a:lnTo>
                    <a:pt x="155448" y="4572"/>
                  </a:lnTo>
                  <a:lnTo>
                    <a:pt x="158496" y="4572"/>
                  </a:lnTo>
                  <a:lnTo>
                    <a:pt x="158496" y="0"/>
                  </a:lnTo>
                  <a:close/>
                </a:path>
                <a:path w="646429" h="5080">
                  <a:moveTo>
                    <a:pt x="166116" y="0"/>
                  </a:moveTo>
                  <a:lnTo>
                    <a:pt x="163068" y="0"/>
                  </a:lnTo>
                  <a:lnTo>
                    <a:pt x="163068" y="4572"/>
                  </a:lnTo>
                  <a:lnTo>
                    <a:pt x="166116" y="4572"/>
                  </a:lnTo>
                  <a:lnTo>
                    <a:pt x="166116" y="0"/>
                  </a:lnTo>
                  <a:close/>
                </a:path>
                <a:path w="646429" h="5080">
                  <a:moveTo>
                    <a:pt x="172212" y="0"/>
                  </a:moveTo>
                  <a:lnTo>
                    <a:pt x="169164" y="0"/>
                  </a:lnTo>
                  <a:lnTo>
                    <a:pt x="169164" y="4572"/>
                  </a:lnTo>
                  <a:lnTo>
                    <a:pt x="172212" y="4572"/>
                  </a:lnTo>
                  <a:lnTo>
                    <a:pt x="172212" y="0"/>
                  </a:lnTo>
                  <a:close/>
                </a:path>
                <a:path w="646429" h="5080">
                  <a:moveTo>
                    <a:pt x="179832" y="0"/>
                  </a:moveTo>
                  <a:lnTo>
                    <a:pt x="176784" y="0"/>
                  </a:lnTo>
                  <a:lnTo>
                    <a:pt x="176784" y="4572"/>
                  </a:lnTo>
                  <a:lnTo>
                    <a:pt x="179832" y="4572"/>
                  </a:lnTo>
                  <a:lnTo>
                    <a:pt x="179832" y="0"/>
                  </a:lnTo>
                  <a:close/>
                </a:path>
                <a:path w="646429" h="5080">
                  <a:moveTo>
                    <a:pt x="185928" y="0"/>
                  </a:moveTo>
                  <a:lnTo>
                    <a:pt x="182880" y="0"/>
                  </a:lnTo>
                  <a:lnTo>
                    <a:pt x="182880" y="4572"/>
                  </a:lnTo>
                  <a:lnTo>
                    <a:pt x="185928" y="4572"/>
                  </a:lnTo>
                  <a:lnTo>
                    <a:pt x="185928" y="0"/>
                  </a:lnTo>
                  <a:close/>
                </a:path>
                <a:path w="646429" h="5080">
                  <a:moveTo>
                    <a:pt x="193548" y="0"/>
                  </a:moveTo>
                  <a:lnTo>
                    <a:pt x="190500" y="0"/>
                  </a:lnTo>
                  <a:lnTo>
                    <a:pt x="190500" y="4572"/>
                  </a:lnTo>
                  <a:lnTo>
                    <a:pt x="193548" y="4572"/>
                  </a:lnTo>
                  <a:lnTo>
                    <a:pt x="193548" y="0"/>
                  </a:lnTo>
                  <a:close/>
                </a:path>
                <a:path w="646429" h="5080">
                  <a:moveTo>
                    <a:pt x="199644" y="0"/>
                  </a:moveTo>
                  <a:lnTo>
                    <a:pt x="196596" y="0"/>
                  </a:lnTo>
                  <a:lnTo>
                    <a:pt x="196596" y="4572"/>
                  </a:lnTo>
                  <a:lnTo>
                    <a:pt x="199644" y="4572"/>
                  </a:lnTo>
                  <a:lnTo>
                    <a:pt x="199644" y="0"/>
                  </a:lnTo>
                  <a:close/>
                </a:path>
                <a:path w="646429" h="5080">
                  <a:moveTo>
                    <a:pt x="207264" y="0"/>
                  </a:moveTo>
                  <a:lnTo>
                    <a:pt x="204216" y="0"/>
                  </a:lnTo>
                  <a:lnTo>
                    <a:pt x="204216" y="4572"/>
                  </a:lnTo>
                  <a:lnTo>
                    <a:pt x="207264" y="4572"/>
                  </a:lnTo>
                  <a:lnTo>
                    <a:pt x="207264" y="0"/>
                  </a:lnTo>
                  <a:close/>
                </a:path>
                <a:path w="646429" h="5080">
                  <a:moveTo>
                    <a:pt x="213360" y="0"/>
                  </a:moveTo>
                  <a:lnTo>
                    <a:pt x="210312" y="0"/>
                  </a:lnTo>
                  <a:lnTo>
                    <a:pt x="210312" y="4572"/>
                  </a:lnTo>
                  <a:lnTo>
                    <a:pt x="213360" y="4572"/>
                  </a:lnTo>
                  <a:lnTo>
                    <a:pt x="213360" y="0"/>
                  </a:lnTo>
                  <a:close/>
                </a:path>
                <a:path w="646429" h="5080">
                  <a:moveTo>
                    <a:pt x="220980" y="0"/>
                  </a:moveTo>
                  <a:lnTo>
                    <a:pt x="217932" y="0"/>
                  </a:lnTo>
                  <a:lnTo>
                    <a:pt x="217932" y="4572"/>
                  </a:lnTo>
                  <a:lnTo>
                    <a:pt x="220980" y="4572"/>
                  </a:lnTo>
                  <a:lnTo>
                    <a:pt x="220980" y="0"/>
                  </a:lnTo>
                  <a:close/>
                </a:path>
                <a:path w="646429" h="5080">
                  <a:moveTo>
                    <a:pt x="227076" y="0"/>
                  </a:moveTo>
                  <a:lnTo>
                    <a:pt x="224028" y="0"/>
                  </a:lnTo>
                  <a:lnTo>
                    <a:pt x="224028" y="4572"/>
                  </a:lnTo>
                  <a:lnTo>
                    <a:pt x="227076" y="4572"/>
                  </a:lnTo>
                  <a:lnTo>
                    <a:pt x="227076" y="0"/>
                  </a:lnTo>
                  <a:close/>
                </a:path>
                <a:path w="646429" h="5080">
                  <a:moveTo>
                    <a:pt x="234696" y="0"/>
                  </a:moveTo>
                  <a:lnTo>
                    <a:pt x="231648" y="0"/>
                  </a:lnTo>
                  <a:lnTo>
                    <a:pt x="231648" y="4572"/>
                  </a:lnTo>
                  <a:lnTo>
                    <a:pt x="234696" y="4572"/>
                  </a:lnTo>
                  <a:lnTo>
                    <a:pt x="234696" y="0"/>
                  </a:lnTo>
                  <a:close/>
                </a:path>
                <a:path w="646429" h="5080">
                  <a:moveTo>
                    <a:pt x="240792" y="0"/>
                  </a:moveTo>
                  <a:lnTo>
                    <a:pt x="237744" y="0"/>
                  </a:lnTo>
                  <a:lnTo>
                    <a:pt x="237744" y="4572"/>
                  </a:lnTo>
                  <a:lnTo>
                    <a:pt x="240792" y="4572"/>
                  </a:lnTo>
                  <a:lnTo>
                    <a:pt x="240792" y="0"/>
                  </a:lnTo>
                  <a:close/>
                </a:path>
                <a:path w="646429" h="5080">
                  <a:moveTo>
                    <a:pt x="248412" y="0"/>
                  </a:moveTo>
                  <a:lnTo>
                    <a:pt x="245364" y="0"/>
                  </a:lnTo>
                  <a:lnTo>
                    <a:pt x="245364" y="4572"/>
                  </a:lnTo>
                  <a:lnTo>
                    <a:pt x="248412" y="4572"/>
                  </a:lnTo>
                  <a:lnTo>
                    <a:pt x="248412" y="0"/>
                  </a:lnTo>
                  <a:close/>
                </a:path>
                <a:path w="646429" h="5080">
                  <a:moveTo>
                    <a:pt x="254508" y="0"/>
                  </a:moveTo>
                  <a:lnTo>
                    <a:pt x="251460" y="0"/>
                  </a:lnTo>
                  <a:lnTo>
                    <a:pt x="251460" y="4572"/>
                  </a:lnTo>
                  <a:lnTo>
                    <a:pt x="254508" y="4572"/>
                  </a:lnTo>
                  <a:lnTo>
                    <a:pt x="254508" y="0"/>
                  </a:lnTo>
                  <a:close/>
                </a:path>
                <a:path w="646429" h="5080">
                  <a:moveTo>
                    <a:pt x="426720" y="0"/>
                  </a:moveTo>
                  <a:lnTo>
                    <a:pt x="425196" y="0"/>
                  </a:lnTo>
                  <a:lnTo>
                    <a:pt x="425196" y="4572"/>
                  </a:lnTo>
                  <a:lnTo>
                    <a:pt x="426720" y="4572"/>
                  </a:lnTo>
                  <a:lnTo>
                    <a:pt x="426720" y="0"/>
                  </a:lnTo>
                  <a:close/>
                </a:path>
                <a:path w="646429" h="5080">
                  <a:moveTo>
                    <a:pt x="432816" y="0"/>
                  </a:moveTo>
                  <a:lnTo>
                    <a:pt x="429768" y="0"/>
                  </a:lnTo>
                  <a:lnTo>
                    <a:pt x="429768" y="4572"/>
                  </a:lnTo>
                  <a:lnTo>
                    <a:pt x="432816" y="4572"/>
                  </a:lnTo>
                  <a:lnTo>
                    <a:pt x="432816" y="0"/>
                  </a:lnTo>
                  <a:close/>
                </a:path>
                <a:path w="646429" h="5080">
                  <a:moveTo>
                    <a:pt x="440436" y="0"/>
                  </a:moveTo>
                  <a:lnTo>
                    <a:pt x="437388" y="0"/>
                  </a:lnTo>
                  <a:lnTo>
                    <a:pt x="437388" y="4572"/>
                  </a:lnTo>
                  <a:lnTo>
                    <a:pt x="440436" y="4572"/>
                  </a:lnTo>
                  <a:lnTo>
                    <a:pt x="440436" y="0"/>
                  </a:lnTo>
                  <a:close/>
                </a:path>
                <a:path w="646429" h="5080">
                  <a:moveTo>
                    <a:pt x="446532" y="0"/>
                  </a:moveTo>
                  <a:lnTo>
                    <a:pt x="443484" y="0"/>
                  </a:lnTo>
                  <a:lnTo>
                    <a:pt x="443484" y="4572"/>
                  </a:lnTo>
                  <a:lnTo>
                    <a:pt x="446532" y="4572"/>
                  </a:lnTo>
                  <a:lnTo>
                    <a:pt x="446532" y="0"/>
                  </a:lnTo>
                  <a:close/>
                </a:path>
                <a:path w="646429" h="5080">
                  <a:moveTo>
                    <a:pt x="454152" y="0"/>
                  </a:moveTo>
                  <a:lnTo>
                    <a:pt x="451104" y="0"/>
                  </a:lnTo>
                  <a:lnTo>
                    <a:pt x="451104" y="4572"/>
                  </a:lnTo>
                  <a:lnTo>
                    <a:pt x="454152" y="4572"/>
                  </a:lnTo>
                  <a:lnTo>
                    <a:pt x="454152" y="0"/>
                  </a:lnTo>
                  <a:close/>
                </a:path>
                <a:path w="646429" h="5080">
                  <a:moveTo>
                    <a:pt x="460248" y="0"/>
                  </a:moveTo>
                  <a:lnTo>
                    <a:pt x="457200" y="0"/>
                  </a:lnTo>
                  <a:lnTo>
                    <a:pt x="457200" y="4572"/>
                  </a:lnTo>
                  <a:lnTo>
                    <a:pt x="460248" y="4572"/>
                  </a:lnTo>
                  <a:lnTo>
                    <a:pt x="460248" y="0"/>
                  </a:lnTo>
                  <a:close/>
                </a:path>
                <a:path w="646429" h="5080">
                  <a:moveTo>
                    <a:pt x="467868" y="0"/>
                  </a:moveTo>
                  <a:lnTo>
                    <a:pt x="464820" y="0"/>
                  </a:lnTo>
                  <a:lnTo>
                    <a:pt x="464820" y="4572"/>
                  </a:lnTo>
                  <a:lnTo>
                    <a:pt x="467868" y="4572"/>
                  </a:lnTo>
                  <a:lnTo>
                    <a:pt x="467868" y="0"/>
                  </a:lnTo>
                  <a:close/>
                </a:path>
                <a:path w="646429" h="5080">
                  <a:moveTo>
                    <a:pt x="473964" y="0"/>
                  </a:moveTo>
                  <a:lnTo>
                    <a:pt x="470916" y="0"/>
                  </a:lnTo>
                  <a:lnTo>
                    <a:pt x="470916" y="4572"/>
                  </a:lnTo>
                  <a:lnTo>
                    <a:pt x="473964" y="4572"/>
                  </a:lnTo>
                  <a:lnTo>
                    <a:pt x="473964" y="0"/>
                  </a:lnTo>
                  <a:close/>
                </a:path>
                <a:path w="646429" h="5080">
                  <a:moveTo>
                    <a:pt x="481584" y="0"/>
                  </a:moveTo>
                  <a:lnTo>
                    <a:pt x="478536" y="0"/>
                  </a:lnTo>
                  <a:lnTo>
                    <a:pt x="478536" y="4572"/>
                  </a:lnTo>
                  <a:lnTo>
                    <a:pt x="481584" y="4572"/>
                  </a:lnTo>
                  <a:lnTo>
                    <a:pt x="481584" y="0"/>
                  </a:lnTo>
                  <a:close/>
                </a:path>
                <a:path w="646429" h="5080">
                  <a:moveTo>
                    <a:pt x="487680" y="0"/>
                  </a:moveTo>
                  <a:lnTo>
                    <a:pt x="484632" y="0"/>
                  </a:lnTo>
                  <a:lnTo>
                    <a:pt x="484632" y="4572"/>
                  </a:lnTo>
                  <a:lnTo>
                    <a:pt x="487680" y="4572"/>
                  </a:lnTo>
                  <a:lnTo>
                    <a:pt x="487680" y="0"/>
                  </a:lnTo>
                  <a:close/>
                </a:path>
                <a:path w="646429" h="5080">
                  <a:moveTo>
                    <a:pt x="495300" y="0"/>
                  </a:moveTo>
                  <a:lnTo>
                    <a:pt x="492252" y="0"/>
                  </a:lnTo>
                  <a:lnTo>
                    <a:pt x="492252" y="4572"/>
                  </a:lnTo>
                  <a:lnTo>
                    <a:pt x="495300" y="4572"/>
                  </a:lnTo>
                  <a:lnTo>
                    <a:pt x="495300" y="0"/>
                  </a:lnTo>
                  <a:close/>
                </a:path>
                <a:path w="646429" h="5080">
                  <a:moveTo>
                    <a:pt x="501396" y="0"/>
                  </a:moveTo>
                  <a:lnTo>
                    <a:pt x="498348" y="0"/>
                  </a:lnTo>
                  <a:lnTo>
                    <a:pt x="498348" y="4572"/>
                  </a:lnTo>
                  <a:lnTo>
                    <a:pt x="501396" y="4572"/>
                  </a:lnTo>
                  <a:lnTo>
                    <a:pt x="501396" y="0"/>
                  </a:lnTo>
                  <a:close/>
                </a:path>
                <a:path w="646429" h="5080">
                  <a:moveTo>
                    <a:pt x="509016" y="0"/>
                  </a:moveTo>
                  <a:lnTo>
                    <a:pt x="505968" y="0"/>
                  </a:lnTo>
                  <a:lnTo>
                    <a:pt x="505968" y="4572"/>
                  </a:lnTo>
                  <a:lnTo>
                    <a:pt x="509016" y="4572"/>
                  </a:lnTo>
                  <a:lnTo>
                    <a:pt x="509016" y="0"/>
                  </a:lnTo>
                  <a:close/>
                </a:path>
                <a:path w="646429" h="5080">
                  <a:moveTo>
                    <a:pt x="515112" y="0"/>
                  </a:moveTo>
                  <a:lnTo>
                    <a:pt x="512064" y="0"/>
                  </a:lnTo>
                  <a:lnTo>
                    <a:pt x="512064" y="4572"/>
                  </a:lnTo>
                  <a:lnTo>
                    <a:pt x="515112" y="4572"/>
                  </a:lnTo>
                  <a:lnTo>
                    <a:pt x="515112" y="0"/>
                  </a:lnTo>
                  <a:close/>
                </a:path>
                <a:path w="646429" h="5080">
                  <a:moveTo>
                    <a:pt x="522732" y="0"/>
                  </a:moveTo>
                  <a:lnTo>
                    <a:pt x="519684" y="0"/>
                  </a:lnTo>
                  <a:lnTo>
                    <a:pt x="519684" y="4572"/>
                  </a:lnTo>
                  <a:lnTo>
                    <a:pt x="522732" y="4572"/>
                  </a:lnTo>
                  <a:lnTo>
                    <a:pt x="522732" y="0"/>
                  </a:lnTo>
                  <a:close/>
                </a:path>
                <a:path w="646429" h="5080">
                  <a:moveTo>
                    <a:pt x="528828" y="0"/>
                  </a:moveTo>
                  <a:lnTo>
                    <a:pt x="525780" y="0"/>
                  </a:lnTo>
                  <a:lnTo>
                    <a:pt x="525780" y="4572"/>
                  </a:lnTo>
                  <a:lnTo>
                    <a:pt x="528828" y="4572"/>
                  </a:lnTo>
                  <a:lnTo>
                    <a:pt x="528828" y="0"/>
                  </a:lnTo>
                  <a:close/>
                </a:path>
                <a:path w="646429" h="5080">
                  <a:moveTo>
                    <a:pt x="536448" y="0"/>
                  </a:moveTo>
                  <a:lnTo>
                    <a:pt x="533400" y="0"/>
                  </a:lnTo>
                  <a:lnTo>
                    <a:pt x="533400" y="4572"/>
                  </a:lnTo>
                  <a:lnTo>
                    <a:pt x="536448" y="4572"/>
                  </a:lnTo>
                  <a:lnTo>
                    <a:pt x="536448" y="0"/>
                  </a:lnTo>
                  <a:close/>
                </a:path>
                <a:path w="646429" h="5080">
                  <a:moveTo>
                    <a:pt x="542544" y="0"/>
                  </a:moveTo>
                  <a:lnTo>
                    <a:pt x="539496" y="0"/>
                  </a:lnTo>
                  <a:lnTo>
                    <a:pt x="539496" y="4572"/>
                  </a:lnTo>
                  <a:lnTo>
                    <a:pt x="542544" y="4572"/>
                  </a:lnTo>
                  <a:lnTo>
                    <a:pt x="542544" y="0"/>
                  </a:lnTo>
                  <a:close/>
                </a:path>
                <a:path w="646429" h="5080">
                  <a:moveTo>
                    <a:pt x="550164" y="0"/>
                  </a:moveTo>
                  <a:lnTo>
                    <a:pt x="547116" y="0"/>
                  </a:lnTo>
                  <a:lnTo>
                    <a:pt x="547116" y="4572"/>
                  </a:lnTo>
                  <a:lnTo>
                    <a:pt x="550164" y="4572"/>
                  </a:lnTo>
                  <a:lnTo>
                    <a:pt x="550164" y="0"/>
                  </a:lnTo>
                  <a:close/>
                </a:path>
                <a:path w="646429" h="5080">
                  <a:moveTo>
                    <a:pt x="556260" y="0"/>
                  </a:moveTo>
                  <a:lnTo>
                    <a:pt x="553212" y="0"/>
                  </a:lnTo>
                  <a:lnTo>
                    <a:pt x="553212" y="4572"/>
                  </a:lnTo>
                  <a:lnTo>
                    <a:pt x="556260" y="4572"/>
                  </a:lnTo>
                  <a:lnTo>
                    <a:pt x="556260" y="0"/>
                  </a:lnTo>
                  <a:close/>
                </a:path>
                <a:path w="646429" h="5080">
                  <a:moveTo>
                    <a:pt x="563880" y="0"/>
                  </a:moveTo>
                  <a:lnTo>
                    <a:pt x="560832" y="0"/>
                  </a:lnTo>
                  <a:lnTo>
                    <a:pt x="560832" y="4572"/>
                  </a:lnTo>
                  <a:lnTo>
                    <a:pt x="563880" y="4572"/>
                  </a:lnTo>
                  <a:lnTo>
                    <a:pt x="563880" y="0"/>
                  </a:lnTo>
                  <a:close/>
                </a:path>
                <a:path w="646429" h="5080">
                  <a:moveTo>
                    <a:pt x="569976" y="0"/>
                  </a:moveTo>
                  <a:lnTo>
                    <a:pt x="566928" y="0"/>
                  </a:lnTo>
                  <a:lnTo>
                    <a:pt x="566928" y="4572"/>
                  </a:lnTo>
                  <a:lnTo>
                    <a:pt x="569976" y="4572"/>
                  </a:lnTo>
                  <a:lnTo>
                    <a:pt x="569976" y="0"/>
                  </a:lnTo>
                  <a:close/>
                </a:path>
                <a:path w="646429" h="5080">
                  <a:moveTo>
                    <a:pt x="577596" y="0"/>
                  </a:moveTo>
                  <a:lnTo>
                    <a:pt x="574548" y="0"/>
                  </a:lnTo>
                  <a:lnTo>
                    <a:pt x="574548" y="4572"/>
                  </a:lnTo>
                  <a:lnTo>
                    <a:pt x="577596" y="4572"/>
                  </a:lnTo>
                  <a:lnTo>
                    <a:pt x="577596" y="0"/>
                  </a:lnTo>
                  <a:close/>
                </a:path>
                <a:path w="646429" h="5080">
                  <a:moveTo>
                    <a:pt x="583692" y="0"/>
                  </a:moveTo>
                  <a:lnTo>
                    <a:pt x="580644" y="0"/>
                  </a:lnTo>
                  <a:lnTo>
                    <a:pt x="580644" y="4572"/>
                  </a:lnTo>
                  <a:lnTo>
                    <a:pt x="583692" y="4572"/>
                  </a:lnTo>
                  <a:lnTo>
                    <a:pt x="583692" y="0"/>
                  </a:lnTo>
                  <a:close/>
                </a:path>
                <a:path w="646429" h="5080">
                  <a:moveTo>
                    <a:pt x="591312" y="0"/>
                  </a:moveTo>
                  <a:lnTo>
                    <a:pt x="588264" y="0"/>
                  </a:lnTo>
                  <a:lnTo>
                    <a:pt x="588264" y="4572"/>
                  </a:lnTo>
                  <a:lnTo>
                    <a:pt x="591312" y="4572"/>
                  </a:lnTo>
                  <a:lnTo>
                    <a:pt x="591312" y="0"/>
                  </a:lnTo>
                  <a:close/>
                </a:path>
                <a:path w="646429" h="5080">
                  <a:moveTo>
                    <a:pt x="597408" y="0"/>
                  </a:moveTo>
                  <a:lnTo>
                    <a:pt x="594360" y="0"/>
                  </a:lnTo>
                  <a:lnTo>
                    <a:pt x="594360" y="4572"/>
                  </a:lnTo>
                  <a:lnTo>
                    <a:pt x="597408" y="4572"/>
                  </a:lnTo>
                  <a:lnTo>
                    <a:pt x="597408" y="0"/>
                  </a:lnTo>
                  <a:close/>
                </a:path>
                <a:path w="646429" h="5080">
                  <a:moveTo>
                    <a:pt x="605028" y="0"/>
                  </a:moveTo>
                  <a:lnTo>
                    <a:pt x="601980" y="0"/>
                  </a:lnTo>
                  <a:lnTo>
                    <a:pt x="601980" y="4572"/>
                  </a:lnTo>
                  <a:lnTo>
                    <a:pt x="605028" y="4572"/>
                  </a:lnTo>
                  <a:lnTo>
                    <a:pt x="605028" y="0"/>
                  </a:lnTo>
                  <a:close/>
                </a:path>
                <a:path w="646429" h="5080">
                  <a:moveTo>
                    <a:pt x="611124" y="0"/>
                  </a:moveTo>
                  <a:lnTo>
                    <a:pt x="608076" y="0"/>
                  </a:lnTo>
                  <a:lnTo>
                    <a:pt x="608076" y="4572"/>
                  </a:lnTo>
                  <a:lnTo>
                    <a:pt x="611124" y="4572"/>
                  </a:lnTo>
                  <a:lnTo>
                    <a:pt x="611124" y="0"/>
                  </a:lnTo>
                  <a:close/>
                </a:path>
                <a:path w="646429" h="5080">
                  <a:moveTo>
                    <a:pt x="618744" y="0"/>
                  </a:moveTo>
                  <a:lnTo>
                    <a:pt x="615696" y="0"/>
                  </a:lnTo>
                  <a:lnTo>
                    <a:pt x="615696" y="4572"/>
                  </a:lnTo>
                  <a:lnTo>
                    <a:pt x="618744" y="4572"/>
                  </a:lnTo>
                  <a:lnTo>
                    <a:pt x="618744" y="0"/>
                  </a:lnTo>
                  <a:close/>
                </a:path>
                <a:path w="646429" h="5080">
                  <a:moveTo>
                    <a:pt x="624840" y="0"/>
                  </a:moveTo>
                  <a:lnTo>
                    <a:pt x="621792" y="0"/>
                  </a:lnTo>
                  <a:lnTo>
                    <a:pt x="621792" y="4572"/>
                  </a:lnTo>
                  <a:lnTo>
                    <a:pt x="624840" y="4572"/>
                  </a:lnTo>
                  <a:lnTo>
                    <a:pt x="624840" y="0"/>
                  </a:lnTo>
                  <a:close/>
                </a:path>
                <a:path w="646429" h="5080">
                  <a:moveTo>
                    <a:pt x="632460" y="0"/>
                  </a:moveTo>
                  <a:lnTo>
                    <a:pt x="629412" y="0"/>
                  </a:lnTo>
                  <a:lnTo>
                    <a:pt x="629412" y="4572"/>
                  </a:lnTo>
                  <a:lnTo>
                    <a:pt x="632460" y="4572"/>
                  </a:lnTo>
                  <a:lnTo>
                    <a:pt x="632460" y="0"/>
                  </a:lnTo>
                  <a:close/>
                </a:path>
                <a:path w="646429" h="5080">
                  <a:moveTo>
                    <a:pt x="638556" y="0"/>
                  </a:moveTo>
                  <a:lnTo>
                    <a:pt x="635508" y="0"/>
                  </a:lnTo>
                  <a:lnTo>
                    <a:pt x="635508" y="4572"/>
                  </a:lnTo>
                  <a:lnTo>
                    <a:pt x="638556" y="4572"/>
                  </a:lnTo>
                  <a:lnTo>
                    <a:pt x="638556" y="0"/>
                  </a:lnTo>
                  <a:close/>
                </a:path>
                <a:path w="646429" h="5080">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117" name="object 117"/>
            <p:cNvSpPr/>
            <p:nvPr/>
          </p:nvSpPr>
          <p:spPr>
            <a:xfrm>
              <a:off x="8398764" y="2843783"/>
              <a:ext cx="36830" cy="5080"/>
            </a:xfrm>
            <a:custGeom>
              <a:avLst/>
              <a:gdLst/>
              <a:ahLst/>
              <a:cxnLst/>
              <a:rect l="l" t="t" r="r" b="b"/>
              <a:pathLst>
                <a:path w="36829" h="5080">
                  <a:moveTo>
                    <a:pt x="3048" y="0"/>
                  </a:moveTo>
                  <a:lnTo>
                    <a:pt x="0" y="0"/>
                  </a:lnTo>
                  <a:lnTo>
                    <a:pt x="0" y="4572"/>
                  </a:lnTo>
                  <a:lnTo>
                    <a:pt x="3048" y="4572"/>
                  </a:lnTo>
                  <a:lnTo>
                    <a:pt x="3048" y="0"/>
                  </a:lnTo>
                  <a:close/>
                </a:path>
                <a:path w="36829" h="5080">
                  <a:moveTo>
                    <a:pt x="9144" y="0"/>
                  </a:moveTo>
                  <a:lnTo>
                    <a:pt x="6096" y="0"/>
                  </a:lnTo>
                  <a:lnTo>
                    <a:pt x="6096" y="4572"/>
                  </a:lnTo>
                  <a:lnTo>
                    <a:pt x="9144" y="4572"/>
                  </a:lnTo>
                  <a:lnTo>
                    <a:pt x="9144" y="0"/>
                  </a:lnTo>
                  <a:close/>
                </a:path>
                <a:path w="36829" h="5080">
                  <a:moveTo>
                    <a:pt x="16764" y="0"/>
                  </a:moveTo>
                  <a:lnTo>
                    <a:pt x="13716" y="0"/>
                  </a:lnTo>
                  <a:lnTo>
                    <a:pt x="13716" y="4572"/>
                  </a:lnTo>
                  <a:lnTo>
                    <a:pt x="16764" y="4572"/>
                  </a:lnTo>
                  <a:lnTo>
                    <a:pt x="16764" y="0"/>
                  </a:lnTo>
                  <a:close/>
                </a:path>
                <a:path w="36829" h="5080">
                  <a:moveTo>
                    <a:pt x="22860" y="0"/>
                  </a:moveTo>
                  <a:lnTo>
                    <a:pt x="19812" y="0"/>
                  </a:lnTo>
                  <a:lnTo>
                    <a:pt x="19812" y="4572"/>
                  </a:lnTo>
                  <a:lnTo>
                    <a:pt x="22860" y="4572"/>
                  </a:lnTo>
                  <a:lnTo>
                    <a:pt x="22860" y="0"/>
                  </a:lnTo>
                  <a:close/>
                </a:path>
                <a:path w="36829" h="5080">
                  <a:moveTo>
                    <a:pt x="30480" y="0"/>
                  </a:moveTo>
                  <a:lnTo>
                    <a:pt x="25908" y="0"/>
                  </a:lnTo>
                  <a:lnTo>
                    <a:pt x="25908" y="4572"/>
                  </a:lnTo>
                  <a:lnTo>
                    <a:pt x="30480" y="4572"/>
                  </a:lnTo>
                  <a:lnTo>
                    <a:pt x="30480" y="0"/>
                  </a:lnTo>
                  <a:close/>
                </a:path>
                <a:path w="36829" h="5080">
                  <a:moveTo>
                    <a:pt x="36576" y="0"/>
                  </a:moveTo>
                  <a:lnTo>
                    <a:pt x="33528" y="0"/>
                  </a:lnTo>
                  <a:lnTo>
                    <a:pt x="33528" y="4572"/>
                  </a:lnTo>
                  <a:lnTo>
                    <a:pt x="36576" y="4572"/>
                  </a:lnTo>
                  <a:lnTo>
                    <a:pt x="36576" y="0"/>
                  </a:lnTo>
                  <a:close/>
                </a:path>
              </a:pathLst>
            </a:custGeom>
            <a:solidFill>
              <a:srgbClr val="D8D8D8"/>
            </a:solidFill>
          </p:spPr>
          <p:txBody>
            <a:bodyPr wrap="square" lIns="0" tIns="0" rIns="0" bIns="0" rtlCol="0"/>
            <a:lstStyle/>
            <a:p>
              <a:endParaRPr sz="1539"/>
            </a:p>
          </p:txBody>
        </p:sp>
        <p:sp>
          <p:nvSpPr>
            <p:cNvPr id="118" name="object 118"/>
            <p:cNvSpPr/>
            <p:nvPr/>
          </p:nvSpPr>
          <p:spPr>
            <a:xfrm>
              <a:off x="8606028" y="2846069"/>
              <a:ext cx="254635" cy="0"/>
            </a:xfrm>
            <a:custGeom>
              <a:avLst/>
              <a:gdLst/>
              <a:ahLst/>
              <a:cxnLst/>
              <a:rect l="l" t="t" r="r" b="b"/>
              <a:pathLst>
                <a:path w="254634">
                  <a:moveTo>
                    <a:pt x="0" y="0"/>
                  </a:moveTo>
                  <a:lnTo>
                    <a:pt x="254507" y="0"/>
                  </a:lnTo>
                </a:path>
              </a:pathLst>
            </a:custGeom>
            <a:ln w="4572">
              <a:solidFill>
                <a:srgbClr val="D8D8D8"/>
              </a:solidFill>
              <a:prstDash val="sysDot"/>
            </a:ln>
          </p:spPr>
          <p:txBody>
            <a:bodyPr wrap="square" lIns="0" tIns="0" rIns="0" bIns="0" rtlCol="0"/>
            <a:lstStyle/>
            <a:p>
              <a:endParaRPr sz="1539"/>
            </a:p>
          </p:txBody>
        </p:sp>
        <p:sp>
          <p:nvSpPr>
            <p:cNvPr id="119" name="object 119"/>
            <p:cNvSpPr/>
            <p:nvPr/>
          </p:nvSpPr>
          <p:spPr>
            <a:xfrm>
              <a:off x="9035796" y="2843783"/>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9144" y="0"/>
                  </a:moveTo>
                  <a:lnTo>
                    <a:pt x="6096" y="0"/>
                  </a:lnTo>
                  <a:lnTo>
                    <a:pt x="6096" y="4572"/>
                  </a:lnTo>
                  <a:lnTo>
                    <a:pt x="9144" y="4572"/>
                  </a:lnTo>
                  <a:lnTo>
                    <a:pt x="9144" y="0"/>
                  </a:lnTo>
                  <a:close/>
                </a:path>
                <a:path w="483234" h="5080">
                  <a:moveTo>
                    <a:pt x="16764" y="0"/>
                  </a:moveTo>
                  <a:lnTo>
                    <a:pt x="13716" y="0"/>
                  </a:lnTo>
                  <a:lnTo>
                    <a:pt x="13716" y="4572"/>
                  </a:lnTo>
                  <a:lnTo>
                    <a:pt x="16764" y="4572"/>
                  </a:lnTo>
                  <a:lnTo>
                    <a:pt x="16764" y="0"/>
                  </a:lnTo>
                  <a:close/>
                </a:path>
                <a:path w="483234" h="5080">
                  <a:moveTo>
                    <a:pt x="22860" y="0"/>
                  </a:moveTo>
                  <a:lnTo>
                    <a:pt x="19812" y="0"/>
                  </a:lnTo>
                  <a:lnTo>
                    <a:pt x="19812" y="4572"/>
                  </a:lnTo>
                  <a:lnTo>
                    <a:pt x="22860" y="4572"/>
                  </a:lnTo>
                  <a:lnTo>
                    <a:pt x="22860" y="0"/>
                  </a:lnTo>
                  <a:close/>
                </a:path>
                <a:path w="483234" h="5080">
                  <a:moveTo>
                    <a:pt x="30480" y="0"/>
                  </a:moveTo>
                  <a:lnTo>
                    <a:pt x="27432" y="0"/>
                  </a:lnTo>
                  <a:lnTo>
                    <a:pt x="27432" y="4572"/>
                  </a:lnTo>
                  <a:lnTo>
                    <a:pt x="30480" y="4572"/>
                  </a:lnTo>
                  <a:lnTo>
                    <a:pt x="30480" y="0"/>
                  </a:lnTo>
                  <a:close/>
                </a:path>
                <a:path w="483234" h="5080">
                  <a:moveTo>
                    <a:pt x="36576" y="0"/>
                  </a:moveTo>
                  <a:lnTo>
                    <a:pt x="33528" y="0"/>
                  </a:lnTo>
                  <a:lnTo>
                    <a:pt x="33528" y="4572"/>
                  </a:lnTo>
                  <a:lnTo>
                    <a:pt x="36576" y="4572"/>
                  </a:lnTo>
                  <a:lnTo>
                    <a:pt x="36576" y="0"/>
                  </a:lnTo>
                  <a:close/>
                </a:path>
                <a:path w="483234" h="5080">
                  <a:moveTo>
                    <a:pt x="44196" y="0"/>
                  </a:moveTo>
                  <a:lnTo>
                    <a:pt x="41148" y="0"/>
                  </a:lnTo>
                  <a:lnTo>
                    <a:pt x="41148" y="4572"/>
                  </a:lnTo>
                  <a:lnTo>
                    <a:pt x="44196" y="4572"/>
                  </a:lnTo>
                  <a:lnTo>
                    <a:pt x="44196" y="0"/>
                  </a:lnTo>
                  <a:close/>
                </a:path>
                <a:path w="483234" h="5080">
                  <a:moveTo>
                    <a:pt x="50292" y="0"/>
                  </a:moveTo>
                  <a:lnTo>
                    <a:pt x="47244" y="0"/>
                  </a:lnTo>
                  <a:lnTo>
                    <a:pt x="47244" y="4572"/>
                  </a:lnTo>
                  <a:lnTo>
                    <a:pt x="50292" y="4572"/>
                  </a:lnTo>
                  <a:lnTo>
                    <a:pt x="50292" y="0"/>
                  </a:lnTo>
                  <a:close/>
                </a:path>
                <a:path w="483234" h="5080">
                  <a:moveTo>
                    <a:pt x="57912" y="0"/>
                  </a:moveTo>
                  <a:lnTo>
                    <a:pt x="54864" y="0"/>
                  </a:lnTo>
                  <a:lnTo>
                    <a:pt x="54864" y="4572"/>
                  </a:lnTo>
                  <a:lnTo>
                    <a:pt x="57912" y="4572"/>
                  </a:lnTo>
                  <a:lnTo>
                    <a:pt x="57912" y="0"/>
                  </a:lnTo>
                  <a:close/>
                </a:path>
                <a:path w="483234" h="5080">
                  <a:moveTo>
                    <a:pt x="64008" y="0"/>
                  </a:moveTo>
                  <a:lnTo>
                    <a:pt x="60960" y="0"/>
                  </a:lnTo>
                  <a:lnTo>
                    <a:pt x="60960" y="4572"/>
                  </a:lnTo>
                  <a:lnTo>
                    <a:pt x="64008" y="4572"/>
                  </a:lnTo>
                  <a:lnTo>
                    <a:pt x="64008" y="0"/>
                  </a:lnTo>
                  <a:close/>
                </a:path>
                <a:path w="483234" h="5080">
                  <a:moveTo>
                    <a:pt x="71628" y="0"/>
                  </a:moveTo>
                  <a:lnTo>
                    <a:pt x="68580" y="0"/>
                  </a:lnTo>
                  <a:lnTo>
                    <a:pt x="68580" y="4572"/>
                  </a:lnTo>
                  <a:lnTo>
                    <a:pt x="71628" y="4572"/>
                  </a:lnTo>
                  <a:lnTo>
                    <a:pt x="71628" y="0"/>
                  </a:lnTo>
                  <a:close/>
                </a:path>
                <a:path w="483234" h="5080">
                  <a:moveTo>
                    <a:pt x="77724" y="0"/>
                  </a:moveTo>
                  <a:lnTo>
                    <a:pt x="74676" y="0"/>
                  </a:lnTo>
                  <a:lnTo>
                    <a:pt x="74676" y="4572"/>
                  </a:lnTo>
                  <a:lnTo>
                    <a:pt x="77724" y="4572"/>
                  </a:lnTo>
                  <a:lnTo>
                    <a:pt x="77724" y="0"/>
                  </a:lnTo>
                  <a:close/>
                </a:path>
                <a:path w="483234" h="5080">
                  <a:moveTo>
                    <a:pt x="85344" y="0"/>
                  </a:moveTo>
                  <a:lnTo>
                    <a:pt x="82296" y="0"/>
                  </a:lnTo>
                  <a:lnTo>
                    <a:pt x="82296" y="4572"/>
                  </a:lnTo>
                  <a:lnTo>
                    <a:pt x="85344" y="4572"/>
                  </a:lnTo>
                  <a:lnTo>
                    <a:pt x="85344" y="0"/>
                  </a:lnTo>
                  <a:close/>
                </a:path>
                <a:path w="483234" h="5080">
                  <a:moveTo>
                    <a:pt x="91440" y="0"/>
                  </a:moveTo>
                  <a:lnTo>
                    <a:pt x="88392" y="0"/>
                  </a:lnTo>
                  <a:lnTo>
                    <a:pt x="88392" y="4572"/>
                  </a:lnTo>
                  <a:lnTo>
                    <a:pt x="91440" y="4572"/>
                  </a:lnTo>
                  <a:lnTo>
                    <a:pt x="91440" y="0"/>
                  </a:lnTo>
                  <a:close/>
                </a:path>
                <a:path w="483234" h="5080">
                  <a:moveTo>
                    <a:pt x="99060" y="0"/>
                  </a:moveTo>
                  <a:lnTo>
                    <a:pt x="96012" y="0"/>
                  </a:lnTo>
                  <a:lnTo>
                    <a:pt x="96012" y="4572"/>
                  </a:lnTo>
                  <a:lnTo>
                    <a:pt x="99060" y="4572"/>
                  </a:lnTo>
                  <a:lnTo>
                    <a:pt x="99060" y="0"/>
                  </a:lnTo>
                  <a:close/>
                </a:path>
                <a:path w="483234" h="5080">
                  <a:moveTo>
                    <a:pt x="105156" y="0"/>
                  </a:moveTo>
                  <a:lnTo>
                    <a:pt x="102108" y="0"/>
                  </a:lnTo>
                  <a:lnTo>
                    <a:pt x="102108" y="4572"/>
                  </a:lnTo>
                  <a:lnTo>
                    <a:pt x="105156" y="4572"/>
                  </a:lnTo>
                  <a:lnTo>
                    <a:pt x="105156" y="0"/>
                  </a:lnTo>
                  <a:close/>
                </a:path>
                <a:path w="483234" h="5080">
                  <a:moveTo>
                    <a:pt x="112776" y="0"/>
                  </a:moveTo>
                  <a:lnTo>
                    <a:pt x="109728" y="0"/>
                  </a:lnTo>
                  <a:lnTo>
                    <a:pt x="109728" y="4572"/>
                  </a:lnTo>
                  <a:lnTo>
                    <a:pt x="112776" y="4572"/>
                  </a:lnTo>
                  <a:lnTo>
                    <a:pt x="112776" y="0"/>
                  </a:lnTo>
                  <a:close/>
                </a:path>
                <a:path w="483234" h="5080">
                  <a:moveTo>
                    <a:pt x="118872" y="0"/>
                  </a:moveTo>
                  <a:lnTo>
                    <a:pt x="115824" y="0"/>
                  </a:lnTo>
                  <a:lnTo>
                    <a:pt x="115824" y="4572"/>
                  </a:lnTo>
                  <a:lnTo>
                    <a:pt x="118872" y="4572"/>
                  </a:lnTo>
                  <a:lnTo>
                    <a:pt x="118872" y="0"/>
                  </a:lnTo>
                  <a:close/>
                </a:path>
                <a:path w="483234" h="5080">
                  <a:moveTo>
                    <a:pt x="126492" y="0"/>
                  </a:moveTo>
                  <a:lnTo>
                    <a:pt x="123444" y="0"/>
                  </a:lnTo>
                  <a:lnTo>
                    <a:pt x="123444" y="4572"/>
                  </a:lnTo>
                  <a:lnTo>
                    <a:pt x="126492" y="4572"/>
                  </a:lnTo>
                  <a:lnTo>
                    <a:pt x="126492" y="0"/>
                  </a:lnTo>
                  <a:close/>
                </a:path>
                <a:path w="483234" h="5080">
                  <a:moveTo>
                    <a:pt x="132588" y="0"/>
                  </a:moveTo>
                  <a:lnTo>
                    <a:pt x="129540" y="0"/>
                  </a:lnTo>
                  <a:lnTo>
                    <a:pt x="129540" y="4572"/>
                  </a:lnTo>
                  <a:lnTo>
                    <a:pt x="132588" y="4572"/>
                  </a:lnTo>
                  <a:lnTo>
                    <a:pt x="132588" y="0"/>
                  </a:lnTo>
                  <a:close/>
                </a:path>
                <a:path w="483234" h="5080">
                  <a:moveTo>
                    <a:pt x="140208" y="0"/>
                  </a:moveTo>
                  <a:lnTo>
                    <a:pt x="137160" y="0"/>
                  </a:lnTo>
                  <a:lnTo>
                    <a:pt x="137160" y="4572"/>
                  </a:lnTo>
                  <a:lnTo>
                    <a:pt x="140208" y="4572"/>
                  </a:lnTo>
                  <a:lnTo>
                    <a:pt x="140208" y="0"/>
                  </a:lnTo>
                  <a:close/>
                </a:path>
                <a:path w="483234" h="5080">
                  <a:moveTo>
                    <a:pt x="146304" y="0"/>
                  </a:moveTo>
                  <a:lnTo>
                    <a:pt x="143256" y="0"/>
                  </a:lnTo>
                  <a:lnTo>
                    <a:pt x="143256" y="4572"/>
                  </a:lnTo>
                  <a:lnTo>
                    <a:pt x="146304" y="4572"/>
                  </a:lnTo>
                  <a:lnTo>
                    <a:pt x="146304" y="0"/>
                  </a:lnTo>
                  <a:close/>
                </a:path>
                <a:path w="483234" h="5080">
                  <a:moveTo>
                    <a:pt x="153924" y="0"/>
                  </a:moveTo>
                  <a:lnTo>
                    <a:pt x="150876" y="0"/>
                  </a:lnTo>
                  <a:lnTo>
                    <a:pt x="150876" y="4572"/>
                  </a:lnTo>
                  <a:lnTo>
                    <a:pt x="153924" y="4572"/>
                  </a:lnTo>
                  <a:lnTo>
                    <a:pt x="153924" y="0"/>
                  </a:lnTo>
                  <a:close/>
                </a:path>
                <a:path w="483234" h="5080">
                  <a:moveTo>
                    <a:pt x="160020" y="0"/>
                  </a:moveTo>
                  <a:lnTo>
                    <a:pt x="156972" y="0"/>
                  </a:lnTo>
                  <a:lnTo>
                    <a:pt x="156972" y="4572"/>
                  </a:lnTo>
                  <a:lnTo>
                    <a:pt x="160020" y="4572"/>
                  </a:lnTo>
                  <a:lnTo>
                    <a:pt x="160020" y="0"/>
                  </a:lnTo>
                  <a:close/>
                </a:path>
                <a:path w="483234" h="5080">
                  <a:moveTo>
                    <a:pt x="167640" y="0"/>
                  </a:moveTo>
                  <a:lnTo>
                    <a:pt x="164592" y="0"/>
                  </a:lnTo>
                  <a:lnTo>
                    <a:pt x="164592" y="4572"/>
                  </a:lnTo>
                  <a:lnTo>
                    <a:pt x="167640" y="4572"/>
                  </a:lnTo>
                  <a:lnTo>
                    <a:pt x="167640" y="0"/>
                  </a:lnTo>
                  <a:close/>
                </a:path>
                <a:path w="483234" h="5080">
                  <a:moveTo>
                    <a:pt x="173736" y="0"/>
                  </a:moveTo>
                  <a:lnTo>
                    <a:pt x="170688" y="0"/>
                  </a:lnTo>
                  <a:lnTo>
                    <a:pt x="170688" y="4572"/>
                  </a:lnTo>
                  <a:lnTo>
                    <a:pt x="173736" y="4572"/>
                  </a:lnTo>
                  <a:lnTo>
                    <a:pt x="173736" y="0"/>
                  </a:lnTo>
                  <a:close/>
                </a:path>
                <a:path w="483234" h="5080">
                  <a:moveTo>
                    <a:pt x="181356" y="0"/>
                  </a:moveTo>
                  <a:lnTo>
                    <a:pt x="178308" y="0"/>
                  </a:lnTo>
                  <a:lnTo>
                    <a:pt x="178308" y="4572"/>
                  </a:lnTo>
                  <a:lnTo>
                    <a:pt x="181356" y="4572"/>
                  </a:lnTo>
                  <a:lnTo>
                    <a:pt x="181356" y="0"/>
                  </a:lnTo>
                  <a:close/>
                </a:path>
                <a:path w="483234" h="5080">
                  <a:moveTo>
                    <a:pt x="187452" y="0"/>
                  </a:moveTo>
                  <a:lnTo>
                    <a:pt x="184404" y="0"/>
                  </a:lnTo>
                  <a:lnTo>
                    <a:pt x="184404" y="4572"/>
                  </a:lnTo>
                  <a:lnTo>
                    <a:pt x="187452" y="4572"/>
                  </a:lnTo>
                  <a:lnTo>
                    <a:pt x="187452" y="0"/>
                  </a:lnTo>
                  <a:close/>
                </a:path>
                <a:path w="483234" h="5080">
                  <a:moveTo>
                    <a:pt x="195072" y="0"/>
                  </a:moveTo>
                  <a:lnTo>
                    <a:pt x="192024" y="0"/>
                  </a:lnTo>
                  <a:lnTo>
                    <a:pt x="192024" y="4572"/>
                  </a:lnTo>
                  <a:lnTo>
                    <a:pt x="195072" y="4572"/>
                  </a:lnTo>
                  <a:lnTo>
                    <a:pt x="195072" y="0"/>
                  </a:lnTo>
                  <a:close/>
                </a:path>
                <a:path w="483234" h="5080">
                  <a:moveTo>
                    <a:pt x="201168" y="0"/>
                  </a:moveTo>
                  <a:lnTo>
                    <a:pt x="198120" y="0"/>
                  </a:lnTo>
                  <a:lnTo>
                    <a:pt x="198120" y="4572"/>
                  </a:lnTo>
                  <a:lnTo>
                    <a:pt x="201168" y="4572"/>
                  </a:lnTo>
                  <a:lnTo>
                    <a:pt x="201168" y="0"/>
                  </a:lnTo>
                  <a:close/>
                </a:path>
                <a:path w="483234" h="5080">
                  <a:moveTo>
                    <a:pt x="208788" y="0"/>
                  </a:moveTo>
                  <a:lnTo>
                    <a:pt x="205740" y="0"/>
                  </a:lnTo>
                  <a:lnTo>
                    <a:pt x="205740" y="4572"/>
                  </a:lnTo>
                  <a:lnTo>
                    <a:pt x="208788" y="4572"/>
                  </a:lnTo>
                  <a:lnTo>
                    <a:pt x="208788" y="0"/>
                  </a:lnTo>
                  <a:close/>
                </a:path>
                <a:path w="483234" h="5080">
                  <a:moveTo>
                    <a:pt x="214884" y="0"/>
                  </a:moveTo>
                  <a:lnTo>
                    <a:pt x="211836" y="0"/>
                  </a:lnTo>
                  <a:lnTo>
                    <a:pt x="211836" y="4572"/>
                  </a:lnTo>
                  <a:lnTo>
                    <a:pt x="214884" y="4572"/>
                  </a:lnTo>
                  <a:lnTo>
                    <a:pt x="214884" y="0"/>
                  </a:lnTo>
                  <a:close/>
                </a:path>
                <a:path w="483234" h="5080">
                  <a:moveTo>
                    <a:pt x="222504" y="0"/>
                  </a:moveTo>
                  <a:lnTo>
                    <a:pt x="219456" y="0"/>
                  </a:lnTo>
                  <a:lnTo>
                    <a:pt x="219456" y="4572"/>
                  </a:lnTo>
                  <a:lnTo>
                    <a:pt x="222504" y="4572"/>
                  </a:lnTo>
                  <a:lnTo>
                    <a:pt x="222504" y="0"/>
                  </a:lnTo>
                  <a:close/>
                </a:path>
                <a:path w="483234" h="5080">
                  <a:moveTo>
                    <a:pt x="228600" y="0"/>
                  </a:moveTo>
                  <a:lnTo>
                    <a:pt x="225552" y="0"/>
                  </a:lnTo>
                  <a:lnTo>
                    <a:pt x="225552" y="4572"/>
                  </a:lnTo>
                  <a:lnTo>
                    <a:pt x="228600" y="4572"/>
                  </a:lnTo>
                  <a:lnTo>
                    <a:pt x="228600" y="0"/>
                  </a:lnTo>
                  <a:close/>
                </a:path>
                <a:path w="483234" h="5080">
                  <a:moveTo>
                    <a:pt x="236220" y="0"/>
                  </a:moveTo>
                  <a:lnTo>
                    <a:pt x="233172" y="0"/>
                  </a:lnTo>
                  <a:lnTo>
                    <a:pt x="233172" y="4572"/>
                  </a:lnTo>
                  <a:lnTo>
                    <a:pt x="236220" y="4572"/>
                  </a:lnTo>
                  <a:lnTo>
                    <a:pt x="236220" y="0"/>
                  </a:lnTo>
                  <a:close/>
                </a:path>
                <a:path w="483234" h="5080">
                  <a:moveTo>
                    <a:pt x="242316" y="0"/>
                  </a:moveTo>
                  <a:lnTo>
                    <a:pt x="239268" y="0"/>
                  </a:lnTo>
                  <a:lnTo>
                    <a:pt x="239268" y="4572"/>
                  </a:lnTo>
                  <a:lnTo>
                    <a:pt x="242316" y="4572"/>
                  </a:lnTo>
                  <a:lnTo>
                    <a:pt x="242316" y="0"/>
                  </a:lnTo>
                  <a:close/>
                </a:path>
                <a:path w="483234" h="5080">
                  <a:moveTo>
                    <a:pt x="249936" y="0"/>
                  </a:moveTo>
                  <a:lnTo>
                    <a:pt x="246888" y="0"/>
                  </a:lnTo>
                  <a:lnTo>
                    <a:pt x="246888" y="4572"/>
                  </a:lnTo>
                  <a:lnTo>
                    <a:pt x="249936" y="4572"/>
                  </a:lnTo>
                  <a:lnTo>
                    <a:pt x="249936" y="0"/>
                  </a:lnTo>
                  <a:close/>
                </a:path>
                <a:path w="483234" h="5080">
                  <a:moveTo>
                    <a:pt x="256032" y="0"/>
                  </a:moveTo>
                  <a:lnTo>
                    <a:pt x="252984" y="0"/>
                  </a:lnTo>
                  <a:lnTo>
                    <a:pt x="252984" y="4572"/>
                  </a:lnTo>
                  <a:lnTo>
                    <a:pt x="256032" y="4572"/>
                  </a:lnTo>
                  <a:lnTo>
                    <a:pt x="256032" y="0"/>
                  </a:lnTo>
                  <a:close/>
                </a:path>
                <a:path w="483234" h="5080">
                  <a:moveTo>
                    <a:pt x="263652" y="0"/>
                  </a:moveTo>
                  <a:lnTo>
                    <a:pt x="260604" y="0"/>
                  </a:lnTo>
                  <a:lnTo>
                    <a:pt x="260604" y="4572"/>
                  </a:lnTo>
                  <a:lnTo>
                    <a:pt x="263652" y="4572"/>
                  </a:lnTo>
                  <a:lnTo>
                    <a:pt x="263652" y="0"/>
                  </a:lnTo>
                  <a:close/>
                </a:path>
                <a:path w="483234" h="5080">
                  <a:moveTo>
                    <a:pt x="269748" y="0"/>
                  </a:moveTo>
                  <a:lnTo>
                    <a:pt x="266700" y="0"/>
                  </a:lnTo>
                  <a:lnTo>
                    <a:pt x="266700" y="4572"/>
                  </a:lnTo>
                  <a:lnTo>
                    <a:pt x="269748" y="4572"/>
                  </a:lnTo>
                  <a:lnTo>
                    <a:pt x="269748" y="0"/>
                  </a:lnTo>
                  <a:close/>
                </a:path>
                <a:path w="483234" h="5080">
                  <a:moveTo>
                    <a:pt x="277368" y="0"/>
                  </a:moveTo>
                  <a:lnTo>
                    <a:pt x="274320" y="0"/>
                  </a:lnTo>
                  <a:lnTo>
                    <a:pt x="274320" y="4572"/>
                  </a:lnTo>
                  <a:lnTo>
                    <a:pt x="277368" y="4572"/>
                  </a:lnTo>
                  <a:lnTo>
                    <a:pt x="277368" y="0"/>
                  </a:lnTo>
                  <a:close/>
                </a:path>
                <a:path w="483234" h="5080">
                  <a:moveTo>
                    <a:pt x="283464" y="0"/>
                  </a:moveTo>
                  <a:lnTo>
                    <a:pt x="280416" y="0"/>
                  </a:lnTo>
                  <a:lnTo>
                    <a:pt x="280416" y="4572"/>
                  </a:lnTo>
                  <a:lnTo>
                    <a:pt x="283464" y="4572"/>
                  </a:lnTo>
                  <a:lnTo>
                    <a:pt x="283464" y="0"/>
                  </a:lnTo>
                  <a:close/>
                </a:path>
                <a:path w="483234" h="5080">
                  <a:moveTo>
                    <a:pt x="291084" y="0"/>
                  </a:moveTo>
                  <a:lnTo>
                    <a:pt x="288036" y="0"/>
                  </a:lnTo>
                  <a:lnTo>
                    <a:pt x="288036" y="4572"/>
                  </a:lnTo>
                  <a:lnTo>
                    <a:pt x="291084" y="4572"/>
                  </a:lnTo>
                  <a:lnTo>
                    <a:pt x="291084" y="0"/>
                  </a:lnTo>
                  <a:close/>
                </a:path>
                <a:path w="483234" h="5080">
                  <a:moveTo>
                    <a:pt x="297180" y="0"/>
                  </a:moveTo>
                  <a:lnTo>
                    <a:pt x="294132" y="0"/>
                  </a:lnTo>
                  <a:lnTo>
                    <a:pt x="294132" y="4572"/>
                  </a:lnTo>
                  <a:lnTo>
                    <a:pt x="297180" y="4572"/>
                  </a:lnTo>
                  <a:lnTo>
                    <a:pt x="297180" y="0"/>
                  </a:lnTo>
                  <a:close/>
                </a:path>
                <a:path w="483234" h="5080">
                  <a:moveTo>
                    <a:pt x="304800" y="0"/>
                  </a:moveTo>
                  <a:lnTo>
                    <a:pt x="301752" y="0"/>
                  </a:lnTo>
                  <a:lnTo>
                    <a:pt x="301752" y="4572"/>
                  </a:lnTo>
                  <a:lnTo>
                    <a:pt x="304800" y="4572"/>
                  </a:lnTo>
                  <a:lnTo>
                    <a:pt x="304800" y="0"/>
                  </a:lnTo>
                  <a:close/>
                </a:path>
                <a:path w="483234" h="5080">
                  <a:moveTo>
                    <a:pt x="310896" y="0"/>
                  </a:moveTo>
                  <a:lnTo>
                    <a:pt x="307848" y="0"/>
                  </a:lnTo>
                  <a:lnTo>
                    <a:pt x="307848" y="4572"/>
                  </a:lnTo>
                  <a:lnTo>
                    <a:pt x="310896" y="4572"/>
                  </a:lnTo>
                  <a:lnTo>
                    <a:pt x="310896" y="0"/>
                  </a:lnTo>
                  <a:close/>
                </a:path>
                <a:path w="483234" h="5080">
                  <a:moveTo>
                    <a:pt x="318516" y="0"/>
                  </a:moveTo>
                  <a:lnTo>
                    <a:pt x="315468" y="0"/>
                  </a:lnTo>
                  <a:lnTo>
                    <a:pt x="315468" y="4572"/>
                  </a:lnTo>
                  <a:lnTo>
                    <a:pt x="318516" y="4572"/>
                  </a:lnTo>
                  <a:lnTo>
                    <a:pt x="318516" y="0"/>
                  </a:lnTo>
                  <a:close/>
                </a:path>
                <a:path w="483234" h="5080">
                  <a:moveTo>
                    <a:pt x="324612" y="0"/>
                  </a:moveTo>
                  <a:lnTo>
                    <a:pt x="321564" y="0"/>
                  </a:lnTo>
                  <a:lnTo>
                    <a:pt x="321564" y="4572"/>
                  </a:lnTo>
                  <a:lnTo>
                    <a:pt x="324612" y="4572"/>
                  </a:lnTo>
                  <a:lnTo>
                    <a:pt x="324612" y="0"/>
                  </a:lnTo>
                  <a:close/>
                </a:path>
                <a:path w="483234" h="5080">
                  <a:moveTo>
                    <a:pt x="332232" y="0"/>
                  </a:moveTo>
                  <a:lnTo>
                    <a:pt x="329184" y="0"/>
                  </a:lnTo>
                  <a:lnTo>
                    <a:pt x="329184" y="4572"/>
                  </a:lnTo>
                  <a:lnTo>
                    <a:pt x="332232" y="4572"/>
                  </a:lnTo>
                  <a:lnTo>
                    <a:pt x="332232" y="0"/>
                  </a:lnTo>
                  <a:close/>
                </a:path>
                <a:path w="483234" h="5080">
                  <a:moveTo>
                    <a:pt x="338328" y="0"/>
                  </a:moveTo>
                  <a:lnTo>
                    <a:pt x="335280" y="0"/>
                  </a:lnTo>
                  <a:lnTo>
                    <a:pt x="335280" y="4572"/>
                  </a:lnTo>
                  <a:lnTo>
                    <a:pt x="338328" y="4572"/>
                  </a:lnTo>
                  <a:lnTo>
                    <a:pt x="338328" y="0"/>
                  </a:lnTo>
                  <a:close/>
                </a:path>
                <a:path w="483234" h="5080">
                  <a:moveTo>
                    <a:pt x="345948" y="0"/>
                  </a:moveTo>
                  <a:lnTo>
                    <a:pt x="342900" y="0"/>
                  </a:lnTo>
                  <a:lnTo>
                    <a:pt x="342900"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6616" y="0"/>
                  </a:lnTo>
                  <a:lnTo>
                    <a:pt x="356616"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70332" y="0"/>
                  </a:lnTo>
                  <a:lnTo>
                    <a:pt x="370332"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4048" y="0"/>
                  </a:lnTo>
                  <a:lnTo>
                    <a:pt x="384048"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7764" y="0"/>
                  </a:lnTo>
                  <a:lnTo>
                    <a:pt x="397764"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11480" y="0"/>
                  </a:lnTo>
                  <a:lnTo>
                    <a:pt x="411480"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5196" y="0"/>
                  </a:lnTo>
                  <a:lnTo>
                    <a:pt x="425196"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8912" y="0"/>
                  </a:lnTo>
                  <a:lnTo>
                    <a:pt x="438912"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2628" y="0"/>
                  </a:lnTo>
                  <a:lnTo>
                    <a:pt x="452628"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6344" y="0"/>
                  </a:lnTo>
                  <a:lnTo>
                    <a:pt x="466344"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20" name="object 120"/>
            <p:cNvSpPr/>
            <p:nvPr/>
          </p:nvSpPr>
          <p:spPr>
            <a:xfrm>
              <a:off x="9515856" y="2843783"/>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9144" y="0"/>
                  </a:moveTo>
                  <a:lnTo>
                    <a:pt x="6096" y="0"/>
                  </a:lnTo>
                  <a:lnTo>
                    <a:pt x="6096" y="4572"/>
                  </a:lnTo>
                  <a:lnTo>
                    <a:pt x="9144" y="4572"/>
                  </a:lnTo>
                  <a:lnTo>
                    <a:pt x="9144" y="0"/>
                  </a:lnTo>
                  <a:close/>
                </a:path>
                <a:path w="483234" h="5080">
                  <a:moveTo>
                    <a:pt x="16764" y="0"/>
                  </a:moveTo>
                  <a:lnTo>
                    <a:pt x="13716" y="0"/>
                  </a:lnTo>
                  <a:lnTo>
                    <a:pt x="13716" y="4572"/>
                  </a:lnTo>
                  <a:lnTo>
                    <a:pt x="16764" y="4572"/>
                  </a:lnTo>
                  <a:lnTo>
                    <a:pt x="16764" y="0"/>
                  </a:lnTo>
                  <a:close/>
                </a:path>
                <a:path w="483234" h="5080">
                  <a:moveTo>
                    <a:pt x="22860" y="0"/>
                  </a:moveTo>
                  <a:lnTo>
                    <a:pt x="19812" y="0"/>
                  </a:lnTo>
                  <a:lnTo>
                    <a:pt x="19812" y="4572"/>
                  </a:lnTo>
                  <a:lnTo>
                    <a:pt x="22860" y="4572"/>
                  </a:lnTo>
                  <a:lnTo>
                    <a:pt x="22860" y="0"/>
                  </a:lnTo>
                  <a:close/>
                </a:path>
                <a:path w="483234" h="5080">
                  <a:moveTo>
                    <a:pt x="30480" y="0"/>
                  </a:moveTo>
                  <a:lnTo>
                    <a:pt x="27432" y="0"/>
                  </a:lnTo>
                  <a:lnTo>
                    <a:pt x="27432" y="4572"/>
                  </a:lnTo>
                  <a:lnTo>
                    <a:pt x="30480" y="4572"/>
                  </a:lnTo>
                  <a:lnTo>
                    <a:pt x="30480" y="0"/>
                  </a:lnTo>
                  <a:close/>
                </a:path>
                <a:path w="483234" h="5080">
                  <a:moveTo>
                    <a:pt x="36576" y="0"/>
                  </a:moveTo>
                  <a:lnTo>
                    <a:pt x="33528" y="0"/>
                  </a:lnTo>
                  <a:lnTo>
                    <a:pt x="33528" y="4572"/>
                  </a:lnTo>
                  <a:lnTo>
                    <a:pt x="36576" y="4572"/>
                  </a:lnTo>
                  <a:lnTo>
                    <a:pt x="36576" y="0"/>
                  </a:lnTo>
                  <a:close/>
                </a:path>
                <a:path w="483234" h="5080">
                  <a:moveTo>
                    <a:pt x="44196" y="0"/>
                  </a:moveTo>
                  <a:lnTo>
                    <a:pt x="41148" y="0"/>
                  </a:lnTo>
                  <a:lnTo>
                    <a:pt x="41148" y="4572"/>
                  </a:lnTo>
                  <a:lnTo>
                    <a:pt x="44196" y="4572"/>
                  </a:lnTo>
                  <a:lnTo>
                    <a:pt x="44196" y="0"/>
                  </a:lnTo>
                  <a:close/>
                </a:path>
                <a:path w="483234" h="5080">
                  <a:moveTo>
                    <a:pt x="50292" y="0"/>
                  </a:moveTo>
                  <a:lnTo>
                    <a:pt x="47244" y="0"/>
                  </a:lnTo>
                  <a:lnTo>
                    <a:pt x="47244" y="4572"/>
                  </a:lnTo>
                  <a:lnTo>
                    <a:pt x="50292" y="4572"/>
                  </a:lnTo>
                  <a:lnTo>
                    <a:pt x="50292" y="0"/>
                  </a:lnTo>
                  <a:close/>
                </a:path>
                <a:path w="483234" h="5080">
                  <a:moveTo>
                    <a:pt x="57912" y="0"/>
                  </a:moveTo>
                  <a:lnTo>
                    <a:pt x="54864" y="0"/>
                  </a:lnTo>
                  <a:lnTo>
                    <a:pt x="54864" y="4572"/>
                  </a:lnTo>
                  <a:lnTo>
                    <a:pt x="57912" y="4572"/>
                  </a:lnTo>
                  <a:lnTo>
                    <a:pt x="57912" y="0"/>
                  </a:lnTo>
                  <a:close/>
                </a:path>
                <a:path w="483234" h="5080">
                  <a:moveTo>
                    <a:pt x="64008" y="0"/>
                  </a:moveTo>
                  <a:lnTo>
                    <a:pt x="60960" y="0"/>
                  </a:lnTo>
                  <a:lnTo>
                    <a:pt x="60960" y="4572"/>
                  </a:lnTo>
                  <a:lnTo>
                    <a:pt x="64008" y="4572"/>
                  </a:lnTo>
                  <a:lnTo>
                    <a:pt x="64008" y="0"/>
                  </a:lnTo>
                  <a:close/>
                </a:path>
                <a:path w="483234" h="5080">
                  <a:moveTo>
                    <a:pt x="71628" y="0"/>
                  </a:moveTo>
                  <a:lnTo>
                    <a:pt x="68580" y="0"/>
                  </a:lnTo>
                  <a:lnTo>
                    <a:pt x="68580" y="4572"/>
                  </a:lnTo>
                  <a:lnTo>
                    <a:pt x="71628" y="4572"/>
                  </a:lnTo>
                  <a:lnTo>
                    <a:pt x="71628" y="0"/>
                  </a:lnTo>
                  <a:close/>
                </a:path>
                <a:path w="483234" h="5080">
                  <a:moveTo>
                    <a:pt x="77724" y="0"/>
                  </a:moveTo>
                  <a:lnTo>
                    <a:pt x="74676" y="0"/>
                  </a:lnTo>
                  <a:lnTo>
                    <a:pt x="74676" y="4572"/>
                  </a:lnTo>
                  <a:lnTo>
                    <a:pt x="77724" y="4572"/>
                  </a:lnTo>
                  <a:lnTo>
                    <a:pt x="77724" y="0"/>
                  </a:lnTo>
                  <a:close/>
                </a:path>
                <a:path w="483234" h="5080">
                  <a:moveTo>
                    <a:pt x="85344" y="0"/>
                  </a:moveTo>
                  <a:lnTo>
                    <a:pt x="82296" y="0"/>
                  </a:lnTo>
                  <a:lnTo>
                    <a:pt x="82296" y="4572"/>
                  </a:lnTo>
                  <a:lnTo>
                    <a:pt x="85344" y="4572"/>
                  </a:lnTo>
                  <a:lnTo>
                    <a:pt x="85344" y="0"/>
                  </a:lnTo>
                  <a:close/>
                </a:path>
                <a:path w="483234" h="5080">
                  <a:moveTo>
                    <a:pt x="91440" y="0"/>
                  </a:moveTo>
                  <a:lnTo>
                    <a:pt x="88392" y="0"/>
                  </a:lnTo>
                  <a:lnTo>
                    <a:pt x="88392" y="4572"/>
                  </a:lnTo>
                  <a:lnTo>
                    <a:pt x="91440" y="4572"/>
                  </a:lnTo>
                  <a:lnTo>
                    <a:pt x="91440" y="0"/>
                  </a:lnTo>
                  <a:close/>
                </a:path>
                <a:path w="483234" h="5080">
                  <a:moveTo>
                    <a:pt x="99060" y="0"/>
                  </a:moveTo>
                  <a:lnTo>
                    <a:pt x="96012" y="0"/>
                  </a:lnTo>
                  <a:lnTo>
                    <a:pt x="96012" y="4572"/>
                  </a:lnTo>
                  <a:lnTo>
                    <a:pt x="99060" y="4572"/>
                  </a:lnTo>
                  <a:lnTo>
                    <a:pt x="99060" y="0"/>
                  </a:lnTo>
                  <a:close/>
                </a:path>
                <a:path w="483234" h="5080">
                  <a:moveTo>
                    <a:pt x="105156" y="0"/>
                  </a:moveTo>
                  <a:lnTo>
                    <a:pt x="102108" y="0"/>
                  </a:lnTo>
                  <a:lnTo>
                    <a:pt x="102108" y="4572"/>
                  </a:lnTo>
                  <a:lnTo>
                    <a:pt x="105156" y="4572"/>
                  </a:lnTo>
                  <a:lnTo>
                    <a:pt x="105156" y="0"/>
                  </a:lnTo>
                  <a:close/>
                </a:path>
                <a:path w="483234" h="5080">
                  <a:moveTo>
                    <a:pt x="112776" y="0"/>
                  </a:moveTo>
                  <a:lnTo>
                    <a:pt x="109728" y="0"/>
                  </a:lnTo>
                  <a:lnTo>
                    <a:pt x="109728" y="4572"/>
                  </a:lnTo>
                  <a:lnTo>
                    <a:pt x="112776" y="4572"/>
                  </a:lnTo>
                  <a:lnTo>
                    <a:pt x="112776" y="0"/>
                  </a:lnTo>
                  <a:close/>
                </a:path>
                <a:path w="483234" h="5080">
                  <a:moveTo>
                    <a:pt x="118872" y="0"/>
                  </a:moveTo>
                  <a:lnTo>
                    <a:pt x="115824" y="0"/>
                  </a:lnTo>
                  <a:lnTo>
                    <a:pt x="115824" y="4572"/>
                  </a:lnTo>
                  <a:lnTo>
                    <a:pt x="118872" y="4572"/>
                  </a:lnTo>
                  <a:lnTo>
                    <a:pt x="118872" y="0"/>
                  </a:lnTo>
                  <a:close/>
                </a:path>
                <a:path w="483234" h="5080">
                  <a:moveTo>
                    <a:pt x="126492" y="0"/>
                  </a:moveTo>
                  <a:lnTo>
                    <a:pt x="121920" y="0"/>
                  </a:lnTo>
                  <a:lnTo>
                    <a:pt x="121920" y="4572"/>
                  </a:lnTo>
                  <a:lnTo>
                    <a:pt x="126492" y="4572"/>
                  </a:lnTo>
                  <a:lnTo>
                    <a:pt x="126492" y="0"/>
                  </a:lnTo>
                  <a:close/>
                </a:path>
                <a:path w="483234" h="5080">
                  <a:moveTo>
                    <a:pt x="132588" y="0"/>
                  </a:moveTo>
                  <a:lnTo>
                    <a:pt x="129540" y="0"/>
                  </a:lnTo>
                  <a:lnTo>
                    <a:pt x="129540" y="4572"/>
                  </a:lnTo>
                  <a:lnTo>
                    <a:pt x="132588" y="4572"/>
                  </a:lnTo>
                  <a:lnTo>
                    <a:pt x="132588" y="0"/>
                  </a:lnTo>
                  <a:close/>
                </a:path>
                <a:path w="483234" h="5080">
                  <a:moveTo>
                    <a:pt x="140208" y="0"/>
                  </a:moveTo>
                  <a:lnTo>
                    <a:pt x="135636" y="0"/>
                  </a:lnTo>
                  <a:lnTo>
                    <a:pt x="135636" y="4572"/>
                  </a:lnTo>
                  <a:lnTo>
                    <a:pt x="140208" y="4572"/>
                  </a:lnTo>
                  <a:lnTo>
                    <a:pt x="140208" y="0"/>
                  </a:lnTo>
                  <a:close/>
                </a:path>
                <a:path w="483234" h="5080">
                  <a:moveTo>
                    <a:pt x="146304" y="0"/>
                  </a:moveTo>
                  <a:lnTo>
                    <a:pt x="143256" y="0"/>
                  </a:lnTo>
                  <a:lnTo>
                    <a:pt x="143256" y="4572"/>
                  </a:lnTo>
                  <a:lnTo>
                    <a:pt x="146304" y="4572"/>
                  </a:lnTo>
                  <a:lnTo>
                    <a:pt x="146304" y="0"/>
                  </a:lnTo>
                  <a:close/>
                </a:path>
                <a:path w="483234" h="5080">
                  <a:moveTo>
                    <a:pt x="153924" y="0"/>
                  </a:moveTo>
                  <a:lnTo>
                    <a:pt x="149352" y="0"/>
                  </a:lnTo>
                  <a:lnTo>
                    <a:pt x="149352" y="4572"/>
                  </a:lnTo>
                  <a:lnTo>
                    <a:pt x="153924" y="4572"/>
                  </a:lnTo>
                  <a:lnTo>
                    <a:pt x="153924" y="0"/>
                  </a:lnTo>
                  <a:close/>
                </a:path>
                <a:path w="483234" h="5080">
                  <a:moveTo>
                    <a:pt x="160020" y="0"/>
                  </a:moveTo>
                  <a:lnTo>
                    <a:pt x="156972" y="0"/>
                  </a:lnTo>
                  <a:lnTo>
                    <a:pt x="156972" y="4572"/>
                  </a:lnTo>
                  <a:lnTo>
                    <a:pt x="160020" y="4572"/>
                  </a:lnTo>
                  <a:lnTo>
                    <a:pt x="160020" y="0"/>
                  </a:lnTo>
                  <a:close/>
                </a:path>
                <a:path w="483234" h="5080">
                  <a:moveTo>
                    <a:pt x="167640" y="0"/>
                  </a:moveTo>
                  <a:lnTo>
                    <a:pt x="163068" y="0"/>
                  </a:lnTo>
                  <a:lnTo>
                    <a:pt x="163068" y="4572"/>
                  </a:lnTo>
                  <a:lnTo>
                    <a:pt x="167640" y="4572"/>
                  </a:lnTo>
                  <a:lnTo>
                    <a:pt x="167640" y="0"/>
                  </a:lnTo>
                  <a:close/>
                </a:path>
                <a:path w="483234" h="5080">
                  <a:moveTo>
                    <a:pt x="173736" y="0"/>
                  </a:moveTo>
                  <a:lnTo>
                    <a:pt x="170688" y="0"/>
                  </a:lnTo>
                  <a:lnTo>
                    <a:pt x="170688" y="4572"/>
                  </a:lnTo>
                  <a:lnTo>
                    <a:pt x="173736" y="4572"/>
                  </a:lnTo>
                  <a:lnTo>
                    <a:pt x="173736" y="0"/>
                  </a:lnTo>
                  <a:close/>
                </a:path>
                <a:path w="483234" h="5080">
                  <a:moveTo>
                    <a:pt x="181356" y="0"/>
                  </a:moveTo>
                  <a:lnTo>
                    <a:pt x="176784" y="0"/>
                  </a:lnTo>
                  <a:lnTo>
                    <a:pt x="176784" y="4572"/>
                  </a:lnTo>
                  <a:lnTo>
                    <a:pt x="181356" y="4572"/>
                  </a:lnTo>
                  <a:lnTo>
                    <a:pt x="181356" y="0"/>
                  </a:lnTo>
                  <a:close/>
                </a:path>
                <a:path w="483234" h="5080">
                  <a:moveTo>
                    <a:pt x="187452" y="0"/>
                  </a:moveTo>
                  <a:lnTo>
                    <a:pt x="184404" y="0"/>
                  </a:lnTo>
                  <a:lnTo>
                    <a:pt x="184404" y="4572"/>
                  </a:lnTo>
                  <a:lnTo>
                    <a:pt x="187452" y="4572"/>
                  </a:lnTo>
                  <a:lnTo>
                    <a:pt x="187452" y="0"/>
                  </a:lnTo>
                  <a:close/>
                </a:path>
                <a:path w="483234" h="5080">
                  <a:moveTo>
                    <a:pt x="195072" y="0"/>
                  </a:moveTo>
                  <a:lnTo>
                    <a:pt x="190500" y="0"/>
                  </a:lnTo>
                  <a:lnTo>
                    <a:pt x="190500" y="4572"/>
                  </a:lnTo>
                  <a:lnTo>
                    <a:pt x="195072" y="4572"/>
                  </a:lnTo>
                  <a:lnTo>
                    <a:pt x="195072" y="0"/>
                  </a:lnTo>
                  <a:close/>
                </a:path>
                <a:path w="483234" h="5080">
                  <a:moveTo>
                    <a:pt x="201168" y="0"/>
                  </a:moveTo>
                  <a:lnTo>
                    <a:pt x="198120" y="0"/>
                  </a:lnTo>
                  <a:lnTo>
                    <a:pt x="198120" y="4572"/>
                  </a:lnTo>
                  <a:lnTo>
                    <a:pt x="201168" y="4572"/>
                  </a:lnTo>
                  <a:lnTo>
                    <a:pt x="201168" y="0"/>
                  </a:lnTo>
                  <a:close/>
                </a:path>
                <a:path w="483234" h="5080">
                  <a:moveTo>
                    <a:pt x="208788" y="0"/>
                  </a:moveTo>
                  <a:lnTo>
                    <a:pt x="204216" y="0"/>
                  </a:lnTo>
                  <a:lnTo>
                    <a:pt x="204216" y="4572"/>
                  </a:lnTo>
                  <a:lnTo>
                    <a:pt x="208788" y="4572"/>
                  </a:lnTo>
                  <a:lnTo>
                    <a:pt x="208788" y="0"/>
                  </a:lnTo>
                  <a:close/>
                </a:path>
                <a:path w="483234" h="5080">
                  <a:moveTo>
                    <a:pt x="214884" y="0"/>
                  </a:moveTo>
                  <a:lnTo>
                    <a:pt x="211836" y="0"/>
                  </a:lnTo>
                  <a:lnTo>
                    <a:pt x="211836" y="4572"/>
                  </a:lnTo>
                  <a:lnTo>
                    <a:pt x="214884" y="4572"/>
                  </a:lnTo>
                  <a:lnTo>
                    <a:pt x="214884" y="0"/>
                  </a:lnTo>
                  <a:close/>
                </a:path>
                <a:path w="483234" h="5080">
                  <a:moveTo>
                    <a:pt x="222504" y="0"/>
                  </a:moveTo>
                  <a:lnTo>
                    <a:pt x="217932" y="0"/>
                  </a:lnTo>
                  <a:lnTo>
                    <a:pt x="217932" y="4572"/>
                  </a:lnTo>
                  <a:lnTo>
                    <a:pt x="222504" y="4572"/>
                  </a:lnTo>
                  <a:lnTo>
                    <a:pt x="222504" y="0"/>
                  </a:lnTo>
                  <a:close/>
                </a:path>
                <a:path w="483234" h="5080">
                  <a:moveTo>
                    <a:pt x="228600" y="0"/>
                  </a:moveTo>
                  <a:lnTo>
                    <a:pt x="225552" y="0"/>
                  </a:lnTo>
                  <a:lnTo>
                    <a:pt x="225552" y="4572"/>
                  </a:lnTo>
                  <a:lnTo>
                    <a:pt x="228600" y="4572"/>
                  </a:lnTo>
                  <a:lnTo>
                    <a:pt x="228600" y="0"/>
                  </a:lnTo>
                  <a:close/>
                </a:path>
                <a:path w="483234" h="5080">
                  <a:moveTo>
                    <a:pt x="236220" y="0"/>
                  </a:moveTo>
                  <a:lnTo>
                    <a:pt x="231648" y="0"/>
                  </a:lnTo>
                  <a:lnTo>
                    <a:pt x="231648" y="4572"/>
                  </a:lnTo>
                  <a:lnTo>
                    <a:pt x="236220" y="4572"/>
                  </a:lnTo>
                  <a:lnTo>
                    <a:pt x="236220" y="0"/>
                  </a:lnTo>
                  <a:close/>
                </a:path>
                <a:path w="483234" h="5080">
                  <a:moveTo>
                    <a:pt x="242316" y="0"/>
                  </a:moveTo>
                  <a:lnTo>
                    <a:pt x="239268" y="0"/>
                  </a:lnTo>
                  <a:lnTo>
                    <a:pt x="239268" y="4572"/>
                  </a:lnTo>
                  <a:lnTo>
                    <a:pt x="242316" y="4572"/>
                  </a:lnTo>
                  <a:lnTo>
                    <a:pt x="242316" y="0"/>
                  </a:lnTo>
                  <a:close/>
                </a:path>
                <a:path w="483234" h="5080">
                  <a:moveTo>
                    <a:pt x="249936" y="0"/>
                  </a:moveTo>
                  <a:lnTo>
                    <a:pt x="245364" y="0"/>
                  </a:lnTo>
                  <a:lnTo>
                    <a:pt x="245364" y="4572"/>
                  </a:lnTo>
                  <a:lnTo>
                    <a:pt x="249936" y="4572"/>
                  </a:lnTo>
                  <a:lnTo>
                    <a:pt x="249936" y="0"/>
                  </a:lnTo>
                  <a:close/>
                </a:path>
                <a:path w="483234" h="5080">
                  <a:moveTo>
                    <a:pt x="256032" y="0"/>
                  </a:moveTo>
                  <a:lnTo>
                    <a:pt x="252984" y="0"/>
                  </a:lnTo>
                  <a:lnTo>
                    <a:pt x="252984" y="4572"/>
                  </a:lnTo>
                  <a:lnTo>
                    <a:pt x="256032" y="4572"/>
                  </a:lnTo>
                  <a:lnTo>
                    <a:pt x="256032" y="0"/>
                  </a:lnTo>
                  <a:close/>
                </a:path>
                <a:path w="483234" h="5080">
                  <a:moveTo>
                    <a:pt x="263652" y="0"/>
                  </a:moveTo>
                  <a:lnTo>
                    <a:pt x="259080" y="0"/>
                  </a:lnTo>
                  <a:lnTo>
                    <a:pt x="259080" y="4572"/>
                  </a:lnTo>
                  <a:lnTo>
                    <a:pt x="263652" y="4572"/>
                  </a:lnTo>
                  <a:lnTo>
                    <a:pt x="263652" y="0"/>
                  </a:lnTo>
                  <a:close/>
                </a:path>
                <a:path w="483234" h="5080">
                  <a:moveTo>
                    <a:pt x="269748" y="0"/>
                  </a:moveTo>
                  <a:lnTo>
                    <a:pt x="266700" y="0"/>
                  </a:lnTo>
                  <a:lnTo>
                    <a:pt x="266700" y="4572"/>
                  </a:lnTo>
                  <a:lnTo>
                    <a:pt x="269748" y="4572"/>
                  </a:lnTo>
                  <a:lnTo>
                    <a:pt x="269748" y="0"/>
                  </a:lnTo>
                  <a:close/>
                </a:path>
                <a:path w="483234" h="5080">
                  <a:moveTo>
                    <a:pt x="277368" y="0"/>
                  </a:moveTo>
                  <a:lnTo>
                    <a:pt x="272796" y="0"/>
                  </a:lnTo>
                  <a:lnTo>
                    <a:pt x="272796" y="4572"/>
                  </a:lnTo>
                  <a:lnTo>
                    <a:pt x="277368" y="4572"/>
                  </a:lnTo>
                  <a:lnTo>
                    <a:pt x="277368" y="0"/>
                  </a:lnTo>
                  <a:close/>
                </a:path>
                <a:path w="483234" h="5080">
                  <a:moveTo>
                    <a:pt x="283464" y="0"/>
                  </a:moveTo>
                  <a:lnTo>
                    <a:pt x="280416" y="0"/>
                  </a:lnTo>
                  <a:lnTo>
                    <a:pt x="280416" y="4572"/>
                  </a:lnTo>
                  <a:lnTo>
                    <a:pt x="283464" y="4572"/>
                  </a:lnTo>
                  <a:lnTo>
                    <a:pt x="283464" y="0"/>
                  </a:lnTo>
                  <a:close/>
                </a:path>
                <a:path w="483234" h="5080">
                  <a:moveTo>
                    <a:pt x="291084" y="0"/>
                  </a:moveTo>
                  <a:lnTo>
                    <a:pt x="286512" y="0"/>
                  </a:lnTo>
                  <a:lnTo>
                    <a:pt x="286512" y="4572"/>
                  </a:lnTo>
                  <a:lnTo>
                    <a:pt x="291084" y="4572"/>
                  </a:lnTo>
                  <a:lnTo>
                    <a:pt x="291084" y="0"/>
                  </a:lnTo>
                  <a:close/>
                </a:path>
                <a:path w="483234" h="5080">
                  <a:moveTo>
                    <a:pt x="297180" y="0"/>
                  </a:moveTo>
                  <a:lnTo>
                    <a:pt x="294132" y="0"/>
                  </a:lnTo>
                  <a:lnTo>
                    <a:pt x="294132" y="4572"/>
                  </a:lnTo>
                  <a:lnTo>
                    <a:pt x="297180" y="4572"/>
                  </a:lnTo>
                  <a:lnTo>
                    <a:pt x="297180" y="0"/>
                  </a:lnTo>
                  <a:close/>
                </a:path>
                <a:path w="483234" h="5080">
                  <a:moveTo>
                    <a:pt x="304800" y="0"/>
                  </a:moveTo>
                  <a:lnTo>
                    <a:pt x="300228" y="0"/>
                  </a:lnTo>
                  <a:lnTo>
                    <a:pt x="300228" y="4572"/>
                  </a:lnTo>
                  <a:lnTo>
                    <a:pt x="304800" y="4572"/>
                  </a:lnTo>
                  <a:lnTo>
                    <a:pt x="304800" y="0"/>
                  </a:lnTo>
                  <a:close/>
                </a:path>
                <a:path w="483234" h="5080">
                  <a:moveTo>
                    <a:pt x="310896" y="0"/>
                  </a:moveTo>
                  <a:lnTo>
                    <a:pt x="307848" y="0"/>
                  </a:lnTo>
                  <a:lnTo>
                    <a:pt x="307848" y="4572"/>
                  </a:lnTo>
                  <a:lnTo>
                    <a:pt x="310896" y="4572"/>
                  </a:lnTo>
                  <a:lnTo>
                    <a:pt x="310896" y="0"/>
                  </a:lnTo>
                  <a:close/>
                </a:path>
                <a:path w="483234" h="5080">
                  <a:moveTo>
                    <a:pt x="318516" y="0"/>
                  </a:moveTo>
                  <a:lnTo>
                    <a:pt x="313944" y="0"/>
                  </a:lnTo>
                  <a:lnTo>
                    <a:pt x="313944" y="4572"/>
                  </a:lnTo>
                  <a:lnTo>
                    <a:pt x="318516" y="4572"/>
                  </a:lnTo>
                  <a:lnTo>
                    <a:pt x="318516" y="0"/>
                  </a:lnTo>
                  <a:close/>
                </a:path>
                <a:path w="483234" h="5080">
                  <a:moveTo>
                    <a:pt x="324612" y="0"/>
                  </a:moveTo>
                  <a:lnTo>
                    <a:pt x="321564" y="0"/>
                  </a:lnTo>
                  <a:lnTo>
                    <a:pt x="321564" y="4572"/>
                  </a:lnTo>
                  <a:lnTo>
                    <a:pt x="324612" y="4572"/>
                  </a:lnTo>
                  <a:lnTo>
                    <a:pt x="324612" y="0"/>
                  </a:lnTo>
                  <a:close/>
                </a:path>
                <a:path w="483234" h="5080">
                  <a:moveTo>
                    <a:pt x="332232" y="0"/>
                  </a:moveTo>
                  <a:lnTo>
                    <a:pt x="327660" y="0"/>
                  </a:lnTo>
                  <a:lnTo>
                    <a:pt x="327660" y="4572"/>
                  </a:lnTo>
                  <a:lnTo>
                    <a:pt x="332232" y="4572"/>
                  </a:lnTo>
                  <a:lnTo>
                    <a:pt x="332232" y="0"/>
                  </a:lnTo>
                  <a:close/>
                </a:path>
                <a:path w="483234" h="5080">
                  <a:moveTo>
                    <a:pt x="338328" y="0"/>
                  </a:moveTo>
                  <a:lnTo>
                    <a:pt x="335280" y="0"/>
                  </a:lnTo>
                  <a:lnTo>
                    <a:pt x="335280" y="4572"/>
                  </a:lnTo>
                  <a:lnTo>
                    <a:pt x="338328" y="4572"/>
                  </a:lnTo>
                  <a:lnTo>
                    <a:pt x="338328" y="0"/>
                  </a:lnTo>
                  <a:close/>
                </a:path>
                <a:path w="483234" h="5080">
                  <a:moveTo>
                    <a:pt x="345948" y="0"/>
                  </a:moveTo>
                  <a:lnTo>
                    <a:pt x="341376" y="0"/>
                  </a:lnTo>
                  <a:lnTo>
                    <a:pt x="341376"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5092" y="0"/>
                  </a:lnTo>
                  <a:lnTo>
                    <a:pt x="355092"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68808" y="0"/>
                  </a:lnTo>
                  <a:lnTo>
                    <a:pt x="368808"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2524" y="0"/>
                  </a:lnTo>
                  <a:lnTo>
                    <a:pt x="382524"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6240" y="0"/>
                  </a:lnTo>
                  <a:lnTo>
                    <a:pt x="396240"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09956" y="0"/>
                  </a:lnTo>
                  <a:lnTo>
                    <a:pt x="409956"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3672" y="0"/>
                  </a:lnTo>
                  <a:lnTo>
                    <a:pt x="423672"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7388" y="0"/>
                  </a:lnTo>
                  <a:lnTo>
                    <a:pt x="437388"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1104" y="0"/>
                  </a:lnTo>
                  <a:lnTo>
                    <a:pt x="451104"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4820" y="0"/>
                  </a:lnTo>
                  <a:lnTo>
                    <a:pt x="464820"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78536" y="0"/>
                  </a:lnTo>
                  <a:lnTo>
                    <a:pt x="478536" y="4572"/>
                  </a:lnTo>
                  <a:lnTo>
                    <a:pt x="483108" y="4572"/>
                  </a:lnTo>
                  <a:lnTo>
                    <a:pt x="483108" y="0"/>
                  </a:lnTo>
                  <a:close/>
                </a:path>
              </a:pathLst>
            </a:custGeom>
            <a:solidFill>
              <a:srgbClr val="D8D8D8"/>
            </a:solidFill>
          </p:spPr>
          <p:txBody>
            <a:bodyPr wrap="square" lIns="0" tIns="0" rIns="0" bIns="0" rtlCol="0"/>
            <a:lstStyle/>
            <a:p>
              <a:endParaRPr sz="1539"/>
            </a:p>
          </p:txBody>
        </p:sp>
        <p:sp>
          <p:nvSpPr>
            <p:cNvPr id="121" name="object 121"/>
            <p:cNvSpPr/>
            <p:nvPr/>
          </p:nvSpPr>
          <p:spPr>
            <a:xfrm>
              <a:off x="1085088" y="2284475"/>
              <a:ext cx="8920480" cy="563880"/>
            </a:xfrm>
            <a:custGeom>
              <a:avLst/>
              <a:gdLst/>
              <a:ahLst/>
              <a:cxnLst/>
              <a:rect l="l" t="t" r="r" b="b"/>
              <a:pathLst>
                <a:path w="8920480" h="563880">
                  <a:moveTo>
                    <a:pt x="3048" y="0"/>
                  </a:moveTo>
                  <a:lnTo>
                    <a:pt x="0" y="0"/>
                  </a:lnTo>
                  <a:lnTo>
                    <a:pt x="0" y="4572"/>
                  </a:lnTo>
                  <a:lnTo>
                    <a:pt x="3048" y="4572"/>
                  </a:lnTo>
                  <a:lnTo>
                    <a:pt x="3048" y="0"/>
                  </a:lnTo>
                  <a:close/>
                </a:path>
                <a:path w="8920480" h="563880">
                  <a:moveTo>
                    <a:pt x="10668" y="0"/>
                  </a:moveTo>
                  <a:lnTo>
                    <a:pt x="6096" y="0"/>
                  </a:lnTo>
                  <a:lnTo>
                    <a:pt x="6096" y="4572"/>
                  </a:lnTo>
                  <a:lnTo>
                    <a:pt x="10668" y="4572"/>
                  </a:lnTo>
                  <a:lnTo>
                    <a:pt x="10668" y="0"/>
                  </a:lnTo>
                  <a:close/>
                </a:path>
                <a:path w="8920480" h="563880">
                  <a:moveTo>
                    <a:pt x="16764" y="0"/>
                  </a:moveTo>
                  <a:lnTo>
                    <a:pt x="13716" y="0"/>
                  </a:lnTo>
                  <a:lnTo>
                    <a:pt x="13716" y="4572"/>
                  </a:lnTo>
                  <a:lnTo>
                    <a:pt x="16764" y="4572"/>
                  </a:lnTo>
                  <a:lnTo>
                    <a:pt x="16764" y="0"/>
                  </a:lnTo>
                  <a:close/>
                </a:path>
                <a:path w="8920480" h="563880">
                  <a:moveTo>
                    <a:pt x="24384" y="0"/>
                  </a:moveTo>
                  <a:lnTo>
                    <a:pt x="19812" y="0"/>
                  </a:lnTo>
                  <a:lnTo>
                    <a:pt x="19812" y="4572"/>
                  </a:lnTo>
                  <a:lnTo>
                    <a:pt x="24384" y="4572"/>
                  </a:lnTo>
                  <a:lnTo>
                    <a:pt x="24384" y="0"/>
                  </a:lnTo>
                  <a:close/>
                </a:path>
                <a:path w="8920480" h="563880">
                  <a:moveTo>
                    <a:pt x="30480" y="0"/>
                  </a:moveTo>
                  <a:lnTo>
                    <a:pt x="27432" y="0"/>
                  </a:lnTo>
                  <a:lnTo>
                    <a:pt x="27432" y="4572"/>
                  </a:lnTo>
                  <a:lnTo>
                    <a:pt x="30480" y="4572"/>
                  </a:lnTo>
                  <a:lnTo>
                    <a:pt x="30480" y="0"/>
                  </a:lnTo>
                  <a:close/>
                </a:path>
                <a:path w="8920480" h="563880">
                  <a:moveTo>
                    <a:pt x="38100" y="0"/>
                  </a:moveTo>
                  <a:lnTo>
                    <a:pt x="33528" y="0"/>
                  </a:lnTo>
                  <a:lnTo>
                    <a:pt x="33528" y="4572"/>
                  </a:lnTo>
                  <a:lnTo>
                    <a:pt x="38100" y="4572"/>
                  </a:lnTo>
                  <a:lnTo>
                    <a:pt x="38100" y="0"/>
                  </a:lnTo>
                  <a:close/>
                </a:path>
                <a:path w="8920480" h="563880">
                  <a:moveTo>
                    <a:pt x="44196" y="0"/>
                  </a:moveTo>
                  <a:lnTo>
                    <a:pt x="41148" y="0"/>
                  </a:lnTo>
                  <a:lnTo>
                    <a:pt x="41148" y="4572"/>
                  </a:lnTo>
                  <a:lnTo>
                    <a:pt x="44196" y="4572"/>
                  </a:lnTo>
                  <a:lnTo>
                    <a:pt x="44196" y="0"/>
                  </a:lnTo>
                  <a:close/>
                </a:path>
                <a:path w="8920480" h="563880">
                  <a:moveTo>
                    <a:pt x="51816" y="0"/>
                  </a:moveTo>
                  <a:lnTo>
                    <a:pt x="47244" y="0"/>
                  </a:lnTo>
                  <a:lnTo>
                    <a:pt x="47244" y="4572"/>
                  </a:lnTo>
                  <a:lnTo>
                    <a:pt x="51816" y="4572"/>
                  </a:lnTo>
                  <a:lnTo>
                    <a:pt x="51816" y="0"/>
                  </a:lnTo>
                  <a:close/>
                </a:path>
                <a:path w="8920480" h="563880">
                  <a:moveTo>
                    <a:pt x="57912" y="0"/>
                  </a:moveTo>
                  <a:lnTo>
                    <a:pt x="54864" y="0"/>
                  </a:lnTo>
                  <a:lnTo>
                    <a:pt x="54864" y="4572"/>
                  </a:lnTo>
                  <a:lnTo>
                    <a:pt x="57912" y="4572"/>
                  </a:lnTo>
                  <a:lnTo>
                    <a:pt x="57912" y="0"/>
                  </a:lnTo>
                  <a:close/>
                </a:path>
                <a:path w="8920480" h="563880">
                  <a:moveTo>
                    <a:pt x="65532" y="0"/>
                  </a:moveTo>
                  <a:lnTo>
                    <a:pt x="60960" y="0"/>
                  </a:lnTo>
                  <a:lnTo>
                    <a:pt x="60960" y="4572"/>
                  </a:lnTo>
                  <a:lnTo>
                    <a:pt x="65532" y="4572"/>
                  </a:lnTo>
                  <a:lnTo>
                    <a:pt x="65532" y="0"/>
                  </a:lnTo>
                  <a:close/>
                </a:path>
                <a:path w="8920480" h="563880">
                  <a:moveTo>
                    <a:pt x="71628" y="0"/>
                  </a:moveTo>
                  <a:lnTo>
                    <a:pt x="68580" y="0"/>
                  </a:lnTo>
                  <a:lnTo>
                    <a:pt x="68580" y="4572"/>
                  </a:lnTo>
                  <a:lnTo>
                    <a:pt x="71628" y="4572"/>
                  </a:lnTo>
                  <a:lnTo>
                    <a:pt x="71628" y="0"/>
                  </a:lnTo>
                  <a:close/>
                </a:path>
                <a:path w="8920480" h="563880">
                  <a:moveTo>
                    <a:pt x="79248" y="0"/>
                  </a:moveTo>
                  <a:lnTo>
                    <a:pt x="74676" y="0"/>
                  </a:lnTo>
                  <a:lnTo>
                    <a:pt x="74676" y="4572"/>
                  </a:lnTo>
                  <a:lnTo>
                    <a:pt x="79248" y="4572"/>
                  </a:lnTo>
                  <a:lnTo>
                    <a:pt x="79248" y="0"/>
                  </a:lnTo>
                  <a:close/>
                </a:path>
                <a:path w="8920480" h="563880">
                  <a:moveTo>
                    <a:pt x="85344" y="0"/>
                  </a:moveTo>
                  <a:lnTo>
                    <a:pt x="82296" y="0"/>
                  </a:lnTo>
                  <a:lnTo>
                    <a:pt x="82296" y="4572"/>
                  </a:lnTo>
                  <a:lnTo>
                    <a:pt x="85344" y="4572"/>
                  </a:lnTo>
                  <a:lnTo>
                    <a:pt x="85344" y="0"/>
                  </a:lnTo>
                  <a:close/>
                </a:path>
                <a:path w="8920480" h="563880">
                  <a:moveTo>
                    <a:pt x="92964" y="0"/>
                  </a:moveTo>
                  <a:lnTo>
                    <a:pt x="88392" y="0"/>
                  </a:lnTo>
                  <a:lnTo>
                    <a:pt x="88392" y="4572"/>
                  </a:lnTo>
                  <a:lnTo>
                    <a:pt x="92964" y="4572"/>
                  </a:lnTo>
                  <a:lnTo>
                    <a:pt x="92964" y="0"/>
                  </a:lnTo>
                  <a:close/>
                </a:path>
                <a:path w="8920480" h="563880">
                  <a:moveTo>
                    <a:pt x="99060" y="0"/>
                  </a:moveTo>
                  <a:lnTo>
                    <a:pt x="96012" y="0"/>
                  </a:lnTo>
                  <a:lnTo>
                    <a:pt x="96012" y="4572"/>
                  </a:lnTo>
                  <a:lnTo>
                    <a:pt x="99060" y="4572"/>
                  </a:lnTo>
                  <a:lnTo>
                    <a:pt x="99060" y="0"/>
                  </a:lnTo>
                  <a:close/>
                </a:path>
                <a:path w="8920480" h="563880">
                  <a:moveTo>
                    <a:pt x="106680" y="0"/>
                  </a:moveTo>
                  <a:lnTo>
                    <a:pt x="102108" y="0"/>
                  </a:lnTo>
                  <a:lnTo>
                    <a:pt x="102108" y="4572"/>
                  </a:lnTo>
                  <a:lnTo>
                    <a:pt x="106680" y="4572"/>
                  </a:lnTo>
                  <a:lnTo>
                    <a:pt x="106680" y="0"/>
                  </a:lnTo>
                  <a:close/>
                </a:path>
                <a:path w="8920480" h="563880">
                  <a:moveTo>
                    <a:pt x="112776" y="0"/>
                  </a:moveTo>
                  <a:lnTo>
                    <a:pt x="109728" y="0"/>
                  </a:lnTo>
                  <a:lnTo>
                    <a:pt x="109728" y="4572"/>
                  </a:lnTo>
                  <a:lnTo>
                    <a:pt x="112776" y="4572"/>
                  </a:lnTo>
                  <a:lnTo>
                    <a:pt x="112776" y="0"/>
                  </a:lnTo>
                  <a:close/>
                </a:path>
                <a:path w="8920480" h="563880">
                  <a:moveTo>
                    <a:pt x="120396" y="0"/>
                  </a:moveTo>
                  <a:lnTo>
                    <a:pt x="115824" y="0"/>
                  </a:lnTo>
                  <a:lnTo>
                    <a:pt x="115824" y="4572"/>
                  </a:lnTo>
                  <a:lnTo>
                    <a:pt x="120396" y="4572"/>
                  </a:lnTo>
                  <a:lnTo>
                    <a:pt x="120396" y="0"/>
                  </a:lnTo>
                  <a:close/>
                </a:path>
                <a:path w="8920480" h="563880">
                  <a:moveTo>
                    <a:pt x="126492" y="0"/>
                  </a:moveTo>
                  <a:lnTo>
                    <a:pt x="123444" y="0"/>
                  </a:lnTo>
                  <a:lnTo>
                    <a:pt x="123444" y="4572"/>
                  </a:lnTo>
                  <a:lnTo>
                    <a:pt x="126492" y="4572"/>
                  </a:lnTo>
                  <a:lnTo>
                    <a:pt x="126492" y="0"/>
                  </a:lnTo>
                  <a:close/>
                </a:path>
                <a:path w="8920480" h="563880">
                  <a:moveTo>
                    <a:pt x="134112" y="0"/>
                  </a:moveTo>
                  <a:lnTo>
                    <a:pt x="129540" y="0"/>
                  </a:lnTo>
                  <a:lnTo>
                    <a:pt x="129540" y="4572"/>
                  </a:lnTo>
                  <a:lnTo>
                    <a:pt x="134112" y="4572"/>
                  </a:lnTo>
                  <a:lnTo>
                    <a:pt x="134112" y="0"/>
                  </a:lnTo>
                  <a:close/>
                </a:path>
                <a:path w="8920480" h="563880">
                  <a:moveTo>
                    <a:pt x="140208" y="0"/>
                  </a:moveTo>
                  <a:lnTo>
                    <a:pt x="137160" y="0"/>
                  </a:lnTo>
                  <a:lnTo>
                    <a:pt x="137160" y="4572"/>
                  </a:lnTo>
                  <a:lnTo>
                    <a:pt x="140208" y="4572"/>
                  </a:lnTo>
                  <a:lnTo>
                    <a:pt x="140208" y="0"/>
                  </a:lnTo>
                  <a:close/>
                </a:path>
                <a:path w="8920480" h="563880">
                  <a:moveTo>
                    <a:pt x="147828" y="0"/>
                  </a:moveTo>
                  <a:lnTo>
                    <a:pt x="143256" y="0"/>
                  </a:lnTo>
                  <a:lnTo>
                    <a:pt x="143256" y="4572"/>
                  </a:lnTo>
                  <a:lnTo>
                    <a:pt x="147828" y="4572"/>
                  </a:lnTo>
                  <a:lnTo>
                    <a:pt x="147828" y="0"/>
                  </a:lnTo>
                  <a:close/>
                </a:path>
                <a:path w="8920480" h="563880">
                  <a:moveTo>
                    <a:pt x="153924" y="0"/>
                  </a:moveTo>
                  <a:lnTo>
                    <a:pt x="150876" y="0"/>
                  </a:lnTo>
                  <a:lnTo>
                    <a:pt x="150876" y="4572"/>
                  </a:lnTo>
                  <a:lnTo>
                    <a:pt x="153924" y="4572"/>
                  </a:lnTo>
                  <a:lnTo>
                    <a:pt x="153924" y="0"/>
                  </a:lnTo>
                  <a:close/>
                </a:path>
                <a:path w="8920480" h="563880">
                  <a:moveTo>
                    <a:pt x="161544" y="0"/>
                  </a:moveTo>
                  <a:lnTo>
                    <a:pt x="156972" y="0"/>
                  </a:lnTo>
                  <a:lnTo>
                    <a:pt x="156972" y="4572"/>
                  </a:lnTo>
                  <a:lnTo>
                    <a:pt x="161544" y="4572"/>
                  </a:lnTo>
                  <a:lnTo>
                    <a:pt x="161544" y="0"/>
                  </a:lnTo>
                  <a:close/>
                </a:path>
                <a:path w="8920480" h="563880">
                  <a:moveTo>
                    <a:pt x="167640" y="0"/>
                  </a:moveTo>
                  <a:lnTo>
                    <a:pt x="164592" y="0"/>
                  </a:lnTo>
                  <a:lnTo>
                    <a:pt x="164592" y="4572"/>
                  </a:lnTo>
                  <a:lnTo>
                    <a:pt x="167640" y="4572"/>
                  </a:lnTo>
                  <a:lnTo>
                    <a:pt x="167640" y="0"/>
                  </a:lnTo>
                  <a:close/>
                </a:path>
                <a:path w="8920480" h="563880">
                  <a:moveTo>
                    <a:pt x="175260" y="0"/>
                  </a:moveTo>
                  <a:lnTo>
                    <a:pt x="170688" y="0"/>
                  </a:lnTo>
                  <a:lnTo>
                    <a:pt x="170688" y="4572"/>
                  </a:lnTo>
                  <a:lnTo>
                    <a:pt x="175260" y="4572"/>
                  </a:lnTo>
                  <a:lnTo>
                    <a:pt x="175260" y="0"/>
                  </a:lnTo>
                  <a:close/>
                </a:path>
                <a:path w="8920480" h="563880">
                  <a:moveTo>
                    <a:pt x="181356" y="0"/>
                  </a:moveTo>
                  <a:lnTo>
                    <a:pt x="178308" y="0"/>
                  </a:lnTo>
                  <a:lnTo>
                    <a:pt x="178308" y="4572"/>
                  </a:lnTo>
                  <a:lnTo>
                    <a:pt x="181356" y="4572"/>
                  </a:lnTo>
                  <a:lnTo>
                    <a:pt x="181356" y="0"/>
                  </a:lnTo>
                  <a:close/>
                </a:path>
                <a:path w="8920480" h="563880">
                  <a:moveTo>
                    <a:pt x="188976" y="0"/>
                  </a:moveTo>
                  <a:lnTo>
                    <a:pt x="184404" y="0"/>
                  </a:lnTo>
                  <a:lnTo>
                    <a:pt x="184404" y="4572"/>
                  </a:lnTo>
                  <a:lnTo>
                    <a:pt x="188976" y="4572"/>
                  </a:lnTo>
                  <a:lnTo>
                    <a:pt x="188976" y="0"/>
                  </a:lnTo>
                  <a:close/>
                </a:path>
                <a:path w="8920480" h="563880">
                  <a:moveTo>
                    <a:pt x="195072" y="0"/>
                  </a:moveTo>
                  <a:lnTo>
                    <a:pt x="192024" y="0"/>
                  </a:lnTo>
                  <a:lnTo>
                    <a:pt x="192024" y="4572"/>
                  </a:lnTo>
                  <a:lnTo>
                    <a:pt x="195072" y="4572"/>
                  </a:lnTo>
                  <a:lnTo>
                    <a:pt x="195072" y="0"/>
                  </a:lnTo>
                  <a:close/>
                </a:path>
                <a:path w="8920480" h="563880">
                  <a:moveTo>
                    <a:pt x="202692" y="0"/>
                  </a:moveTo>
                  <a:lnTo>
                    <a:pt x="198120" y="0"/>
                  </a:lnTo>
                  <a:lnTo>
                    <a:pt x="198120" y="4572"/>
                  </a:lnTo>
                  <a:lnTo>
                    <a:pt x="202692" y="4572"/>
                  </a:lnTo>
                  <a:lnTo>
                    <a:pt x="202692" y="0"/>
                  </a:lnTo>
                  <a:close/>
                </a:path>
                <a:path w="8920480" h="563880">
                  <a:moveTo>
                    <a:pt x="208788" y="0"/>
                  </a:moveTo>
                  <a:lnTo>
                    <a:pt x="205740" y="0"/>
                  </a:lnTo>
                  <a:lnTo>
                    <a:pt x="205740" y="4572"/>
                  </a:lnTo>
                  <a:lnTo>
                    <a:pt x="208788" y="4572"/>
                  </a:lnTo>
                  <a:lnTo>
                    <a:pt x="208788" y="0"/>
                  </a:lnTo>
                  <a:close/>
                </a:path>
                <a:path w="8920480" h="563880">
                  <a:moveTo>
                    <a:pt x="216408" y="0"/>
                  </a:moveTo>
                  <a:lnTo>
                    <a:pt x="211836" y="0"/>
                  </a:lnTo>
                  <a:lnTo>
                    <a:pt x="211836" y="4572"/>
                  </a:lnTo>
                  <a:lnTo>
                    <a:pt x="216408" y="4572"/>
                  </a:lnTo>
                  <a:lnTo>
                    <a:pt x="216408" y="0"/>
                  </a:lnTo>
                  <a:close/>
                </a:path>
                <a:path w="8920480" h="563880">
                  <a:moveTo>
                    <a:pt x="222504" y="0"/>
                  </a:moveTo>
                  <a:lnTo>
                    <a:pt x="219456" y="0"/>
                  </a:lnTo>
                  <a:lnTo>
                    <a:pt x="219456" y="4572"/>
                  </a:lnTo>
                  <a:lnTo>
                    <a:pt x="222504" y="4572"/>
                  </a:lnTo>
                  <a:lnTo>
                    <a:pt x="222504" y="0"/>
                  </a:lnTo>
                  <a:close/>
                </a:path>
                <a:path w="8920480" h="563880">
                  <a:moveTo>
                    <a:pt x="230124" y="0"/>
                  </a:moveTo>
                  <a:lnTo>
                    <a:pt x="225552" y="0"/>
                  </a:lnTo>
                  <a:lnTo>
                    <a:pt x="225552" y="4572"/>
                  </a:lnTo>
                  <a:lnTo>
                    <a:pt x="230124" y="4572"/>
                  </a:lnTo>
                  <a:lnTo>
                    <a:pt x="230124" y="0"/>
                  </a:lnTo>
                  <a:close/>
                </a:path>
                <a:path w="8920480" h="563880">
                  <a:moveTo>
                    <a:pt x="236220" y="0"/>
                  </a:moveTo>
                  <a:lnTo>
                    <a:pt x="233172" y="0"/>
                  </a:lnTo>
                  <a:lnTo>
                    <a:pt x="233172" y="4572"/>
                  </a:lnTo>
                  <a:lnTo>
                    <a:pt x="236220" y="4572"/>
                  </a:lnTo>
                  <a:lnTo>
                    <a:pt x="236220" y="0"/>
                  </a:lnTo>
                  <a:close/>
                </a:path>
                <a:path w="8920480" h="563880">
                  <a:moveTo>
                    <a:pt x="243840" y="0"/>
                  </a:moveTo>
                  <a:lnTo>
                    <a:pt x="239268" y="0"/>
                  </a:lnTo>
                  <a:lnTo>
                    <a:pt x="239268" y="4572"/>
                  </a:lnTo>
                  <a:lnTo>
                    <a:pt x="243840" y="4572"/>
                  </a:lnTo>
                  <a:lnTo>
                    <a:pt x="243840" y="0"/>
                  </a:lnTo>
                  <a:close/>
                </a:path>
                <a:path w="8920480" h="563880">
                  <a:moveTo>
                    <a:pt x="249936" y="0"/>
                  </a:moveTo>
                  <a:lnTo>
                    <a:pt x="246888" y="0"/>
                  </a:lnTo>
                  <a:lnTo>
                    <a:pt x="246888" y="4572"/>
                  </a:lnTo>
                  <a:lnTo>
                    <a:pt x="249936" y="4572"/>
                  </a:lnTo>
                  <a:lnTo>
                    <a:pt x="249936" y="0"/>
                  </a:lnTo>
                  <a:close/>
                </a:path>
                <a:path w="8920480" h="563880">
                  <a:moveTo>
                    <a:pt x="257556" y="0"/>
                  </a:moveTo>
                  <a:lnTo>
                    <a:pt x="252984" y="0"/>
                  </a:lnTo>
                  <a:lnTo>
                    <a:pt x="252984" y="4572"/>
                  </a:lnTo>
                  <a:lnTo>
                    <a:pt x="257556" y="4572"/>
                  </a:lnTo>
                  <a:lnTo>
                    <a:pt x="257556" y="0"/>
                  </a:lnTo>
                  <a:close/>
                </a:path>
                <a:path w="8920480" h="563880">
                  <a:moveTo>
                    <a:pt x="263652" y="0"/>
                  </a:moveTo>
                  <a:lnTo>
                    <a:pt x="260604" y="0"/>
                  </a:lnTo>
                  <a:lnTo>
                    <a:pt x="260604" y="4572"/>
                  </a:lnTo>
                  <a:lnTo>
                    <a:pt x="263652" y="4572"/>
                  </a:lnTo>
                  <a:lnTo>
                    <a:pt x="263652" y="0"/>
                  </a:lnTo>
                  <a:close/>
                </a:path>
                <a:path w="8920480" h="563880">
                  <a:moveTo>
                    <a:pt x="271272" y="0"/>
                  </a:moveTo>
                  <a:lnTo>
                    <a:pt x="266700" y="0"/>
                  </a:lnTo>
                  <a:lnTo>
                    <a:pt x="266700" y="4572"/>
                  </a:lnTo>
                  <a:lnTo>
                    <a:pt x="271272" y="4572"/>
                  </a:lnTo>
                  <a:lnTo>
                    <a:pt x="271272" y="0"/>
                  </a:lnTo>
                  <a:close/>
                </a:path>
                <a:path w="8920480" h="563880">
                  <a:moveTo>
                    <a:pt x="277368" y="0"/>
                  </a:moveTo>
                  <a:lnTo>
                    <a:pt x="274320" y="0"/>
                  </a:lnTo>
                  <a:lnTo>
                    <a:pt x="274320" y="4572"/>
                  </a:lnTo>
                  <a:lnTo>
                    <a:pt x="277368" y="4572"/>
                  </a:lnTo>
                  <a:lnTo>
                    <a:pt x="277368" y="0"/>
                  </a:lnTo>
                  <a:close/>
                </a:path>
                <a:path w="8920480" h="563880">
                  <a:moveTo>
                    <a:pt x="284988" y="0"/>
                  </a:moveTo>
                  <a:lnTo>
                    <a:pt x="280416" y="0"/>
                  </a:lnTo>
                  <a:lnTo>
                    <a:pt x="280416" y="4572"/>
                  </a:lnTo>
                  <a:lnTo>
                    <a:pt x="284988" y="4572"/>
                  </a:lnTo>
                  <a:lnTo>
                    <a:pt x="284988" y="0"/>
                  </a:lnTo>
                  <a:close/>
                </a:path>
                <a:path w="8920480" h="563880">
                  <a:moveTo>
                    <a:pt x="291084" y="0"/>
                  </a:moveTo>
                  <a:lnTo>
                    <a:pt x="288036" y="0"/>
                  </a:lnTo>
                  <a:lnTo>
                    <a:pt x="288036" y="4572"/>
                  </a:lnTo>
                  <a:lnTo>
                    <a:pt x="291084" y="4572"/>
                  </a:lnTo>
                  <a:lnTo>
                    <a:pt x="291084" y="0"/>
                  </a:lnTo>
                  <a:close/>
                </a:path>
                <a:path w="8920480" h="563880">
                  <a:moveTo>
                    <a:pt x="298704" y="0"/>
                  </a:moveTo>
                  <a:lnTo>
                    <a:pt x="294132" y="0"/>
                  </a:lnTo>
                  <a:lnTo>
                    <a:pt x="294132" y="4572"/>
                  </a:lnTo>
                  <a:lnTo>
                    <a:pt x="298704" y="4572"/>
                  </a:lnTo>
                  <a:lnTo>
                    <a:pt x="298704" y="0"/>
                  </a:lnTo>
                  <a:close/>
                </a:path>
                <a:path w="8920480" h="563880">
                  <a:moveTo>
                    <a:pt x="304800" y="0"/>
                  </a:moveTo>
                  <a:lnTo>
                    <a:pt x="301752" y="0"/>
                  </a:lnTo>
                  <a:lnTo>
                    <a:pt x="301752" y="4572"/>
                  </a:lnTo>
                  <a:lnTo>
                    <a:pt x="304800" y="4572"/>
                  </a:lnTo>
                  <a:lnTo>
                    <a:pt x="304800" y="0"/>
                  </a:lnTo>
                  <a:close/>
                </a:path>
                <a:path w="8920480" h="563880">
                  <a:moveTo>
                    <a:pt x="312420" y="0"/>
                  </a:moveTo>
                  <a:lnTo>
                    <a:pt x="307848" y="0"/>
                  </a:lnTo>
                  <a:lnTo>
                    <a:pt x="307848" y="4572"/>
                  </a:lnTo>
                  <a:lnTo>
                    <a:pt x="312420" y="4572"/>
                  </a:lnTo>
                  <a:lnTo>
                    <a:pt x="312420" y="0"/>
                  </a:lnTo>
                  <a:close/>
                </a:path>
                <a:path w="8920480" h="563880">
                  <a:moveTo>
                    <a:pt x="318516" y="0"/>
                  </a:moveTo>
                  <a:lnTo>
                    <a:pt x="315468" y="0"/>
                  </a:lnTo>
                  <a:lnTo>
                    <a:pt x="315468" y="4572"/>
                  </a:lnTo>
                  <a:lnTo>
                    <a:pt x="318516" y="4572"/>
                  </a:lnTo>
                  <a:lnTo>
                    <a:pt x="318516" y="0"/>
                  </a:lnTo>
                  <a:close/>
                </a:path>
                <a:path w="8920480" h="563880">
                  <a:moveTo>
                    <a:pt x="326136" y="0"/>
                  </a:moveTo>
                  <a:lnTo>
                    <a:pt x="321564" y="0"/>
                  </a:lnTo>
                  <a:lnTo>
                    <a:pt x="321564" y="4572"/>
                  </a:lnTo>
                  <a:lnTo>
                    <a:pt x="326136" y="4572"/>
                  </a:lnTo>
                  <a:lnTo>
                    <a:pt x="326136" y="0"/>
                  </a:lnTo>
                  <a:close/>
                </a:path>
                <a:path w="8920480" h="563880">
                  <a:moveTo>
                    <a:pt x="332232" y="0"/>
                  </a:moveTo>
                  <a:lnTo>
                    <a:pt x="329184" y="0"/>
                  </a:lnTo>
                  <a:lnTo>
                    <a:pt x="329184" y="4572"/>
                  </a:lnTo>
                  <a:lnTo>
                    <a:pt x="332232" y="4572"/>
                  </a:lnTo>
                  <a:lnTo>
                    <a:pt x="332232" y="0"/>
                  </a:lnTo>
                  <a:close/>
                </a:path>
                <a:path w="8920480" h="563880">
                  <a:moveTo>
                    <a:pt x="339852" y="0"/>
                  </a:moveTo>
                  <a:lnTo>
                    <a:pt x="335280" y="0"/>
                  </a:lnTo>
                  <a:lnTo>
                    <a:pt x="335280" y="4572"/>
                  </a:lnTo>
                  <a:lnTo>
                    <a:pt x="339852" y="4572"/>
                  </a:lnTo>
                  <a:lnTo>
                    <a:pt x="339852" y="0"/>
                  </a:lnTo>
                  <a:close/>
                </a:path>
                <a:path w="8920480" h="563880">
                  <a:moveTo>
                    <a:pt x="345948" y="0"/>
                  </a:moveTo>
                  <a:lnTo>
                    <a:pt x="342900" y="0"/>
                  </a:lnTo>
                  <a:lnTo>
                    <a:pt x="342900" y="4572"/>
                  </a:lnTo>
                  <a:lnTo>
                    <a:pt x="345948" y="4572"/>
                  </a:lnTo>
                  <a:lnTo>
                    <a:pt x="345948" y="0"/>
                  </a:lnTo>
                  <a:close/>
                </a:path>
                <a:path w="8920480" h="563880">
                  <a:moveTo>
                    <a:pt x="353568" y="0"/>
                  </a:moveTo>
                  <a:lnTo>
                    <a:pt x="348996" y="0"/>
                  </a:lnTo>
                  <a:lnTo>
                    <a:pt x="348996" y="4572"/>
                  </a:lnTo>
                  <a:lnTo>
                    <a:pt x="353568" y="4572"/>
                  </a:lnTo>
                  <a:lnTo>
                    <a:pt x="353568" y="0"/>
                  </a:lnTo>
                  <a:close/>
                </a:path>
                <a:path w="8920480" h="563880">
                  <a:moveTo>
                    <a:pt x="359664" y="0"/>
                  </a:moveTo>
                  <a:lnTo>
                    <a:pt x="356616" y="0"/>
                  </a:lnTo>
                  <a:lnTo>
                    <a:pt x="356616" y="4572"/>
                  </a:lnTo>
                  <a:lnTo>
                    <a:pt x="359664" y="4572"/>
                  </a:lnTo>
                  <a:lnTo>
                    <a:pt x="359664" y="0"/>
                  </a:lnTo>
                  <a:close/>
                </a:path>
                <a:path w="8920480" h="563880">
                  <a:moveTo>
                    <a:pt x="367284" y="0"/>
                  </a:moveTo>
                  <a:lnTo>
                    <a:pt x="362712" y="0"/>
                  </a:lnTo>
                  <a:lnTo>
                    <a:pt x="362712" y="4572"/>
                  </a:lnTo>
                  <a:lnTo>
                    <a:pt x="367284" y="4572"/>
                  </a:lnTo>
                  <a:lnTo>
                    <a:pt x="367284" y="0"/>
                  </a:lnTo>
                  <a:close/>
                </a:path>
                <a:path w="8920480" h="563880">
                  <a:moveTo>
                    <a:pt x="373380" y="0"/>
                  </a:moveTo>
                  <a:lnTo>
                    <a:pt x="370332" y="0"/>
                  </a:lnTo>
                  <a:lnTo>
                    <a:pt x="370332" y="4572"/>
                  </a:lnTo>
                  <a:lnTo>
                    <a:pt x="373380" y="4572"/>
                  </a:lnTo>
                  <a:lnTo>
                    <a:pt x="373380" y="0"/>
                  </a:lnTo>
                  <a:close/>
                </a:path>
                <a:path w="8920480" h="563880">
                  <a:moveTo>
                    <a:pt x="381000" y="0"/>
                  </a:moveTo>
                  <a:lnTo>
                    <a:pt x="376428" y="0"/>
                  </a:lnTo>
                  <a:lnTo>
                    <a:pt x="376428" y="4572"/>
                  </a:lnTo>
                  <a:lnTo>
                    <a:pt x="381000" y="4572"/>
                  </a:lnTo>
                  <a:lnTo>
                    <a:pt x="381000" y="0"/>
                  </a:lnTo>
                  <a:close/>
                </a:path>
                <a:path w="8920480" h="563880">
                  <a:moveTo>
                    <a:pt x="387096" y="0"/>
                  </a:moveTo>
                  <a:lnTo>
                    <a:pt x="384048" y="0"/>
                  </a:lnTo>
                  <a:lnTo>
                    <a:pt x="384048" y="4572"/>
                  </a:lnTo>
                  <a:lnTo>
                    <a:pt x="387096" y="4572"/>
                  </a:lnTo>
                  <a:lnTo>
                    <a:pt x="387096" y="0"/>
                  </a:lnTo>
                  <a:close/>
                </a:path>
                <a:path w="8920480" h="563880">
                  <a:moveTo>
                    <a:pt x="394716" y="0"/>
                  </a:moveTo>
                  <a:lnTo>
                    <a:pt x="390144" y="0"/>
                  </a:lnTo>
                  <a:lnTo>
                    <a:pt x="390144" y="4572"/>
                  </a:lnTo>
                  <a:lnTo>
                    <a:pt x="394716" y="4572"/>
                  </a:lnTo>
                  <a:lnTo>
                    <a:pt x="394716" y="0"/>
                  </a:lnTo>
                  <a:close/>
                </a:path>
                <a:path w="8920480" h="563880">
                  <a:moveTo>
                    <a:pt x="400812" y="0"/>
                  </a:moveTo>
                  <a:lnTo>
                    <a:pt x="397764" y="0"/>
                  </a:lnTo>
                  <a:lnTo>
                    <a:pt x="397764" y="4572"/>
                  </a:lnTo>
                  <a:lnTo>
                    <a:pt x="400812" y="4572"/>
                  </a:lnTo>
                  <a:lnTo>
                    <a:pt x="400812" y="0"/>
                  </a:lnTo>
                  <a:close/>
                </a:path>
                <a:path w="8920480" h="563880">
                  <a:moveTo>
                    <a:pt x="408432" y="0"/>
                  </a:moveTo>
                  <a:lnTo>
                    <a:pt x="403860" y="0"/>
                  </a:lnTo>
                  <a:lnTo>
                    <a:pt x="403860" y="4572"/>
                  </a:lnTo>
                  <a:lnTo>
                    <a:pt x="408432" y="4572"/>
                  </a:lnTo>
                  <a:lnTo>
                    <a:pt x="408432" y="0"/>
                  </a:lnTo>
                  <a:close/>
                </a:path>
                <a:path w="8920480" h="563880">
                  <a:moveTo>
                    <a:pt x="414528" y="0"/>
                  </a:moveTo>
                  <a:lnTo>
                    <a:pt x="411480" y="0"/>
                  </a:lnTo>
                  <a:lnTo>
                    <a:pt x="411480" y="4572"/>
                  </a:lnTo>
                  <a:lnTo>
                    <a:pt x="414528" y="4572"/>
                  </a:lnTo>
                  <a:lnTo>
                    <a:pt x="414528" y="0"/>
                  </a:lnTo>
                  <a:close/>
                </a:path>
                <a:path w="8920480" h="563880">
                  <a:moveTo>
                    <a:pt x="422148" y="0"/>
                  </a:moveTo>
                  <a:lnTo>
                    <a:pt x="417576" y="0"/>
                  </a:lnTo>
                  <a:lnTo>
                    <a:pt x="417576" y="4572"/>
                  </a:lnTo>
                  <a:lnTo>
                    <a:pt x="422148" y="4572"/>
                  </a:lnTo>
                  <a:lnTo>
                    <a:pt x="422148" y="0"/>
                  </a:lnTo>
                  <a:close/>
                </a:path>
                <a:path w="8920480" h="563880">
                  <a:moveTo>
                    <a:pt x="428244" y="0"/>
                  </a:moveTo>
                  <a:lnTo>
                    <a:pt x="425196" y="0"/>
                  </a:lnTo>
                  <a:lnTo>
                    <a:pt x="425196" y="4572"/>
                  </a:lnTo>
                  <a:lnTo>
                    <a:pt x="428244" y="4572"/>
                  </a:lnTo>
                  <a:lnTo>
                    <a:pt x="428244" y="0"/>
                  </a:lnTo>
                  <a:close/>
                </a:path>
                <a:path w="8920480" h="563880">
                  <a:moveTo>
                    <a:pt x="435864" y="0"/>
                  </a:moveTo>
                  <a:lnTo>
                    <a:pt x="431292" y="0"/>
                  </a:lnTo>
                  <a:lnTo>
                    <a:pt x="431292" y="4572"/>
                  </a:lnTo>
                  <a:lnTo>
                    <a:pt x="435864" y="4572"/>
                  </a:lnTo>
                  <a:lnTo>
                    <a:pt x="435864" y="0"/>
                  </a:lnTo>
                  <a:close/>
                </a:path>
                <a:path w="8920480" h="563880">
                  <a:moveTo>
                    <a:pt x="441960" y="0"/>
                  </a:moveTo>
                  <a:lnTo>
                    <a:pt x="438912" y="0"/>
                  </a:lnTo>
                  <a:lnTo>
                    <a:pt x="438912" y="4572"/>
                  </a:lnTo>
                  <a:lnTo>
                    <a:pt x="441960" y="4572"/>
                  </a:lnTo>
                  <a:lnTo>
                    <a:pt x="441960" y="0"/>
                  </a:lnTo>
                  <a:close/>
                </a:path>
                <a:path w="8920480" h="563880">
                  <a:moveTo>
                    <a:pt x="449580" y="0"/>
                  </a:moveTo>
                  <a:lnTo>
                    <a:pt x="445008" y="0"/>
                  </a:lnTo>
                  <a:lnTo>
                    <a:pt x="445008" y="4572"/>
                  </a:lnTo>
                  <a:lnTo>
                    <a:pt x="449580" y="4572"/>
                  </a:lnTo>
                  <a:lnTo>
                    <a:pt x="449580" y="0"/>
                  </a:lnTo>
                  <a:close/>
                </a:path>
                <a:path w="8920480" h="563880">
                  <a:moveTo>
                    <a:pt x="455676" y="0"/>
                  </a:moveTo>
                  <a:lnTo>
                    <a:pt x="452628" y="0"/>
                  </a:lnTo>
                  <a:lnTo>
                    <a:pt x="452628" y="4572"/>
                  </a:lnTo>
                  <a:lnTo>
                    <a:pt x="455676" y="4572"/>
                  </a:lnTo>
                  <a:lnTo>
                    <a:pt x="455676" y="0"/>
                  </a:lnTo>
                  <a:close/>
                </a:path>
                <a:path w="8920480" h="563880">
                  <a:moveTo>
                    <a:pt x="463296" y="0"/>
                  </a:moveTo>
                  <a:lnTo>
                    <a:pt x="458724" y="0"/>
                  </a:lnTo>
                  <a:lnTo>
                    <a:pt x="458724" y="4572"/>
                  </a:lnTo>
                  <a:lnTo>
                    <a:pt x="463296" y="4572"/>
                  </a:lnTo>
                  <a:lnTo>
                    <a:pt x="463296" y="0"/>
                  </a:lnTo>
                  <a:close/>
                </a:path>
                <a:path w="8920480" h="563880">
                  <a:moveTo>
                    <a:pt x="469392" y="0"/>
                  </a:moveTo>
                  <a:lnTo>
                    <a:pt x="466344" y="0"/>
                  </a:lnTo>
                  <a:lnTo>
                    <a:pt x="466344" y="4572"/>
                  </a:lnTo>
                  <a:lnTo>
                    <a:pt x="469392" y="4572"/>
                  </a:lnTo>
                  <a:lnTo>
                    <a:pt x="469392" y="0"/>
                  </a:lnTo>
                  <a:close/>
                </a:path>
                <a:path w="8920480" h="563880">
                  <a:moveTo>
                    <a:pt x="8913876" y="559308"/>
                  </a:moveTo>
                  <a:lnTo>
                    <a:pt x="8909304" y="559308"/>
                  </a:lnTo>
                  <a:lnTo>
                    <a:pt x="8909304" y="563880"/>
                  </a:lnTo>
                  <a:lnTo>
                    <a:pt x="8913876" y="563880"/>
                  </a:lnTo>
                  <a:lnTo>
                    <a:pt x="8913876" y="559308"/>
                  </a:lnTo>
                  <a:close/>
                </a:path>
                <a:path w="8920480" h="563880">
                  <a:moveTo>
                    <a:pt x="8919972" y="559308"/>
                  </a:moveTo>
                  <a:lnTo>
                    <a:pt x="8916924" y="559308"/>
                  </a:lnTo>
                  <a:lnTo>
                    <a:pt x="8916924" y="563880"/>
                  </a:lnTo>
                  <a:lnTo>
                    <a:pt x="8919972" y="563880"/>
                  </a:lnTo>
                  <a:lnTo>
                    <a:pt x="8919972" y="559308"/>
                  </a:lnTo>
                  <a:close/>
                </a:path>
              </a:pathLst>
            </a:custGeom>
            <a:solidFill>
              <a:srgbClr val="D8D8D8"/>
            </a:solidFill>
          </p:spPr>
          <p:txBody>
            <a:bodyPr wrap="square" lIns="0" tIns="0" rIns="0" bIns="0" rtlCol="0"/>
            <a:lstStyle/>
            <a:p>
              <a:endParaRPr sz="1539"/>
            </a:p>
          </p:txBody>
        </p:sp>
        <p:sp>
          <p:nvSpPr>
            <p:cNvPr id="122" name="object 122"/>
            <p:cNvSpPr/>
            <p:nvPr/>
          </p:nvSpPr>
          <p:spPr>
            <a:xfrm>
              <a:off x="1551432" y="2284475"/>
              <a:ext cx="483234" cy="5080"/>
            </a:xfrm>
            <a:custGeom>
              <a:avLst/>
              <a:gdLst/>
              <a:ahLst/>
              <a:cxnLst/>
              <a:rect l="l" t="t" r="r" b="b"/>
              <a:pathLst>
                <a:path w="483235" h="5080">
                  <a:moveTo>
                    <a:pt x="3048" y="0"/>
                  </a:moveTo>
                  <a:lnTo>
                    <a:pt x="0" y="0"/>
                  </a:lnTo>
                  <a:lnTo>
                    <a:pt x="0" y="4572"/>
                  </a:lnTo>
                  <a:lnTo>
                    <a:pt x="3048" y="4572"/>
                  </a:lnTo>
                  <a:lnTo>
                    <a:pt x="3048" y="0"/>
                  </a:lnTo>
                  <a:close/>
                </a:path>
                <a:path w="483235" h="5080">
                  <a:moveTo>
                    <a:pt x="10668" y="0"/>
                  </a:moveTo>
                  <a:lnTo>
                    <a:pt x="6096" y="0"/>
                  </a:lnTo>
                  <a:lnTo>
                    <a:pt x="6096" y="4572"/>
                  </a:lnTo>
                  <a:lnTo>
                    <a:pt x="10668" y="4572"/>
                  </a:lnTo>
                  <a:lnTo>
                    <a:pt x="10668" y="0"/>
                  </a:lnTo>
                  <a:close/>
                </a:path>
                <a:path w="483235" h="5080">
                  <a:moveTo>
                    <a:pt x="16764" y="0"/>
                  </a:moveTo>
                  <a:lnTo>
                    <a:pt x="13716" y="0"/>
                  </a:lnTo>
                  <a:lnTo>
                    <a:pt x="13716" y="4572"/>
                  </a:lnTo>
                  <a:lnTo>
                    <a:pt x="16764" y="4572"/>
                  </a:lnTo>
                  <a:lnTo>
                    <a:pt x="16764" y="0"/>
                  </a:lnTo>
                  <a:close/>
                </a:path>
                <a:path w="483235" h="5080">
                  <a:moveTo>
                    <a:pt x="24384" y="0"/>
                  </a:moveTo>
                  <a:lnTo>
                    <a:pt x="19812" y="0"/>
                  </a:lnTo>
                  <a:lnTo>
                    <a:pt x="19812" y="4572"/>
                  </a:lnTo>
                  <a:lnTo>
                    <a:pt x="24384" y="4572"/>
                  </a:lnTo>
                  <a:lnTo>
                    <a:pt x="24384" y="0"/>
                  </a:lnTo>
                  <a:close/>
                </a:path>
                <a:path w="483235" h="5080">
                  <a:moveTo>
                    <a:pt x="30480" y="0"/>
                  </a:moveTo>
                  <a:lnTo>
                    <a:pt x="27432" y="0"/>
                  </a:lnTo>
                  <a:lnTo>
                    <a:pt x="27432" y="4572"/>
                  </a:lnTo>
                  <a:lnTo>
                    <a:pt x="30480" y="4572"/>
                  </a:lnTo>
                  <a:lnTo>
                    <a:pt x="30480" y="0"/>
                  </a:lnTo>
                  <a:close/>
                </a:path>
                <a:path w="483235" h="5080">
                  <a:moveTo>
                    <a:pt x="38100" y="0"/>
                  </a:moveTo>
                  <a:lnTo>
                    <a:pt x="33528" y="0"/>
                  </a:lnTo>
                  <a:lnTo>
                    <a:pt x="33528" y="4572"/>
                  </a:lnTo>
                  <a:lnTo>
                    <a:pt x="38100" y="4572"/>
                  </a:lnTo>
                  <a:lnTo>
                    <a:pt x="38100" y="0"/>
                  </a:lnTo>
                  <a:close/>
                </a:path>
                <a:path w="483235" h="5080">
                  <a:moveTo>
                    <a:pt x="44196" y="0"/>
                  </a:moveTo>
                  <a:lnTo>
                    <a:pt x="41148" y="0"/>
                  </a:lnTo>
                  <a:lnTo>
                    <a:pt x="41148" y="4572"/>
                  </a:lnTo>
                  <a:lnTo>
                    <a:pt x="44196" y="4572"/>
                  </a:lnTo>
                  <a:lnTo>
                    <a:pt x="44196" y="0"/>
                  </a:lnTo>
                  <a:close/>
                </a:path>
                <a:path w="483235" h="5080">
                  <a:moveTo>
                    <a:pt x="51816" y="0"/>
                  </a:moveTo>
                  <a:lnTo>
                    <a:pt x="47244" y="0"/>
                  </a:lnTo>
                  <a:lnTo>
                    <a:pt x="47244" y="4572"/>
                  </a:lnTo>
                  <a:lnTo>
                    <a:pt x="51816" y="4572"/>
                  </a:lnTo>
                  <a:lnTo>
                    <a:pt x="51816" y="0"/>
                  </a:lnTo>
                  <a:close/>
                </a:path>
                <a:path w="483235" h="5080">
                  <a:moveTo>
                    <a:pt x="57912" y="0"/>
                  </a:moveTo>
                  <a:lnTo>
                    <a:pt x="54864" y="0"/>
                  </a:lnTo>
                  <a:lnTo>
                    <a:pt x="54864" y="4572"/>
                  </a:lnTo>
                  <a:lnTo>
                    <a:pt x="57912" y="4572"/>
                  </a:lnTo>
                  <a:lnTo>
                    <a:pt x="57912" y="0"/>
                  </a:lnTo>
                  <a:close/>
                </a:path>
                <a:path w="483235" h="5080">
                  <a:moveTo>
                    <a:pt x="65532" y="0"/>
                  </a:moveTo>
                  <a:lnTo>
                    <a:pt x="60960" y="0"/>
                  </a:lnTo>
                  <a:lnTo>
                    <a:pt x="60960" y="4572"/>
                  </a:lnTo>
                  <a:lnTo>
                    <a:pt x="65532" y="4572"/>
                  </a:lnTo>
                  <a:lnTo>
                    <a:pt x="65532" y="0"/>
                  </a:lnTo>
                  <a:close/>
                </a:path>
                <a:path w="483235" h="5080">
                  <a:moveTo>
                    <a:pt x="71628" y="0"/>
                  </a:moveTo>
                  <a:lnTo>
                    <a:pt x="68580" y="0"/>
                  </a:lnTo>
                  <a:lnTo>
                    <a:pt x="68580" y="4572"/>
                  </a:lnTo>
                  <a:lnTo>
                    <a:pt x="71628" y="4572"/>
                  </a:lnTo>
                  <a:lnTo>
                    <a:pt x="71628" y="0"/>
                  </a:lnTo>
                  <a:close/>
                </a:path>
                <a:path w="483235" h="5080">
                  <a:moveTo>
                    <a:pt x="79248" y="0"/>
                  </a:moveTo>
                  <a:lnTo>
                    <a:pt x="74663" y="0"/>
                  </a:lnTo>
                  <a:lnTo>
                    <a:pt x="74663" y="4572"/>
                  </a:lnTo>
                  <a:lnTo>
                    <a:pt x="79248" y="4572"/>
                  </a:lnTo>
                  <a:lnTo>
                    <a:pt x="79248" y="0"/>
                  </a:lnTo>
                  <a:close/>
                </a:path>
                <a:path w="483235" h="5080">
                  <a:moveTo>
                    <a:pt x="85344" y="0"/>
                  </a:moveTo>
                  <a:lnTo>
                    <a:pt x="82283" y="0"/>
                  </a:lnTo>
                  <a:lnTo>
                    <a:pt x="82283" y="4572"/>
                  </a:lnTo>
                  <a:lnTo>
                    <a:pt x="85344" y="4572"/>
                  </a:lnTo>
                  <a:lnTo>
                    <a:pt x="85344" y="0"/>
                  </a:lnTo>
                  <a:close/>
                </a:path>
                <a:path w="483235" h="5080">
                  <a:moveTo>
                    <a:pt x="92951" y="0"/>
                  </a:moveTo>
                  <a:lnTo>
                    <a:pt x="88392" y="0"/>
                  </a:lnTo>
                  <a:lnTo>
                    <a:pt x="88392" y="4572"/>
                  </a:lnTo>
                  <a:lnTo>
                    <a:pt x="92951" y="4572"/>
                  </a:lnTo>
                  <a:lnTo>
                    <a:pt x="92951" y="0"/>
                  </a:lnTo>
                  <a:close/>
                </a:path>
                <a:path w="483235" h="5080">
                  <a:moveTo>
                    <a:pt x="99060" y="0"/>
                  </a:moveTo>
                  <a:lnTo>
                    <a:pt x="96012" y="0"/>
                  </a:lnTo>
                  <a:lnTo>
                    <a:pt x="96012" y="4572"/>
                  </a:lnTo>
                  <a:lnTo>
                    <a:pt x="99060" y="4572"/>
                  </a:lnTo>
                  <a:lnTo>
                    <a:pt x="99060" y="0"/>
                  </a:lnTo>
                  <a:close/>
                </a:path>
                <a:path w="483235" h="5080">
                  <a:moveTo>
                    <a:pt x="106680" y="0"/>
                  </a:moveTo>
                  <a:lnTo>
                    <a:pt x="102095" y="0"/>
                  </a:lnTo>
                  <a:lnTo>
                    <a:pt x="102095" y="4572"/>
                  </a:lnTo>
                  <a:lnTo>
                    <a:pt x="106680" y="4572"/>
                  </a:lnTo>
                  <a:lnTo>
                    <a:pt x="106680" y="0"/>
                  </a:lnTo>
                  <a:close/>
                </a:path>
                <a:path w="483235" h="5080">
                  <a:moveTo>
                    <a:pt x="112763" y="0"/>
                  </a:moveTo>
                  <a:lnTo>
                    <a:pt x="109728" y="0"/>
                  </a:lnTo>
                  <a:lnTo>
                    <a:pt x="109728" y="4572"/>
                  </a:lnTo>
                  <a:lnTo>
                    <a:pt x="112763" y="4572"/>
                  </a:lnTo>
                  <a:lnTo>
                    <a:pt x="112763" y="0"/>
                  </a:lnTo>
                  <a:close/>
                </a:path>
                <a:path w="483235" h="5080">
                  <a:moveTo>
                    <a:pt x="120396" y="0"/>
                  </a:moveTo>
                  <a:lnTo>
                    <a:pt x="115824" y="0"/>
                  </a:lnTo>
                  <a:lnTo>
                    <a:pt x="115824" y="4572"/>
                  </a:lnTo>
                  <a:lnTo>
                    <a:pt x="120396" y="4572"/>
                  </a:lnTo>
                  <a:lnTo>
                    <a:pt x="120396" y="0"/>
                  </a:lnTo>
                  <a:close/>
                </a:path>
                <a:path w="483235" h="5080">
                  <a:moveTo>
                    <a:pt x="126492" y="0"/>
                  </a:moveTo>
                  <a:lnTo>
                    <a:pt x="123444" y="0"/>
                  </a:lnTo>
                  <a:lnTo>
                    <a:pt x="123444" y="4572"/>
                  </a:lnTo>
                  <a:lnTo>
                    <a:pt x="126492" y="4572"/>
                  </a:lnTo>
                  <a:lnTo>
                    <a:pt x="126492" y="0"/>
                  </a:lnTo>
                  <a:close/>
                </a:path>
                <a:path w="483235" h="5080">
                  <a:moveTo>
                    <a:pt x="134112" y="0"/>
                  </a:moveTo>
                  <a:lnTo>
                    <a:pt x="129540" y="0"/>
                  </a:lnTo>
                  <a:lnTo>
                    <a:pt x="129540" y="4572"/>
                  </a:lnTo>
                  <a:lnTo>
                    <a:pt x="134112" y="4572"/>
                  </a:lnTo>
                  <a:lnTo>
                    <a:pt x="134112" y="0"/>
                  </a:lnTo>
                  <a:close/>
                </a:path>
                <a:path w="483235" h="5080">
                  <a:moveTo>
                    <a:pt x="140208" y="0"/>
                  </a:moveTo>
                  <a:lnTo>
                    <a:pt x="137160" y="0"/>
                  </a:lnTo>
                  <a:lnTo>
                    <a:pt x="137160" y="4572"/>
                  </a:lnTo>
                  <a:lnTo>
                    <a:pt x="140208" y="4572"/>
                  </a:lnTo>
                  <a:lnTo>
                    <a:pt x="140208" y="0"/>
                  </a:lnTo>
                  <a:close/>
                </a:path>
                <a:path w="483235" h="5080">
                  <a:moveTo>
                    <a:pt x="146304" y="0"/>
                  </a:moveTo>
                  <a:lnTo>
                    <a:pt x="143256" y="0"/>
                  </a:lnTo>
                  <a:lnTo>
                    <a:pt x="143256" y="4572"/>
                  </a:lnTo>
                  <a:lnTo>
                    <a:pt x="146304" y="4572"/>
                  </a:lnTo>
                  <a:lnTo>
                    <a:pt x="146304" y="0"/>
                  </a:lnTo>
                  <a:close/>
                </a:path>
                <a:path w="483235" h="5080">
                  <a:moveTo>
                    <a:pt x="153924" y="0"/>
                  </a:moveTo>
                  <a:lnTo>
                    <a:pt x="150876" y="0"/>
                  </a:lnTo>
                  <a:lnTo>
                    <a:pt x="150876" y="4572"/>
                  </a:lnTo>
                  <a:lnTo>
                    <a:pt x="153924" y="4572"/>
                  </a:lnTo>
                  <a:lnTo>
                    <a:pt x="153924" y="0"/>
                  </a:lnTo>
                  <a:close/>
                </a:path>
                <a:path w="483235" h="5080">
                  <a:moveTo>
                    <a:pt x="160020" y="0"/>
                  </a:moveTo>
                  <a:lnTo>
                    <a:pt x="156972" y="0"/>
                  </a:lnTo>
                  <a:lnTo>
                    <a:pt x="156972" y="4572"/>
                  </a:lnTo>
                  <a:lnTo>
                    <a:pt x="160020" y="4572"/>
                  </a:lnTo>
                  <a:lnTo>
                    <a:pt x="160020" y="0"/>
                  </a:lnTo>
                  <a:close/>
                </a:path>
                <a:path w="483235" h="5080">
                  <a:moveTo>
                    <a:pt x="167640" y="0"/>
                  </a:moveTo>
                  <a:lnTo>
                    <a:pt x="164592" y="0"/>
                  </a:lnTo>
                  <a:lnTo>
                    <a:pt x="164592" y="4572"/>
                  </a:lnTo>
                  <a:lnTo>
                    <a:pt x="167640" y="4572"/>
                  </a:lnTo>
                  <a:lnTo>
                    <a:pt x="167640" y="0"/>
                  </a:lnTo>
                  <a:close/>
                </a:path>
                <a:path w="483235" h="5080">
                  <a:moveTo>
                    <a:pt x="173736" y="0"/>
                  </a:moveTo>
                  <a:lnTo>
                    <a:pt x="170688" y="0"/>
                  </a:lnTo>
                  <a:lnTo>
                    <a:pt x="170688" y="4572"/>
                  </a:lnTo>
                  <a:lnTo>
                    <a:pt x="173736" y="4572"/>
                  </a:lnTo>
                  <a:lnTo>
                    <a:pt x="173736" y="0"/>
                  </a:lnTo>
                  <a:close/>
                </a:path>
                <a:path w="483235" h="5080">
                  <a:moveTo>
                    <a:pt x="181356" y="0"/>
                  </a:moveTo>
                  <a:lnTo>
                    <a:pt x="178308" y="0"/>
                  </a:lnTo>
                  <a:lnTo>
                    <a:pt x="178308" y="4572"/>
                  </a:lnTo>
                  <a:lnTo>
                    <a:pt x="181356" y="4572"/>
                  </a:lnTo>
                  <a:lnTo>
                    <a:pt x="181356" y="0"/>
                  </a:lnTo>
                  <a:close/>
                </a:path>
                <a:path w="483235" h="5080">
                  <a:moveTo>
                    <a:pt x="187452" y="0"/>
                  </a:moveTo>
                  <a:lnTo>
                    <a:pt x="184404" y="0"/>
                  </a:lnTo>
                  <a:lnTo>
                    <a:pt x="184404" y="4572"/>
                  </a:lnTo>
                  <a:lnTo>
                    <a:pt x="187452" y="4572"/>
                  </a:lnTo>
                  <a:lnTo>
                    <a:pt x="187452" y="0"/>
                  </a:lnTo>
                  <a:close/>
                </a:path>
                <a:path w="483235" h="5080">
                  <a:moveTo>
                    <a:pt x="195072" y="0"/>
                  </a:moveTo>
                  <a:lnTo>
                    <a:pt x="192024" y="0"/>
                  </a:lnTo>
                  <a:lnTo>
                    <a:pt x="192024" y="4572"/>
                  </a:lnTo>
                  <a:lnTo>
                    <a:pt x="195072" y="4572"/>
                  </a:lnTo>
                  <a:lnTo>
                    <a:pt x="195072" y="0"/>
                  </a:lnTo>
                  <a:close/>
                </a:path>
                <a:path w="483235" h="5080">
                  <a:moveTo>
                    <a:pt x="201168" y="0"/>
                  </a:moveTo>
                  <a:lnTo>
                    <a:pt x="198120" y="0"/>
                  </a:lnTo>
                  <a:lnTo>
                    <a:pt x="198120" y="4572"/>
                  </a:lnTo>
                  <a:lnTo>
                    <a:pt x="201168" y="4572"/>
                  </a:lnTo>
                  <a:lnTo>
                    <a:pt x="201168" y="0"/>
                  </a:lnTo>
                  <a:close/>
                </a:path>
                <a:path w="483235" h="5080">
                  <a:moveTo>
                    <a:pt x="208788" y="0"/>
                  </a:moveTo>
                  <a:lnTo>
                    <a:pt x="205740" y="0"/>
                  </a:lnTo>
                  <a:lnTo>
                    <a:pt x="205740" y="4572"/>
                  </a:lnTo>
                  <a:lnTo>
                    <a:pt x="208788" y="4572"/>
                  </a:lnTo>
                  <a:lnTo>
                    <a:pt x="208788" y="0"/>
                  </a:lnTo>
                  <a:close/>
                </a:path>
                <a:path w="483235" h="5080">
                  <a:moveTo>
                    <a:pt x="214884" y="0"/>
                  </a:moveTo>
                  <a:lnTo>
                    <a:pt x="211836" y="0"/>
                  </a:lnTo>
                  <a:lnTo>
                    <a:pt x="211836" y="4572"/>
                  </a:lnTo>
                  <a:lnTo>
                    <a:pt x="214884" y="4572"/>
                  </a:lnTo>
                  <a:lnTo>
                    <a:pt x="214884" y="0"/>
                  </a:lnTo>
                  <a:close/>
                </a:path>
                <a:path w="483235" h="5080">
                  <a:moveTo>
                    <a:pt x="222504" y="0"/>
                  </a:moveTo>
                  <a:lnTo>
                    <a:pt x="219456" y="0"/>
                  </a:lnTo>
                  <a:lnTo>
                    <a:pt x="219456" y="4572"/>
                  </a:lnTo>
                  <a:lnTo>
                    <a:pt x="222504" y="4572"/>
                  </a:lnTo>
                  <a:lnTo>
                    <a:pt x="222504" y="0"/>
                  </a:lnTo>
                  <a:close/>
                </a:path>
                <a:path w="483235" h="5080">
                  <a:moveTo>
                    <a:pt x="228600" y="0"/>
                  </a:moveTo>
                  <a:lnTo>
                    <a:pt x="225552" y="0"/>
                  </a:lnTo>
                  <a:lnTo>
                    <a:pt x="225552" y="4572"/>
                  </a:lnTo>
                  <a:lnTo>
                    <a:pt x="228600" y="4572"/>
                  </a:lnTo>
                  <a:lnTo>
                    <a:pt x="228600" y="0"/>
                  </a:lnTo>
                  <a:close/>
                </a:path>
                <a:path w="483235" h="5080">
                  <a:moveTo>
                    <a:pt x="236220" y="0"/>
                  </a:moveTo>
                  <a:lnTo>
                    <a:pt x="233172" y="0"/>
                  </a:lnTo>
                  <a:lnTo>
                    <a:pt x="233172" y="4572"/>
                  </a:lnTo>
                  <a:lnTo>
                    <a:pt x="236220" y="4572"/>
                  </a:lnTo>
                  <a:lnTo>
                    <a:pt x="236220" y="0"/>
                  </a:lnTo>
                  <a:close/>
                </a:path>
                <a:path w="483235" h="5080">
                  <a:moveTo>
                    <a:pt x="242316" y="0"/>
                  </a:moveTo>
                  <a:lnTo>
                    <a:pt x="239268" y="0"/>
                  </a:lnTo>
                  <a:lnTo>
                    <a:pt x="239268" y="4572"/>
                  </a:lnTo>
                  <a:lnTo>
                    <a:pt x="242316" y="4572"/>
                  </a:lnTo>
                  <a:lnTo>
                    <a:pt x="242316" y="0"/>
                  </a:lnTo>
                  <a:close/>
                </a:path>
                <a:path w="483235" h="5080">
                  <a:moveTo>
                    <a:pt x="249936" y="0"/>
                  </a:moveTo>
                  <a:lnTo>
                    <a:pt x="246888" y="0"/>
                  </a:lnTo>
                  <a:lnTo>
                    <a:pt x="246888" y="4572"/>
                  </a:lnTo>
                  <a:lnTo>
                    <a:pt x="249936" y="4572"/>
                  </a:lnTo>
                  <a:lnTo>
                    <a:pt x="249936" y="0"/>
                  </a:lnTo>
                  <a:close/>
                </a:path>
                <a:path w="483235" h="5080">
                  <a:moveTo>
                    <a:pt x="256032" y="0"/>
                  </a:moveTo>
                  <a:lnTo>
                    <a:pt x="252984" y="0"/>
                  </a:lnTo>
                  <a:lnTo>
                    <a:pt x="252984" y="4572"/>
                  </a:lnTo>
                  <a:lnTo>
                    <a:pt x="256032" y="4572"/>
                  </a:lnTo>
                  <a:lnTo>
                    <a:pt x="256032" y="0"/>
                  </a:lnTo>
                  <a:close/>
                </a:path>
                <a:path w="483235" h="5080">
                  <a:moveTo>
                    <a:pt x="263652" y="0"/>
                  </a:moveTo>
                  <a:lnTo>
                    <a:pt x="260604" y="0"/>
                  </a:lnTo>
                  <a:lnTo>
                    <a:pt x="260604" y="4572"/>
                  </a:lnTo>
                  <a:lnTo>
                    <a:pt x="263652" y="4572"/>
                  </a:lnTo>
                  <a:lnTo>
                    <a:pt x="263652" y="0"/>
                  </a:lnTo>
                  <a:close/>
                </a:path>
                <a:path w="483235" h="5080">
                  <a:moveTo>
                    <a:pt x="269748" y="0"/>
                  </a:moveTo>
                  <a:lnTo>
                    <a:pt x="266700" y="0"/>
                  </a:lnTo>
                  <a:lnTo>
                    <a:pt x="266700" y="4572"/>
                  </a:lnTo>
                  <a:lnTo>
                    <a:pt x="269748" y="4572"/>
                  </a:lnTo>
                  <a:lnTo>
                    <a:pt x="269748" y="0"/>
                  </a:lnTo>
                  <a:close/>
                </a:path>
                <a:path w="483235" h="5080">
                  <a:moveTo>
                    <a:pt x="277368" y="0"/>
                  </a:moveTo>
                  <a:lnTo>
                    <a:pt x="274320" y="0"/>
                  </a:lnTo>
                  <a:lnTo>
                    <a:pt x="274320" y="4572"/>
                  </a:lnTo>
                  <a:lnTo>
                    <a:pt x="277368" y="4572"/>
                  </a:lnTo>
                  <a:lnTo>
                    <a:pt x="277368" y="0"/>
                  </a:lnTo>
                  <a:close/>
                </a:path>
                <a:path w="483235" h="5080">
                  <a:moveTo>
                    <a:pt x="283464" y="0"/>
                  </a:moveTo>
                  <a:lnTo>
                    <a:pt x="280416" y="0"/>
                  </a:lnTo>
                  <a:lnTo>
                    <a:pt x="280416" y="4572"/>
                  </a:lnTo>
                  <a:lnTo>
                    <a:pt x="283464" y="4572"/>
                  </a:lnTo>
                  <a:lnTo>
                    <a:pt x="283464" y="0"/>
                  </a:lnTo>
                  <a:close/>
                </a:path>
                <a:path w="483235" h="5080">
                  <a:moveTo>
                    <a:pt x="291084" y="0"/>
                  </a:moveTo>
                  <a:lnTo>
                    <a:pt x="288036" y="0"/>
                  </a:lnTo>
                  <a:lnTo>
                    <a:pt x="288036" y="4572"/>
                  </a:lnTo>
                  <a:lnTo>
                    <a:pt x="291084" y="4572"/>
                  </a:lnTo>
                  <a:lnTo>
                    <a:pt x="291084" y="0"/>
                  </a:lnTo>
                  <a:close/>
                </a:path>
                <a:path w="483235" h="5080">
                  <a:moveTo>
                    <a:pt x="297180" y="0"/>
                  </a:moveTo>
                  <a:lnTo>
                    <a:pt x="294132" y="0"/>
                  </a:lnTo>
                  <a:lnTo>
                    <a:pt x="294132" y="4572"/>
                  </a:lnTo>
                  <a:lnTo>
                    <a:pt x="297180" y="4572"/>
                  </a:lnTo>
                  <a:lnTo>
                    <a:pt x="297180" y="0"/>
                  </a:lnTo>
                  <a:close/>
                </a:path>
                <a:path w="483235" h="5080">
                  <a:moveTo>
                    <a:pt x="304800" y="0"/>
                  </a:moveTo>
                  <a:lnTo>
                    <a:pt x="301752" y="0"/>
                  </a:lnTo>
                  <a:lnTo>
                    <a:pt x="301752" y="4572"/>
                  </a:lnTo>
                  <a:lnTo>
                    <a:pt x="304800" y="4572"/>
                  </a:lnTo>
                  <a:lnTo>
                    <a:pt x="304800" y="0"/>
                  </a:lnTo>
                  <a:close/>
                </a:path>
                <a:path w="483235" h="5080">
                  <a:moveTo>
                    <a:pt x="310896" y="0"/>
                  </a:moveTo>
                  <a:lnTo>
                    <a:pt x="307848" y="0"/>
                  </a:lnTo>
                  <a:lnTo>
                    <a:pt x="307848" y="4572"/>
                  </a:lnTo>
                  <a:lnTo>
                    <a:pt x="310896" y="4572"/>
                  </a:lnTo>
                  <a:lnTo>
                    <a:pt x="310896" y="0"/>
                  </a:lnTo>
                  <a:close/>
                </a:path>
                <a:path w="483235" h="5080">
                  <a:moveTo>
                    <a:pt x="318516" y="0"/>
                  </a:moveTo>
                  <a:lnTo>
                    <a:pt x="315468" y="0"/>
                  </a:lnTo>
                  <a:lnTo>
                    <a:pt x="315468" y="4572"/>
                  </a:lnTo>
                  <a:lnTo>
                    <a:pt x="318516" y="4572"/>
                  </a:lnTo>
                  <a:lnTo>
                    <a:pt x="318516" y="0"/>
                  </a:lnTo>
                  <a:close/>
                </a:path>
                <a:path w="483235" h="5080">
                  <a:moveTo>
                    <a:pt x="324612" y="0"/>
                  </a:moveTo>
                  <a:lnTo>
                    <a:pt x="321564" y="0"/>
                  </a:lnTo>
                  <a:lnTo>
                    <a:pt x="321564" y="4572"/>
                  </a:lnTo>
                  <a:lnTo>
                    <a:pt x="324612" y="4572"/>
                  </a:lnTo>
                  <a:lnTo>
                    <a:pt x="324612" y="0"/>
                  </a:lnTo>
                  <a:close/>
                </a:path>
                <a:path w="483235" h="5080">
                  <a:moveTo>
                    <a:pt x="332232" y="0"/>
                  </a:moveTo>
                  <a:lnTo>
                    <a:pt x="329184" y="0"/>
                  </a:lnTo>
                  <a:lnTo>
                    <a:pt x="329184" y="4572"/>
                  </a:lnTo>
                  <a:lnTo>
                    <a:pt x="332232" y="4572"/>
                  </a:lnTo>
                  <a:lnTo>
                    <a:pt x="332232" y="0"/>
                  </a:lnTo>
                  <a:close/>
                </a:path>
                <a:path w="483235" h="5080">
                  <a:moveTo>
                    <a:pt x="338328" y="0"/>
                  </a:moveTo>
                  <a:lnTo>
                    <a:pt x="335280" y="0"/>
                  </a:lnTo>
                  <a:lnTo>
                    <a:pt x="335280" y="4572"/>
                  </a:lnTo>
                  <a:lnTo>
                    <a:pt x="338328" y="4572"/>
                  </a:lnTo>
                  <a:lnTo>
                    <a:pt x="338328" y="0"/>
                  </a:lnTo>
                  <a:close/>
                </a:path>
                <a:path w="483235" h="5080">
                  <a:moveTo>
                    <a:pt x="345948" y="0"/>
                  </a:moveTo>
                  <a:lnTo>
                    <a:pt x="342900" y="0"/>
                  </a:lnTo>
                  <a:lnTo>
                    <a:pt x="342900" y="4572"/>
                  </a:lnTo>
                  <a:lnTo>
                    <a:pt x="345948" y="4572"/>
                  </a:lnTo>
                  <a:lnTo>
                    <a:pt x="345948" y="0"/>
                  </a:lnTo>
                  <a:close/>
                </a:path>
                <a:path w="483235" h="5080">
                  <a:moveTo>
                    <a:pt x="352044" y="0"/>
                  </a:moveTo>
                  <a:lnTo>
                    <a:pt x="348996" y="0"/>
                  </a:lnTo>
                  <a:lnTo>
                    <a:pt x="348996" y="4572"/>
                  </a:lnTo>
                  <a:lnTo>
                    <a:pt x="352044" y="4572"/>
                  </a:lnTo>
                  <a:lnTo>
                    <a:pt x="352044" y="0"/>
                  </a:lnTo>
                  <a:close/>
                </a:path>
                <a:path w="483235" h="5080">
                  <a:moveTo>
                    <a:pt x="359664" y="0"/>
                  </a:moveTo>
                  <a:lnTo>
                    <a:pt x="356616" y="0"/>
                  </a:lnTo>
                  <a:lnTo>
                    <a:pt x="356616" y="4572"/>
                  </a:lnTo>
                  <a:lnTo>
                    <a:pt x="359664" y="4572"/>
                  </a:lnTo>
                  <a:lnTo>
                    <a:pt x="359664" y="0"/>
                  </a:lnTo>
                  <a:close/>
                </a:path>
                <a:path w="483235" h="5080">
                  <a:moveTo>
                    <a:pt x="365760" y="0"/>
                  </a:moveTo>
                  <a:lnTo>
                    <a:pt x="362712" y="0"/>
                  </a:lnTo>
                  <a:lnTo>
                    <a:pt x="362712" y="4572"/>
                  </a:lnTo>
                  <a:lnTo>
                    <a:pt x="365760" y="4572"/>
                  </a:lnTo>
                  <a:lnTo>
                    <a:pt x="365760" y="0"/>
                  </a:lnTo>
                  <a:close/>
                </a:path>
                <a:path w="483235" h="5080">
                  <a:moveTo>
                    <a:pt x="373380" y="0"/>
                  </a:moveTo>
                  <a:lnTo>
                    <a:pt x="370332" y="0"/>
                  </a:lnTo>
                  <a:lnTo>
                    <a:pt x="370332" y="4572"/>
                  </a:lnTo>
                  <a:lnTo>
                    <a:pt x="373380" y="4572"/>
                  </a:lnTo>
                  <a:lnTo>
                    <a:pt x="373380" y="0"/>
                  </a:lnTo>
                  <a:close/>
                </a:path>
                <a:path w="483235" h="5080">
                  <a:moveTo>
                    <a:pt x="379476" y="0"/>
                  </a:moveTo>
                  <a:lnTo>
                    <a:pt x="376428" y="0"/>
                  </a:lnTo>
                  <a:lnTo>
                    <a:pt x="376428" y="4572"/>
                  </a:lnTo>
                  <a:lnTo>
                    <a:pt x="379476" y="4572"/>
                  </a:lnTo>
                  <a:lnTo>
                    <a:pt x="379476" y="0"/>
                  </a:lnTo>
                  <a:close/>
                </a:path>
                <a:path w="483235" h="5080">
                  <a:moveTo>
                    <a:pt x="387096" y="0"/>
                  </a:moveTo>
                  <a:lnTo>
                    <a:pt x="384048" y="0"/>
                  </a:lnTo>
                  <a:lnTo>
                    <a:pt x="384048" y="4572"/>
                  </a:lnTo>
                  <a:lnTo>
                    <a:pt x="387096" y="4572"/>
                  </a:lnTo>
                  <a:lnTo>
                    <a:pt x="387096" y="0"/>
                  </a:lnTo>
                  <a:close/>
                </a:path>
                <a:path w="483235" h="5080">
                  <a:moveTo>
                    <a:pt x="393192" y="0"/>
                  </a:moveTo>
                  <a:lnTo>
                    <a:pt x="390144" y="0"/>
                  </a:lnTo>
                  <a:lnTo>
                    <a:pt x="390144" y="4572"/>
                  </a:lnTo>
                  <a:lnTo>
                    <a:pt x="393192" y="4572"/>
                  </a:lnTo>
                  <a:lnTo>
                    <a:pt x="393192" y="0"/>
                  </a:lnTo>
                  <a:close/>
                </a:path>
                <a:path w="483235" h="5080">
                  <a:moveTo>
                    <a:pt x="400812" y="0"/>
                  </a:moveTo>
                  <a:lnTo>
                    <a:pt x="397764" y="0"/>
                  </a:lnTo>
                  <a:lnTo>
                    <a:pt x="397764" y="4572"/>
                  </a:lnTo>
                  <a:lnTo>
                    <a:pt x="400812" y="4572"/>
                  </a:lnTo>
                  <a:lnTo>
                    <a:pt x="400812" y="0"/>
                  </a:lnTo>
                  <a:close/>
                </a:path>
                <a:path w="483235" h="5080">
                  <a:moveTo>
                    <a:pt x="406908" y="0"/>
                  </a:moveTo>
                  <a:lnTo>
                    <a:pt x="403860" y="0"/>
                  </a:lnTo>
                  <a:lnTo>
                    <a:pt x="403860" y="4572"/>
                  </a:lnTo>
                  <a:lnTo>
                    <a:pt x="406908" y="4572"/>
                  </a:lnTo>
                  <a:lnTo>
                    <a:pt x="406908" y="0"/>
                  </a:lnTo>
                  <a:close/>
                </a:path>
                <a:path w="483235" h="5080">
                  <a:moveTo>
                    <a:pt x="414528" y="0"/>
                  </a:moveTo>
                  <a:lnTo>
                    <a:pt x="411480" y="0"/>
                  </a:lnTo>
                  <a:lnTo>
                    <a:pt x="411480" y="4572"/>
                  </a:lnTo>
                  <a:lnTo>
                    <a:pt x="414528" y="4572"/>
                  </a:lnTo>
                  <a:lnTo>
                    <a:pt x="414528" y="0"/>
                  </a:lnTo>
                  <a:close/>
                </a:path>
                <a:path w="483235" h="5080">
                  <a:moveTo>
                    <a:pt x="420624" y="0"/>
                  </a:moveTo>
                  <a:lnTo>
                    <a:pt x="417576" y="0"/>
                  </a:lnTo>
                  <a:lnTo>
                    <a:pt x="417576" y="4572"/>
                  </a:lnTo>
                  <a:lnTo>
                    <a:pt x="420624" y="4572"/>
                  </a:lnTo>
                  <a:lnTo>
                    <a:pt x="420624" y="0"/>
                  </a:lnTo>
                  <a:close/>
                </a:path>
                <a:path w="483235" h="5080">
                  <a:moveTo>
                    <a:pt x="428244" y="0"/>
                  </a:moveTo>
                  <a:lnTo>
                    <a:pt x="425196" y="0"/>
                  </a:lnTo>
                  <a:lnTo>
                    <a:pt x="425196" y="4572"/>
                  </a:lnTo>
                  <a:lnTo>
                    <a:pt x="428244" y="4572"/>
                  </a:lnTo>
                  <a:lnTo>
                    <a:pt x="428244" y="0"/>
                  </a:lnTo>
                  <a:close/>
                </a:path>
                <a:path w="483235" h="5080">
                  <a:moveTo>
                    <a:pt x="434340" y="0"/>
                  </a:moveTo>
                  <a:lnTo>
                    <a:pt x="431292" y="0"/>
                  </a:lnTo>
                  <a:lnTo>
                    <a:pt x="431292" y="4572"/>
                  </a:lnTo>
                  <a:lnTo>
                    <a:pt x="434340" y="4572"/>
                  </a:lnTo>
                  <a:lnTo>
                    <a:pt x="434340" y="0"/>
                  </a:lnTo>
                  <a:close/>
                </a:path>
                <a:path w="483235" h="5080">
                  <a:moveTo>
                    <a:pt x="441960" y="0"/>
                  </a:moveTo>
                  <a:lnTo>
                    <a:pt x="438912" y="0"/>
                  </a:lnTo>
                  <a:lnTo>
                    <a:pt x="438912" y="4572"/>
                  </a:lnTo>
                  <a:lnTo>
                    <a:pt x="441960" y="4572"/>
                  </a:lnTo>
                  <a:lnTo>
                    <a:pt x="441960" y="0"/>
                  </a:lnTo>
                  <a:close/>
                </a:path>
                <a:path w="483235" h="5080">
                  <a:moveTo>
                    <a:pt x="448056" y="0"/>
                  </a:moveTo>
                  <a:lnTo>
                    <a:pt x="445008" y="0"/>
                  </a:lnTo>
                  <a:lnTo>
                    <a:pt x="445008" y="4572"/>
                  </a:lnTo>
                  <a:lnTo>
                    <a:pt x="448056" y="4572"/>
                  </a:lnTo>
                  <a:lnTo>
                    <a:pt x="448056" y="0"/>
                  </a:lnTo>
                  <a:close/>
                </a:path>
                <a:path w="483235" h="5080">
                  <a:moveTo>
                    <a:pt x="455676" y="0"/>
                  </a:moveTo>
                  <a:lnTo>
                    <a:pt x="452628" y="0"/>
                  </a:lnTo>
                  <a:lnTo>
                    <a:pt x="452628" y="4572"/>
                  </a:lnTo>
                  <a:lnTo>
                    <a:pt x="455676" y="4572"/>
                  </a:lnTo>
                  <a:lnTo>
                    <a:pt x="455676" y="0"/>
                  </a:lnTo>
                  <a:close/>
                </a:path>
                <a:path w="483235" h="5080">
                  <a:moveTo>
                    <a:pt x="461772" y="0"/>
                  </a:moveTo>
                  <a:lnTo>
                    <a:pt x="458724" y="0"/>
                  </a:lnTo>
                  <a:lnTo>
                    <a:pt x="458724" y="4572"/>
                  </a:lnTo>
                  <a:lnTo>
                    <a:pt x="461772" y="4572"/>
                  </a:lnTo>
                  <a:lnTo>
                    <a:pt x="461772" y="0"/>
                  </a:lnTo>
                  <a:close/>
                </a:path>
                <a:path w="483235" h="5080">
                  <a:moveTo>
                    <a:pt x="469392" y="0"/>
                  </a:moveTo>
                  <a:lnTo>
                    <a:pt x="466344" y="0"/>
                  </a:lnTo>
                  <a:lnTo>
                    <a:pt x="466344" y="4572"/>
                  </a:lnTo>
                  <a:lnTo>
                    <a:pt x="469392" y="4572"/>
                  </a:lnTo>
                  <a:lnTo>
                    <a:pt x="469392" y="0"/>
                  </a:lnTo>
                  <a:close/>
                </a:path>
                <a:path w="483235" h="5080">
                  <a:moveTo>
                    <a:pt x="475488" y="0"/>
                  </a:moveTo>
                  <a:lnTo>
                    <a:pt x="472440" y="0"/>
                  </a:lnTo>
                  <a:lnTo>
                    <a:pt x="472440" y="4572"/>
                  </a:lnTo>
                  <a:lnTo>
                    <a:pt x="475488" y="4572"/>
                  </a:lnTo>
                  <a:lnTo>
                    <a:pt x="475488" y="0"/>
                  </a:lnTo>
                  <a:close/>
                </a:path>
                <a:path w="483235"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23" name="object 123"/>
            <p:cNvSpPr/>
            <p:nvPr/>
          </p:nvSpPr>
          <p:spPr>
            <a:xfrm>
              <a:off x="2031492" y="2284475"/>
              <a:ext cx="812800" cy="5080"/>
            </a:xfrm>
            <a:custGeom>
              <a:avLst/>
              <a:gdLst/>
              <a:ahLst/>
              <a:cxnLst/>
              <a:rect l="l" t="t" r="r" b="b"/>
              <a:pathLst>
                <a:path w="812800" h="5080">
                  <a:moveTo>
                    <a:pt x="3048" y="0"/>
                  </a:moveTo>
                  <a:lnTo>
                    <a:pt x="0" y="0"/>
                  </a:lnTo>
                  <a:lnTo>
                    <a:pt x="0" y="4572"/>
                  </a:lnTo>
                  <a:lnTo>
                    <a:pt x="3048" y="4572"/>
                  </a:lnTo>
                  <a:lnTo>
                    <a:pt x="3048" y="0"/>
                  </a:lnTo>
                  <a:close/>
                </a:path>
                <a:path w="812800" h="5080">
                  <a:moveTo>
                    <a:pt x="9144" y="0"/>
                  </a:moveTo>
                  <a:lnTo>
                    <a:pt x="6096" y="0"/>
                  </a:lnTo>
                  <a:lnTo>
                    <a:pt x="6096" y="4572"/>
                  </a:lnTo>
                  <a:lnTo>
                    <a:pt x="9144" y="4572"/>
                  </a:lnTo>
                  <a:lnTo>
                    <a:pt x="9144" y="0"/>
                  </a:lnTo>
                  <a:close/>
                </a:path>
                <a:path w="812800" h="5080">
                  <a:moveTo>
                    <a:pt x="16764" y="0"/>
                  </a:moveTo>
                  <a:lnTo>
                    <a:pt x="13716" y="0"/>
                  </a:lnTo>
                  <a:lnTo>
                    <a:pt x="13716" y="4572"/>
                  </a:lnTo>
                  <a:lnTo>
                    <a:pt x="16764" y="4572"/>
                  </a:lnTo>
                  <a:lnTo>
                    <a:pt x="16764" y="0"/>
                  </a:lnTo>
                  <a:close/>
                </a:path>
                <a:path w="812800" h="5080">
                  <a:moveTo>
                    <a:pt x="22860" y="0"/>
                  </a:moveTo>
                  <a:lnTo>
                    <a:pt x="19812" y="0"/>
                  </a:lnTo>
                  <a:lnTo>
                    <a:pt x="19812" y="4572"/>
                  </a:lnTo>
                  <a:lnTo>
                    <a:pt x="22860" y="4572"/>
                  </a:lnTo>
                  <a:lnTo>
                    <a:pt x="22860" y="0"/>
                  </a:lnTo>
                  <a:close/>
                </a:path>
                <a:path w="812800" h="5080">
                  <a:moveTo>
                    <a:pt x="30480" y="0"/>
                  </a:moveTo>
                  <a:lnTo>
                    <a:pt x="27432" y="0"/>
                  </a:lnTo>
                  <a:lnTo>
                    <a:pt x="27432" y="4572"/>
                  </a:lnTo>
                  <a:lnTo>
                    <a:pt x="30480" y="4572"/>
                  </a:lnTo>
                  <a:lnTo>
                    <a:pt x="30480" y="0"/>
                  </a:lnTo>
                  <a:close/>
                </a:path>
                <a:path w="812800" h="5080">
                  <a:moveTo>
                    <a:pt x="201168" y="0"/>
                  </a:moveTo>
                  <a:lnTo>
                    <a:pt x="199644" y="0"/>
                  </a:lnTo>
                  <a:lnTo>
                    <a:pt x="199644" y="4572"/>
                  </a:lnTo>
                  <a:lnTo>
                    <a:pt x="201168" y="4572"/>
                  </a:lnTo>
                  <a:lnTo>
                    <a:pt x="201168" y="0"/>
                  </a:lnTo>
                  <a:close/>
                </a:path>
                <a:path w="812800" h="5080">
                  <a:moveTo>
                    <a:pt x="208788" y="0"/>
                  </a:moveTo>
                  <a:lnTo>
                    <a:pt x="205740" y="0"/>
                  </a:lnTo>
                  <a:lnTo>
                    <a:pt x="205740" y="4572"/>
                  </a:lnTo>
                  <a:lnTo>
                    <a:pt x="208788" y="4572"/>
                  </a:lnTo>
                  <a:lnTo>
                    <a:pt x="208788" y="0"/>
                  </a:lnTo>
                  <a:close/>
                </a:path>
                <a:path w="812800" h="5080">
                  <a:moveTo>
                    <a:pt x="214884" y="0"/>
                  </a:moveTo>
                  <a:lnTo>
                    <a:pt x="211836" y="0"/>
                  </a:lnTo>
                  <a:lnTo>
                    <a:pt x="211836" y="4572"/>
                  </a:lnTo>
                  <a:lnTo>
                    <a:pt x="214884" y="4572"/>
                  </a:lnTo>
                  <a:lnTo>
                    <a:pt x="214884" y="0"/>
                  </a:lnTo>
                  <a:close/>
                </a:path>
                <a:path w="812800" h="5080">
                  <a:moveTo>
                    <a:pt x="222504" y="0"/>
                  </a:moveTo>
                  <a:lnTo>
                    <a:pt x="219456" y="0"/>
                  </a:lnTo>
                  <a:lnTo>
                    <a:pt x="219456" y="4572"/>
                  </a:lnTo>
                  <a:lnTo>
                    <a:pt x="222504" y="4572"/>
                  </a:lnTo>
                  <a:lnTo>
                    <a:pt x="222504" y="0"/>
                  </a:lnTo>
                  <a:close/>
                </a:path>
                <a:path w="812800" h="5080">
                  <a:moveTo>
                    <a:pt x="228600" y="0"/>
                  </a:moveTo>
                  <a:lnTo>
                    <a:pt x="225552" y="0"/>
                  </a:lnTo>
                  <a:lnTo>
                    <a:pt x="225552" y="4572"/>
                  </a:lnTo>
                  <a:lnTo>
                    <a:pt x="228600" y="4572"/>
                  </a:lnTo>
                  <a:lnTo>
                    <a:pt x="228600" y="0"/>
                  </a:lnTo>
                  <a:close/>
                </a:path>
                <a:path w="812800" h="5080">
                  <a:moveTo>
                    <a:pt x="236220" y="0"/>
                  </a:moveTo>
                  <a:lnTo>
                    <a:pt x="233172" y="0"/>
                  </a:lnTo>
                  <a:lnTo>
                    <a:pt x="233172" y="4572"/>
                  </a:lnTo>
                  <a:lnTo>
                    <a:pt x="236220" y="4572"/>
                  </a:lnTo>
                  <a:lnTo>
                    <a:pt x="236220" y="0"/>
                  </a:lnTo>
                  <a:close/>
                </a:path>
                <a:path w="812800" h="5080">
                  <a:moveTo>
                    <a:pt x="242316" y="0"/>
                  </a:moveTo>
                  <a:lnTo>
                    <a:pt x="239268" y="0"/>
                  </a:lnTo>
                  <a:lnTo>
                    <a:pt x="239268" y="4572"/>
                  </a:lnTo>
                  <a:lnTo>
                    <a:pt x="242316" y="4572"/>
                  </a:lnTo>
                  <a:lnTo>
                    <a:pt x="242316" y="0"/>
                  </a:lnTo>
                  <a:close/>
                </a:path>
                <a:path w="812800" h="5080">
                  <a:moveTo>
                    <a:pt x="249936" y="0"/>
                  </a:moveTo>
                  <a:lnTo>
                    <a:pt x="246888" y="0"/>
                  </a:lnTo>
                  <a:lnTo>
                    <a:pt x="246888" y="4572"/>
                  </a:lnTo>
                  <a:lnTo>
                    <a:pt x="249936" y="4572"/>
                  </a:lnTo>
                  <a:lnTo>
                    <a:pt x="249936" y="0"/>
                  </a:lnTo>
                  <a:close/>
                </a:path>
                <a:path w="812800" h="5080">
                  <a:moveTo>
                    <a:pt x="256032" y="0"/>
                  </a:moveTo>
                  <a:lnTo>
                    <a:pt x="252984" y="0"/>
                  </a:lnTo>
                  <a:lnTo>
                    <a:pt x="252984" y="4572"/>
                  </a:lnTo>
                  <a:lnTo>
                    <a:pt x="256032" y="4572"/>
                  </a:lnTo>
                  <a:lnTo>
                    <a:pt x="256032" y="0"/>
                  </a:lnTo>
                  <a:close/>
                </a:path>
                <a:path w="812800" h="5080">
                  <a:moveTo>
                    <a:pt x="263652" y="0"/>
                  </a:moveTo>
                  <a:lnTo>
                    <a:pt x="260604" y="0"/>
                  </a:lnTo>
                  <a:lnTo>
                    <a:pt x="260604" y="4572"/>
                  </a:lnTo>
                  <a:lnTo>
                    <a:pt x="263652" y="4572"/>
                  </a:lnTo>
                  <a:lnTo>
                    <a:pt x="263652" y="0"/>
                  </a:lnTo>
                  <a:close/>
                </a:path>
                <a:path w="812800" h="5080">
                  <a:moveTo>
                    <a:pt x="269748" y="0"/>
                  </a:moveTo>
                  <a:lnTo>
                    <a:pt x="266700" y="0"/>
                  </a:lnTo>
                  <a:lnTo>
                    <a:pt x="266700" y="4572"/>
                  </a:lnTo>
                  <a:lnTo>
                    <a:pt x="269748" y="4572"/>
                  </a:lnTo>
                  <a:lnTo>
                    <a:pt x="269748" y="0"/>
                  </a:lnTo>
                  <a:close/>
                </a:path>
                <a:path w="812800" h="5080">
                  <a:moveTo>
                    <a:pt x="277368" y="0"/>
                  </a:moveTo>
                  <a:lnTo>
                    <a:pt x="274320" y="0"/>
                  </a:lnTo>
                  <a:lnTo>
                    <a:pt x="274320" y="4572"/>
                  </a:lnTo>
                  <a:lnTo>
                    <a:pt x="277368" y="4572"/>
                  </a:lnTo>
                  <a:lnTo>
                    <a:pt x="277368" y="0"/>
                  </a:lnTo>
                  <a:close/>
                </a:path>
                <a:path w="812800" h="5080">
                  <a:moveTo>
                    <a:pt x="283464" y="0"/>
                  </a:moveTo>
                  <a:lnTo>
                    <a:pt x="280416" y="0"/>
                  </a:lnTo>
                  <a:lnTo>
                    <a:pt x="280416" y="4572"/>
                  </a:lnTo>
                  <a:lnTo>
                    <a:pt x="283464" y="4572"/>
                  </a:lnTo>
                  <a:lnTo>
                    <a:pt x="283464" y="0"/>
                  </a:lnTo>
                  <a:close/>
                </a:path>
                <a:path w="812800" h="5080">
                  <a:moveTo>
                    <a:pt x="291084" y="0"/>
                  </a:moveTo>
                  <a:lnTo>
                    <a:pt x="286512" y="0"/>
                  </a:lnTo>
                  <a:lnTo>
                    <a:pt x="286512" y="4572"/>
                  </a:lnTo>
                  <a:lnTo>
                    <a:pt x="291084" y="4572"/>
                  </a:lnTo>
                  <a:lnTo>
                    <a:pt x="291084" y="0"/>
                  </a:lnTo>
                  <a:close/>
                </a:path>
                <a:path w="812800" h="5080">
                  <a:moveTo>
                    <a:pt x="297180" y="0"/>
                  </a:moveTo>
                  <a:lnTo>
                    <a:pt x="294132" y="0"/>
                  </a:lnTo>
                  <a:lnTo>
                    <a:pt x="294132" y="4572"/>
                  </a:lnTo>
                  <a:lnTo>
                    <a:pt x="297180" y="4572"/>
                  </a:lnTo>
                  <a:lnTo>
                    <a:pt x="297180" y="0"/>
                  </a:lnTo>
                  <a:close/>
                </a:path>
                <a:path w="812800" h="5080">
                  <a:moveTo>
                    <a:pt x="304800" y="0"/>
                  </a:moveTo>
                  <a:lnTo>
                    <a:pt x="300228" y="0"/>
                  </a:lnTo>
                  <a:lnTo>
                    <a:pt x="300228" y="4572"/>
                  </a:lnTo>
                  <a:lnTo>
                    <a:pt x="304800" y="4572"/>
                  </a:lnTo>
                  <a:lnTo>
                    <a:pt x="304800" y="0"/>
                  </a:lnTo>
                  <a:close/>
                </a:path>
                <a:path w="812800" h="5080">
                  <a:moveTo>
                    <a:pt x="310896" y="0"/>
                  </a:moveTo>
                  <a:lnTo>
                    <a:pt x="307848" y="0"/>
                  </a:lnTo>
                  <a:lnTo>
                    <a:pt x="307848" y="4572"/>
                  </a:lnTo>
                  <a:lnTo>
                    <a:pt x="310896" y="4572"/>
                  </a:lnTo>
                  <a:lnTo>
                    <a:pt x="310896" y="0"/>
                  </a:lnTo>
                  <a:close/>
                </a:path>
                <a:path w="812800" h="5080">
                  <a:moveTo>
                    <a:pt x="318516" y="0"/>
                  </a:moveTo>
                  <a:lnTo>
                    <a:pt x="313944" y="0"/>
                  </a:lnTo>
                  <a:lnTo>
                    <a:pt x="313944" y="4572"/>
                  </a:lnTo>
                  <a:lnTo>
                    <a:pt x="318516" y="4572"/>
                  </a:lnTo>
                  <a:lnTo>
                    <a:pt x="318516" y="0"/>
                  </a:lnTo>
                  <a:close/>
                </a:path>
                <a:path w="812800" h="5080">
                  <a:moveTo>
                    <a:pt x="324612" y="0"/>
                  </a:moveTo>
                  <a:lnTo>
                    <a:pt x="321564" y="0"/>
                  </a:lnTo>
                  <a:lnTo>
                    <a:pt x="321564" y="4572"/>
                  </a:lnTo>
                  <a:lnTo>
                    <a:pt x="324612" y="4572"/>
                  </a:lnTo>
                  <a:lnTo>
                    <a:pt x="324612" y="0"/>
                  </a:lnTo>
                  <a:close/>
                </a:path>
                <a:path w="812800" h="5080">
                  <a:moveTo>
                    <a:pt x="332232" y="0"/>
                  </a:moveTo>
                  <a:lnTo>
                    <a:pt x="327660" y="0"/>
                  </a:lnTo>
                  <a:lnTo>
                    <a:pt x="327660" y="4572"/>
                  </a:lnTo>
                  <a:lnTo>
                    <a:pt x="332232" y="4572"/>
                  </a:lnTo>
                  <a:lnTo>
                    <a:pt x="332232" y="0"/>
                  </a:lnTo>
                  <a:close/>
                </a:path>
                <a:path w="812800" h="5080">
                  <a:moveTo>
                    <a:pt x="338328" y="0"/>
                  </a:moveTo>
                  <a:lnTo>
                    <a:pt x="335280" y="0"/>
                  </a:lnTo>
                  <a:lnTo>
                    <a:pt x="335280" y="4572"/>
                  </a:lnTo>
                  <a:lnTo>
                    <a:pt x="338328" y="4572"/>
                  </a:lnTo>
                  <a:lnTo>
                    <a:pt x="338328" y="0"/>
                  </a:lnTo>
                  <a:close/>
                </a:path>
                <a:path w="812800" h="5080">
                  <a:moveTo>
                    <a:pt x="345948" y="0"/>
                  </a:moveTo>
                  <a:lnTo>
                    <a:pt x="341376" y="0"/>
                  </a:lnTo>
                  <a:lnTo>
                    <a:pt x="341376" y="4572"/>
                  </a:lnTo>
                  <a:lnTo>
                    <a:pt x="345948" y="4572"/>
                  </a:lnTo>
                  <a:lnTo>
                    <a:pt x="345948" y="0"/>
                  </a:lnTo>
                  <a:close/>
                </a:path>
                <a:path w="812800" h="5080">
                  <a:moveTo>
                    <a:pt x="352044" y="0"/>
                  </a:moveTo>
                  <a:lnTo>
                    <a:pt x="348996" y="0"/>
                  </a:lnTo>
                  <a:lnTo>
                    <a:pt x="348996" y="4572"/>
                  </a:lnTo>
                  <a:lnTo>
                    <a:pt x="352044" y="4572"/>
                  </a:lnTo>
                  <a:lnTo>
                    <a:pt x="352044" y="0"/>
                  </a:lnTo>
                  <a:close/>
                </a:path>
                <a:path w="812800" h="5080">
                  <a:moveTo>
                    <a:pt x="359664" y="0"/>
                  </a:moveTo>
                  <a:lnTo>
                    <a:pt x="355092" y="0"/>
                  </a:lnTo>
                  <a:lnTo>
                    <a:pt x="355092" y="4572"/>
                  </a:lnTo>
                  <a:lnTo>
                    <a:pt x="359664" y="4572"/>
                  </a:lnTo>
                  <a:lnTo>
                    <a:pt x="359664" y="0"/>
                  </a:lnTo>
                  <a:close/>
                </a:path>
                <a:path w="812800" h="5080">
                  <a:moveTo>
                    <a:pt x="365760" y="0"/>
                  </a:moveTo>
                  <a:lnTo>
                    <a:pt x="362712" y="0"/>
                  </a:lnTo>
                  <a:lnTo>
                    <a:pt x="362712" y="4572"/>
                  </a:lnTo>
                  <a:lnTo>
                    <a:pt x="365760" y="4572"/>
                  </a:lnTo>
                  <a:lnTo>
                    <a:pt x="365760" y="0"/>
                  </a:lnTo>
                  <a:close/>
                </a:path>
                <a:path w="812800" h="5080">
                  <a:moveTo>
                    <a:pt x="373380" y="0"/>
                  </a:moveTo>
                  <a:lnTo>
                    <a:pt x="368808" y="0"/>
                  </a:lnTo>
                  <a:lnTo>
                    <a:pt x="368808" y="4572"/>
                  </a:lnTo>
                  <a:lnTo>
                    <a:pt x="373380" y="4572"/>
                  </a:lnTo>
                  <a:lnTo>
                    <a:pt x="373380" y="0"/>
                  </a:lnTo>
                  <a:close/>
                </a:path>
                <a:path w="812800" h="5080">
                  <a:moveTo>
                    <a:pt x="379476" y="0"/>
                  </a:moveTo>
                  <a:lnTo>
                    <a:pt x="376428" y="0"/>
                  </a:lnTo>
                  <a:lnTo>
                    <a:pt x="376428" y="4572"/>
                  </a:lnTo>
                  <a:lnTo>
                    <a:pt x="379476" y="4572"/>
                  </a:lnTo>
                  <a:lnTo>
                    <a:pt x="379476" y="0"/>
                  </a:lnTo>
                  <a:close/>
                </a:path>
                <a:path w="812800" h="5080">
                  <a:moveTo>
                    <a:pt x="387096" y="0"/>
                  </a:moveTo>
                  <a:lnTo>
                    <a:pt x="382524" y="0"/>
                  </a:lnTo>
                  <a:lnTo>
                    <a:pt x="382524" y="4572"/>
                  </a:lnTo>
                  <a:lnTo>
                    <a:pt x="387096" y="4572"/>
                  </a:lnTo>
                  <a:lnTo>
                    <a:pt x="387096" y="0"/>
                  </a:lnTo>
                  <a:close/>
                </a:path>
                <a:path w="812800" h="5080">
                  <a:moveTo>
                    <a:pt x="393192" y="0"/>
                  </a:moveTo>
                  <a:lnTo>
                    <a:pt x="390144" y="0"/>
                  </a:lnTo>
                  <a:lnTo>
                    <a:pt x="390144" y="4572"/>
                  </a:lnTo>
                  <a:lnTo>
                    <a:pt x="393192" y="4572"/>
                  </a:lnTo>
                  <a:lnTo>
                    <a:pt x="393192" y="0"/>
                  </a:lnTo>
                  <a:close/>
                </a:path>
                <a:path w="812800" h="5080">
                  <a:moveTo>
                    <a:pt x="400812" y="0"/>
                  </a:moveTo>
                  <a:lnTo>
                    <a:pt x="396240" y="0"/>
                  </a:lnTo>
                  <a:lnTo>
                    <a:pt x="396240" y="4572"/>
                  </a:lnTo>
                  <a:lnTo>
                    <a:pt x="400812" y="4572"/>
                  </a:lnTo>
                  <a:lnTo>
                    <a:pt x="400812" y="0"/>
                  </a:lnTo>
                  <a:close/>
                </a:path>
                <a:path w="812800" h="5080">
                  <a:moveTo>
                    <a:pt x="406908" y="0"/>
                  </a:moveTo>
                  <a:lnTo>
                    <a:pt x="403860" y="0"/>
                  </a:lnTo>
                  <a:lnTo>
                    <a:pt x="403860" y="4572"/>
                  </a:lnTo>
                  <a:lnTo>
                    <a:pt x="406908" y="4572"/>
                  </a:lnTo>
                  <a:lnTo>
                    <a:pt x="406908" y="0"/>
                  </a:lnTo>
                  <a:close/>
                </a:path>
                <a:path w="812800" h="5080">
                  <a:moveTo>
                    <a:pt x="414528" y="0"/>
                  </a:moveTo>
                  <a:lnTo>
                    <a:pt x="409956" y="0"/>
                  </a:lnTo>
                  <a:lnTo>
                    <a:pt x="409956" y="4572"/>
                  </a:lnTo>
                  <a:lnTo>
                    <a:pt x="414528" y="4572"/>
                  </a:lnTo>
                  <a:lnTo>
                    <a:pt x="414528" y="0"/>
                  </a:lnTo>
                  <a:close/>
                </a:path>
                <a:path w="812800" h="5080">
                  <a:moveTo>
                    <a:pt x="420624" y="0"/>
                  </a:moveTo>
                  <a:lnTo>
                    <a:pt x="417576" y="0"/>
                  </a:lnTo>
                  <a:lnTo>
                    <a:pt x="417576" y="4572"/>
                  </a:lnTo>
                  <a:lnTo>
                    <a:pt x="420624" y="4572"/>
                  </a:lnTo>
                  <a:lnTo>
                    <a:pt x="420624" y="0"/>
                  </a:lnTo>
                  <a:close/>
                </a:path>
                <a:path w="812800" h="5080">
                  <a:moveTo>
                    <a:pt x="428244" y="0"/>
                  </a:moveTo>
                  <a:lnTo>
                    <a:pt x="423672" y="0"/>
                  </a:lnTo>
                  <a:lnTo>
                    <a:pt x="423672" y="4572"/>
                  </a:lnTo>
                  <a:lnTo>
                    <a:pt x="428244" y="4572"/>
                  </a:lnTo>
                  <a:lnTo>
                    <a:pt x="428244" y="0"/>
                  </a:lnTo>
                  <a:close/>
                </a:path>
                <a:path w="812800" h="5080">
                  <a:moveTo>
                    <a:pt x="434340" y="0"/>
                  </a:moveTo>
                  <a:lnTo>
                    <a:pt x="431292" y="0"/>
                  </a:lnTo>
                  <a:lnTo>
                    <a:pt x="431292" y="4572"/>
                  </a:lnTo>
                  <a:lnTo>
                    <a:pt x="434340" y="4572"/>
                  </a:lnTo>
                  <a:lnTo>
                    <a:pt x="434340" y="0"/>
                  </a:lnTo>
                  <a:close/>
                </a:path>
                <a:path w="812800" h="5080">
                  <a:moveTo>
                    <a:pt x="441960" y="0"/>
                  </a:moveTo>
                  <a:lnTo>
                    <a:pt x="437388" y="0"/>
                  </a:lnTo>
                  <a:lnTo>
                    <a:pt x="437388" y="4572"/>
                  </a:lnTo>
                  <a:lnTo>
                    <a:pt x="441960" y="4572"/>
                  </a:lnTo>
                  <a:lnTo>
                    <a:pt x="441960" y="0"/>
                  </a:lnTo>
                  <a:close/>
                </a:path>
                <a:path w="812800" h="5080">
                  <a:moveTo>
                    <a:pt x="448056" y="0"/>
                  </a:moveTo>
                  <a:lnTo>
                    <a:pt x="445008" y="0"/>
                  </a:lnTo>
                  <a:lnTo>
                    <a:pt x="445008" y="4572"/>
                  </a:lnTo>
                  <a:lnTo>
                    <a:pt x="448056" y="4572"/>
                  </a:lnTo>
                  <a:lnTo>
                    <a:pt x="448056" y="0"/>
                  </a:lnTo>
                  <a:close/>
                </a:path>
                <a:path w="812800" h="5080">
                  <a:moveTo>
                    <a:pt x="455676" y="0"/>
                  </a:moveTo>
                  <a:lnTo>
                    <a:pt x="451104" y="0"/>
                  </a:lnTo>
                  <a:lnTo>
                    <a:pt x="451104" y="4572"/>
                  </a:lnTo>
                  <a:lnTo>
                    <a:pt x="455676" y="4572"/>
                  </a:lnTo>
                  <a:lnTo>
                    <a:pt x="455676" y="0"/>
                  </a:lnTo>
                  <a:close/>
                </a:path>
                <a:path w="812800" h="5080">
                  <a:moveTo>
                    <a:pt x="626364" y="0"/>
                  </a:moveTo>
                  <a:lnTo>
                    <a:pt x="624840" y="0"/>
                  </a:lnTo>
                  <a:lnTo>
                    <a:pt x="624840" y="4572"/>
                  </a:lnTo>
                  <a:lnTo>
                    <a:pt x="626364" y="4572"/>
                  </a:lnTo>
                  <a:lnTo>
                    <a:pt x="626364" y="0"/>
                  </a:lnTo>
                  <a:close/>
                </a:path>
                <a:path w="812800" h="5080">
                  <a:moveTo>
                    <a:pt x="633984" y="0"/>
                  </a:moveTo>
                  <a:lnTo>
                    <a:pt x="629412" y="0"/>
                  </a:lnTo>
                  <a:lnTo>
                    <a:pt x="629412" y="4572"/>
                  </a:lnTo>
                  <a:lnTo>
                    <a:pt x="633984" y="4572"/>
                  </a:lnTo>
                  <a:lnTo>
                    <a:pt x="633984" y="0"/>
                  </a:lnTo>
                  <a:close/>
                </a:path>
                <a:path w="812800" h="5080">
                  <a:moveTo>
                    <a:pt x="640080" y="0"/>
                  </a:moveTo>
                  <a:lnTo>
                    <a:pt x="637032" y="0"/>
                  </a:lnTo>
                  <a:lnTo>
                    <a:pt x="637032" y="4572"/>
                  </a:lnTo>
                  <a:lnTo>
                    <a:pt x="640080" y="4572"/>
                  </a:lnTo>
                  <a:lnTo>
                    <a:pt x="640080" y="0"/>
                  </a:lnTo>
                  <a:close/>
                </a:path>
                <a:path w="812800" h="5080">
                  <a:moveTo>
                    <a:pt x="647700" y="0"/>
                  </a:moveTo>
                  <a:lnTo>
                    <a:pt x="643128" y="0"/>
                  </a:lnTo>
                  <a:lnTo>
                    <a:pt x="643128" y="4572"/>
                  </a:lnTo>
                  <a:lnTo>
                    <a:pt x="647700" y="4572"/>
                  </a:lnTo>
                  <a:lnTo>
                    <a:pt x="647700" y="0"/>
                  </a:lnTo>
                  <a:close/>
                </a:path>
                <a:path w="812800" h="5080">
                  <a:moveTo>
                    <a:pt x="653796" y="0"/>
                  </a:moveTo>
                  <a:lnTo>
                    <a:pt x="650748" y="0"/>
                  </a:lnTo>
                  <a:lnTo>
                    <a:pt x="650748" y="4572"/>
                  </a:lnTo>
                  <a:lnTo>
                    <a:pt x="653796" y="4572"/>
                  </a:lnTo>
                  <a:lnTo>
                    <a:pt x="653796" y="0"/>
                  </a:lnTo>
                  <a:close/>
                </a:path>
                <a:path w="812800" h="5080">
                  <a:moveTo>
                    <a:pt x="661416" y="0"/>
                  </a:moveTo>
                  <a:lnTo>
                    <a:pt x="656844" y="0"/>
                  </a:lnTo>
                  <a:lnTo>
                    <a:pt x="656844" y="4572"/>
                  </a:lnTo>
                  <a:lnTo>
                    <a:pt x="661416" y="4572"/>
                  </a:lnTo>
                  <a:lnTo>
                    <a:pt x="661416" y="0"/>
                  </a:lnTo>
                  <a:close/>
                </a:path>
                <a:path w="812800" h="5080">
                  <a:moveTo>
                    <a:pt x="667512" y="0"/>
                  </a:moveTo>
                  <a:lnTo>
                    <a:pt x="664464" y="0"/>
                  </a:lnTo>
                  <a:lnTo>
                    <a:pt x="664464" y="4572"/>
                  </a:lnTo>
                  <a:lnTo>
                    <a:pt x="667512" y="4572"/>
                  </a:lnTo>
                  <a:lnTo>
                    <a:pt x="667512" y="0"/>
                  </a:lnTo>
                  <a:close/>
                </a:path>
                <a:path w="812800" h="5080">
                  <a:moveTo>
                    <a:pt x="675132" y="0"/>
                  </a:moveTo>
                  <a:lnTo>
                    <a:pt x="670560" y="0"/>
                  </a:lnTo>
                  <a:lnTo>
                    <a:pt x="670560" y="4572"/>
                  </a:lnTo>
                  <a:lnTo>
                    <a:pt x="675132" y="4572"/>
                  </a:lnTo>
                  <a:lnTo>
                    <a:pt x="675132" y="0"/>
                  </a:lnTo>
                  <a:close/>
                </a:path>
                <a:path w="812800" h="5080">
                  <a:moveTo>
                    <a:pt x="681228" y="0"/>
                  </a:moveTo>
                  <a:lnTo>
                    <a:pt x="678180" y="0"/>
                  </a:lnTo>
                  <a:lnTo>
                    <a:pt x="678180" y="4572"/>
                  </a:lnTo>
                  <a:lnTo>
                    <a:pt x="681228" y="4572"/>
                  </a:lnTo>
                  <a:lnTo>
                    <a:pt x="681228" y="0"/>
                  </a:lnTo>
                  <a:close/>
                </a:path>
                <a:path w="812800" h="5080">
                  <a:moveTo>
                    <a:pt x="688848" y="0"/>
                  </a:moveTo>
                  <a:lnTo>
                    <a:pt x="684276" y="0"/>
                  </a:lnTo>
                  <a:lnTo>
                    <a:pt x="684276" y="4572"/>
                  </a:lnTo>
                  <a:lnTo>
                    <a:pt x="688848" y="4572"/>
                  </a:lnTo>
                  <a:lnTo>
                    <a:pt x="688848" y="0"/>
                  </a:lnTo>
                  <a:close/>
                </a:path>
                <a:path w="812800" h="5080">
                  <a:moveTo>
                    <a:pt x="694944" y="0"/>
                  </a:moveTo>
                  <a:lnTo>
                    <a:pt x="691896" y="0"/>
                  </a:lnTo>
                  <a:lnTo>
                    <a:pt x="691896" y="4572"/>
                  </a:lnTo>
                  <a:lnTo>
                    <a:pt x="694944" y="4572"/>
                  </a:lnTo>
                  <a:lnTo>
                    <a:pt x="694944" y="0"/>
                  </a:lnTo>
                  <a:close/>
                </a:path>
                <a:path w="812800" h="5080">
                  <a:moveTo>
                    <a:pt x="702564" y="0"/>
                  </a:moveTo>
                  <a:lnTo>
                    <a:pt x="697992" y="0"/>
                  </a:lnTo>
                  <a:lnTo>
                    <a:pt x="697992" y="4572"/>
                  </a:lnTo>
                  <a:lnTo>
                    <a:pt x="702564" y="4572"/>
                  </a:lnTo>
                  <a:lnTo>
                    <a:pt x="702564" y="0"/>
                  </a:lnTo>
                  <a:close/>
                </a:path>
                <a:path w="812800" h="5080">
                  <a:moveTo>
                    <a:pt x="708660" y="0"/>
                  </a:moveTo>
                  <a:lnTo>
                    <a:pt x="705612" y="0"/>
                  </a:lnTo>
                  <a:lnTo>
                    <a:pt x="705612" y="4572"/>
                  </a:lnTo>
                  <a:lnTo>
                    <a:pt x="708660" y="4572"/>
                  </a:lnTo>
                  <a:lnTo>
                    <a:pt x="708660" y="0"/>
                  </a:lnTo>
                  <a:close/>
                </a:path>
                <a:path w="812800" h="5080">
                  <a:moveTo>
                    <a:pt x="716280" y="0"/>
                  </a:moveTo>
                  <a:lnTo>
                    <a:pt x="711708" y="0"/>
                  </a:lnTo>
                  <a:lnTo>
                    <a:pt x="711708" y="4572"/>
                  </a:lnTo>
                  <a:lnTo>
                    <a:pt x="716280" y="4572"/>
                  </a:lnTo>
                  <a:lnTo>
                    <a:pt x="716280" y="0"/>
                  </a:lnTo>
                  <a:close/>
                </a:path>
                <a:path w="812800" h="5080">
                  <a:moveTo>
                    <a:pt x="722376" y="0"/>
                  </a:moveTo>
                  <a:lnTo>
                    <a:pt x="719328" y="0"/>
                  </a:lnTo>
                  <a:lnTo>
                    <a:pt x="719328" y="4572"/>
                  </a:lnTo>
                  <a:lnTo>
                    <a:pt x="722376" y="4572"/>
                  </a:lnTo>
                  <a:lnTo>
                    <a:pt x="722376" y="0"/>
                  </a:lnTo>
                  <a:close/>
                </a:path>
                <a:path w="812800" h="5080">
                  <a:moveTo>
                    <a:pt x="729996" y="0"/>
                  </a:moveTo>
                  <a:lnTo>
                    <a:pt x="725424" y="0"/>
                  </a:lnTo>
                  <a:lnTo>
                    <a:pt x="725424" y="4572"/>
                  </a:lnTo>
                  <a:lnTo>
                    <a:pt x="729996" y="4572"/>
                  </a:lnTo>
                  <a:lnTo>
                    <a:pt x="729996" y="0"/>
                  </a:lnTo>
                  <a:close/>
                </a:path>
                <a:path w="812800" h="5080">
                  <a:moveTo>
                    <a:pt x="736092" y="0"/>
                  </a:moveTo>
                  <a:lnTo>
                    <a:pt x="733044" y="0"/>
                  </a:lnTo>
                  <a:lnTo>
                    <a:pt x="733044" y="4572"/>
                  </a:lnTo>
                  <a:lnTo>
                    <a:pt x="736092" y="4572"/>
                  </a:lnTo>
                  <a:lnTo>
                    <a:pt x="736092" y="0"/>
                  </a:lnTo>
                  <a:close/>
                </a:path>
                <a:path w="812800" h="5080">
                  <a:moveTo>
                    <a:pt x="743712" y="0"/>
                  </a:moveTo>
                  <a:lnTo>
                    <a:pt x="739140" y="0"/>
                  </a:lnTo>
                  <a:lnTo>
                    <a:pt x="739140" y="4572"/>
                  </a:lnTo>
                  <a:lnTo>
                    <a:pt x="743712" y="4572"/>
                  </a:lnTo>
                  <a:lnTo>
                    <a:pt x="743712" y="0"/>
                  </a:lnTo>
                  <a:close/>
                </a:path>
                <a:path w="812800" h="5080">
                  <a:moveTo>
                    <a:pt x="749808" y="0"/>
                  </a:moveTo>
                  <a:lnTo>
                    <a:pt x="746760" y="0"/>
                  </a:lnTo>
                  <a:lnTo>
                    <a:pt x="746760" y="4572"/>
                  </a:lnTo>
                  <a:lnTo>
                    <a:pt x="749808" y="4572"/>
                  </a:lnTo>
                  <a:lnTo>
                    <a:pt x="749808" y="0"/>
                  </a:lnTo>
                  <a:close/>
                </a:path>
                <a:path w="812800" h="5080">
                  <a:moveTo>
                    <a:pt x="757428" y="0"/>
                  </a:moveTo>
                  <a:lnTo>
                    <a:pt x="752856" y="0"/>
                  </a:lnTo>
                  <a:lnTo>
                    <a:pt x="752856" y="4572"/>
                  </a:lnTo>
                  <a:lnTo>
                    <a:pt x="757428" y="4572"/>
                  </a:lnTo>
                  <a:lnTo>
                    <a:pt x="757428" y="0"/>
                  </a:lnTo>
                  <a:close/>
                </a:path>
                <a:path w="812800" h="5080">
                  <a:moveTo>
                    <a:pt x="763524" y="0"/>
                  </a:moveTo>
                  <a:lnTo>
                    <a:pt x="760476" y="0"/>
                  </a:lnTo>
                  <a:lnTo>
                    <a:pt x="760476" y="4572"/>
                  </a:lnTo>
                  <a:lnTo>
                    <a:pt x="763524" y="4572"/>
                  </a:lnTo>
                  <a:lnTo>
                    <a:pt x="763524" y="0"/>
                  </a:lnTo>
                  <a:close/>
                </a:path>
                <a:path w="812800" h="5080">
                  <a:moveTo>
                    <a:pt x="771144" y="0"/>
                  </a:moveTo>
                  <a:lnTo>
                    <a:pt x="766572" y="0"/>
                  </a:lnTo>
                  <a:lnTo>
                    <a:pt x="766572" y="4572"/>
                  </a:lnTo>
                  <a:lnTo>
                    <a:pt x="771144" y="4572"/>
                  </a:lnTo>
                  <a:lnTo>
                    <a:pt x="771144" y="0"/>
                  </a:lnTo>
                  <a:close/>
                </a:path>
                <a:path w="812800" h="5080">
                  <a:moveTo>
                    <a:pt x="777240" y="0"/>
                  </a:moveTo>
                  <a:lnTo>
                    <a:pt x="774192" y="0"/>
                  </a:lnTo>
                  <a:lnTo>
                    <a:pt x="774192" y="4572"/>
                  </a:lnTo>
                  <a:lnTo>
                    <a:pt x="777240" y="4572"/>
                  </a:lnTo>
                  <a:lnTo>
                    <a:pt x="777240" y="0"/>
                  </a:lnTo>
                  <a:close/>
                </a:path>
                <a:path w="812800" h="5080">
                  <a:moveTo>
                    <a:pt x="784860" y="0"/>
                  </a:moveTo>
                  <a:lnTo>
                    <a:pt x="780288" y="0"/>
                  </a:lnTo>
                  <a:lnTo>
                    <a:pt x="780288" y="4572"/>
                  </a:lnTo>
                  <a:lnTo>
                    <a:pt x="784860" y="4572"/>
                  </a:lnTo>
                  <a:lnTo>
                    <a:pt x="784860" y="0"/>
                  </a:lnTo>
                  <a:close/>
                </a:path>
                <a:path w="812800" h="5080">
                  <a:moveTo>
                    <a:pt x="790956" y="0"/>
                  </a:moveTo>
                  <a:lnTo>
                    <a:pt x="787908" y="0"/>
                  </a:lnTo>
                  <a:lnTo>
                    <a:pt x="787908" y="4572"/>
                  </a:lnTo>
                  <a:lnTo>
                    <a:pt x="790956" y="4572"/>
                  </a:lnTo>
                  <a:lnTo>
                    <a:pt x="790956" y="0"/>
                  </a:lnTo>
                  <a:close/>
                </a:path>
                <a:path w="812800" h="5080">
                  <a:moveTo>
                    <a:pt x="798576" y="0"/>
                  </a:moveTo>
                  <a:lnTo>
                    <a:pt x="794004" y="0"/>
                  </a:lnTo>
                  <a:lnTo>
                    <a:pt x="794004" y="4572"/>
                  </a:lnTo>
                  <a:lnTo>
                    <a:pt x="798576" y="4572"/>
                  </a:lnTo>
                  <a:lnTo>
                    <a:pt x="798576" y="0"/>
                  </a:lnTo>
                  <a:close/>
                </a:path>
                <a:path w="812800" h="5080">
                  <a:moveTo>
                    <a:pt x="804672" y="0"/>
                  </a:moveTo>
                  <a:lnTo>
                    <a:pt x="801624" y="0"/>
                  </a:lnTo>
                  <a:lnTo>
                    <a:pt x="801624" y="4572"/>
                  </a:lnTo>
                  <a:lnTo>
                    <a:pt x="804672" y="4572"/>
                  </a:lnTo>
                  <a:lnTo>
                    <a:pt x="804672" y="0"/>
                  </a:lnTo>
                  <a:close/>
                </a:path>
                <a:path w="812800" h="5080">
                  <a:moveTo>
                    <a:pt x="812292" y="0"/>
                  </a:moveTo>
                  <a:lnTo>
                    <a:pt x="807720" y="0"/>
                  </a:lnTo>
                  <a:lnTo>
                    <a:pt x="807720" y="4572"/>
                  </a:lnTo>
                  <a:lnTo>
                    <a:pt x="812292" y="4572"/>
                  </a:lnTo>
                  <a:lnTo>
                    <a:pt x="812292" y="0"/>
                  </a:lnTo>
                  <a:close/>
                </a:path>
              </a:pathLst>
            </a:custGeom>
            <a:solidFill>
              <a:srgbClr val="D8D8D8"/>
            </a:solidFill>
          </p:spPr>
          <p:txBody>
            <a:bodyPr wrap="square" lIns="0" tIns="0" rIns="0" bIns="0" rtlCol="0"/>
            <a:lstStyle/>
            <a:p>
              <a:endParaRPr sz="1539"/>
            </a:p>
          </p:txBody>
        </p:sp>
        <p:sp>
          <p:nvSpPr>
            <p:cNvPr id="124" name="object 124"/>
            <p:cNvSpPr/>
            <p:nvPr/>
          </p:nvSpPr>
          <p:spPr>
            <a:xfrm>
              <a:off x="2839212" y="2284475"/>
              <a:ext cx="812800" cy="5080"/>
            </a:xfrm>
            <a:custGeom>
              <a:avLst/>
              <a:gdLst/>
              <a:ahLst/>
              <a:cxnLst/>
              <a:rect l="l" t="t" r="r" b="b"/>
              <a:pathLst>
                <a:path w="812800" h="5080">
                  <a:moveTo>
                    <a:pt x="4572" y="0"/>
                  </a:moveTo>
                  <a:lnTo>
                    <a:pt x="0" y="0"/>
                  </a:lnTo>
                  <a:lnTo>
                    <a:pt x="0" y="4572"/>
                  </a:lnTo>
                  <a:lnTo>
                    <a:pt x="4572" y="4572"/>
                  </a:lnTo>
                  <a:lnTo>
                    <a:pt x="4572" y="0"/>
                  </a:lnTo>
                  <a:close/>
                </a:path>
                <a:path w="812800" h="5080">
                  <a:moveTo>
                    <a:pt x="10668" y="0"/>
                  </a:moveTo>
                  <a:lnTo>
                    <a:pt x="7620" y="0"/>
                  </a:lnTo>
                  <a:lnTo>
                    <a:pt x="7620" y="4572"/>
                  </a:lnTo>
                  <a:lnTo>
                    <a:pt x="10668" y="4572"/>
                  </a:lnTo>
                  <a:lnTo>
                    <a:pt x="10668" y="0"/>
                  </a:lnTo>
                  <a:close/>
                </a:path>
                <a:path w="812800" h="5080">
                  <a:moveTo>
                    <a:pt x="18288" y="0"/>
                  </a:moveTo>
                  <a:lnTo>
                    <a:pt x="13716" y="0"/>
                  </a:lnTo>
                  <a:lnTo>
                    <a:pt x="13716" y="4572"/>
                  </a:lnTo>
                  <a:lnTo>
                    <a:pt x="18288" y="4572"/>
                  </a:lnTo>
                  <a:lnTo>
                    <a:pt x="18288" y="0"/>
                  </a:lnTo>
                  <a:close/>
                </a:path>
                <a:path w="812800" h="5080">
                  <a:moveTo>
                    <a:pt x="24384" y="0"/>
                  </a:moveTo>
                  <a:lnTo>
                    <a:pt x="21336" y="0"/>
                  </a:lnTo>
                  <a:lnTo>
                    <a:pt x="21336" y="4572"/>
                  </a:lnTo>
                  <a:lnTo>
                    <a:pt x="24384" y="4572"/>
                  </a:lnTo>
                  <a:lnTo>
                    <a:pt x="24384" y="0"/>
                  </a:lnTo>
                  <a:close/>
                </a:path>
                <a:path w="812800" h="5080">
                  <a:moveTo>
                    <a:pt x="32004" y="0"/>
                  </a:moveTo>
                  <a:lnTo>
                    <a:pt x="27432" y="0"/>
                  </a:lnTo>
                  <a:lnTo>
                    <a:pt x="27432" y="4572"/>
                  </a:lnTo>
                  <a:lnTo>
                    <a:pt x="32004" y="4572"/>
                  </a:lnTo>
                  <a:lnTo>
                    <a:pt x="32004" y="0"/>
                  </a:lnTo>
                  <a:close/>
                </a:path>
                <a:path w="812800" h="5080">
                  <a:moveTo>
                    <a:pt x="38100" y="0"/>
                  </a:moveTo>
                  <a:lnTo>
                    <a:pt x="35052" y="0"/>
                  </a:lnTo>
                  <a:lnTo>
                    <a:pt x="35052" y="4572"/>
                  </a:lnTo>
                  <a:lnTo>
                    <a:pt x="38100" y="4572"/>
                  </a:lnTo>
                  <a:lnTo>
                    <a:pt x="38100" y="0"/>
                  </a:lnTo>
                  <a:close/>
                </a:path>
                <a:path w="812800" h="5080">
                  <a:moveTo>
                    <a:pt x="45720" y="0"/>
                  </a:moveTo>
                  <a:lnTo>
                    <a:pt x="41148" y="0"/>
                  </a:lnTo>
                  <a:lnTo>
                    <a:pt x="41148" y="4572"/>
                  </a:lnTo>
                  <a:lnTo>
                    <a:pt x="45720" y="4572"/>
                  </a:lnTo>
                  <a:lnTo>
                    <a:pt x="45720" y="0"/>
                  </a:lnTo>
                  <a:close/>
                </a:path>
                <a:path w="812800" h="5080">
                  <a:moveTo>
                    <a:pt x="51816" y="0"/>
                  </a:moveTo>
                  <a:lnTo>
                    <a:pt x="48768" y="0"/>
                  </a:lnTo>
                  <a:lnTo>
                    <a:pt x="48768" y="4572"/>
                  </a:lnTo>
                  <a:lnTo>
                    <a:pt x="51816" y="4572"/>
                  </a:lnTo>
                  <a:lnTo>
                    <a:pt x="51816" y="0"/>
                  </a:lnTo>
                  <a:close/>
                </a:path>
                <a:path w="812800" h="5080">
                  <a:moveTo>
                    <a:pt x="59436" y="0"/>
                  </a:moveTo>
                  <a:lnTo>
                    <a:pt x="54864" y="0"/>
                  </a:lnTo>
                  <a:lnTo>
                    <a:pt x="54864" y="4572"/>
                  </a:lnTo>
                  <a:lnTo>
                    <a:pt x="59436" y="4572"/>
                  </a:lnTo>
                  <a:lnTo>
                    <a:pt x="59436" y="0"/>
                  </a:lnTo>
                  <a:close/>
                </a:path>
                <a:path w="812800" h="5080">
                  <a:moveTo>
                    <a:pt x="65532" y="0"/>
                  </a:moveTo>
                  <a:lnTo>
                    <a:pt x="62484" y="0"/>
                  </a:lnTo>
                  <a:lnTo>
                    <a:pt x="62484" y="4572"/>
                  </a:lnTo>
                  <a:lnTo>
                    <a:pt x="65532" y="4572"/>
                  </a:lnTo>
                  <a:lnTo>
                    <a:pt x="65532" y="0"/>
                  </a:lnTo>
                  <a:close/>
                </a:path>
                <a:path w="812800" h="5080">
                  <a:moveTo>
                    <a:pt x="73152" y="0"/>
                  </a:moveTo>
                  <a:lnTo>
                    <a:pt x="68580" y="0"/>
                  </a:lnTo>
                  <a:lnTo>
                    <a:pt x="68580" y="4572"/>
                  </a:lnTo>
                  <a:lnTo>
                    <a:pt x="73152" y="4572"/>
                  </a:lnTo>
                  <a:lnTo>
                    <a:pt x="73152" y="0"/>
                  </a:lnTo>
                  <a:close/>
                </a:path>
                <a:path w="812800" h="5080">
                  <a:moveTo>
                    <a:pt x="243840" y="0"/>
                  </a:moveTo>
                  <a:lnTo>
                    <a:pt x="242316" y="0"/>
                  </a:lnTo>
                  <a:lnTo>
                    <a:pt x="242316" y="4572"/>
                  </a:lnTo>
                  <a:lnTo>
                    <a:pt x="243840" y="4572"/>
                  </a:lnTo>
                  <a:lnTo>
                    <a:pt x="243840" y="0"/>
                  </a:lnTo>
                  <a:close/>
                </a:path>
                <a:path w="812800" h="5080">
                  <a:moveTo>
                    <a:pt x="249936" y="0"/>
                  </a:moveTo>
                  <a:lnTo>
                    <a:pt x="246888" y="0"/>
                  </a:lnTo>
                  <a:lnTo>
                    <a:pt x="246888" y="4572"/>
                  </a:lnTo>
                  <a:lnTo>
                    <a:pt x="249936" y="4572"/>
                  </a:lnTo>
                  <a:lnTo>
                    <a:pt x="249936" y="0"/>
                  </a:lnTo>
                  <a:close/>
                </a:path>
                <a:path w="812800" h="5080">
                  <a:moveTo>
                    <a:pt x="257556" y="0"/>
                  </a:moveTo>
                  <a:lnTo>
                    <a:pt x="254508" y="0"/>
                  </a:lnTo>
                  <a:lnTo>
                    <a:pt x="254508" y="4572"/>
                  </a:lnTo>
                  <a:lnTo>
                    <a:pt x="257556" y="4572"/>
                  </a:lnTo>
                  <a:lnTo>
                    <a:pt x="257556" y="0"/>
                  </a:lnTo>
                  <a:close/>
                </a:path>
                <a:path w="812800" h="5080">
                  <a:moveTo>
                    <a:pt x="263652" y="0"/>
                  </a:moveTo>
                  <a:lnTo>
                    <a:pt x="260604" y="0"/>
                  </a:lnTo>
                  <a:lnTo>
                    <a:pt x="260604" y="4572"/>
                  </a:lnTo>
                  <a:lnTo>
                    <a:pt x="263652" y="4572"/>
                  </a:lnTo>
                  <a:lnTo>
                    <a:pt x="263652" y="0"/>
                  </a:lnTo>
                  <a:close/>
                </a:path>
                <a:path w="812800" h="5080">
                  <a:moveTo>
                    <a:pt x="271272" y="0"/>
                  </a:moveTo>
                  <a:lnTo>
                    <a:pt x="268224" y="0"/>
                  </a:lnTo>
                  <a:lnTo>
                    <a:pt x="268224" y="4572"/>
                  </a:lnTo>
                  <a:lnTo>
                    <a:pt x="271272" y="4572"/>
                  </a:lnTo>
                  <a:lnTo>
                    <a:pt x="271272" y="0"/>
                  </a:lnTo>
                  <a:close/>
                </a:path>
                <a:path w="812800" h="5080">
                  <a:moveTo>
                    <a:pt x="277368" y="0"/>
                  </a:moveTo>
                  <a:lnTo>
                    <a:pt x="274320" y="0"/>
                  </a:lnTo>
                  <a:lnTo>
                    <a:pt x="274320" y="4572"/>
                  </a:lnTo>
                  <a:lnTo>
                    <a:pt x="277368" y="4572"/>
                  </a:lnTo>
                  <a:lnTo>
                    <a:pt x="277368" y="0"/>
                  </a:lnTo>
                  <a:close/>
                </a:path>
                <a:path w="812800" h="5080">
                  <a:moveTo>
                    <a:pt x="284988" y="0"/>
                  </a:moveTo>
                  <a:lnTo>
                    <a:pt x="281940" y="0"/>
                  </a:lnTo>
                  <a:lnTo>
                    <a:pt x="281940" y="4572"/>
                  </a:lnTo>
                  <a:lnTo>
                    <a:pt x="284988" y="4572"/>
                  </a:lnTo>
                  <a:lnTo>
                    <a:pt x="284988" y="0"/>
                  </a:lnTo>
                  <a:close/>
                </a:path>
                <a:path w="812800" h="5080">
                  <a:moveTo>
                    <a:pt x="291084" y="0"/>
                  </a:moveTo>
                  <a:lnTo>
                    <a:pt x="288036" y="0"/>
                  </a:lnTo>
                  <a:lnTo>
                    <a:pt x="288036" y="4572"/>
                  </a:lnTo>
                  <a:lnTo>
                    <a:pt x="291084" y="4572"/>
                  </a:lnTo>
                  <a:lnTo>
                    <a:pt x="291084" y="0"/>
                  </a:lnTo>
                  <a:close/>
                </a:path>
                <a:path w="812800" h="5080">
                  <a:moveTo>
                    <a:pt x="298704" y="0"/>
                  </a:moveTo>
                  <a:lnTo>
                    <a:pt x="295656" y="0"/>
                  </a:lnTo>
                  <a:lnTo>
                    <a:pt x="295656" y="4572"/>
                  </a:lnTo>
                  <a:lnTo>
                    <a:pt x="298704" y="4572"/>
                  </a:lnTo>
                  <a:lnTo>
                    <a:pt x="298704" y="0"/>
                  </a:lnTo>
                  <a:close/>
                </a:path>
                <a:path w="812800" h="5080">
                  <a:moveTo>
                    <a:pt x="304800" y="0"/>
                  </a:moveTo>
                  <a:lnTo>
                    <a:pt x="301752" y="0"/>
                  </a:lnTo>
                  <a:lnTo>
                    <a:pt x="301752" y="4572"/>
                  </a:lnTo>
                  <a:lnTo>
                    <a:pt x="304800" y="4572"/>
                  </a:lnTo>
                  <a:lnTo>
                    <a:pt x="304800" y="0"/>
                  </a:lnTo>
                  <a:close/>
                </a:path>
                <a:path w="812800" h="5080">
                  <a:moveTo>
                    <a:pt x="312420" y="0"/>
                  </a:moveTo>
                  <a:lnTo>
                    <a:pt x="309372" y="0"/>
                  </a:lnTo>
                  <a:lnTo>
                    <a:pt x="309372" y="4572"/>
                  </a:lnTo>
                  <a:lnTo>
                    <a:pt x="312420" y="4572"/>
                  </a:lnTo>
                  <a:lnTo>
                    <a:pt x="312420" y="0"/>
                  </a:lnTo>
                  <a:close/>
                </a:path>
                <a:path w="812800" h="5080">
                  <a:moveTo>
                    <a:pt x="318516" y="0"/>
                  </a:moveTo>
                  <a:lnTo>
                    <a:pt x="315468" y="0"/>
                  </a:lnTo>
                  <a:lnTo>
                    <a:pt x="315468" y="4572"/>
                  </a:lnTo>
                  <a:lnTo>
                    <a:pt x="318516" y="4572"/>
                  </a:lnTo>
                  <a:lnTo>
                    <a:pt x="318516" y="0"/>
                  </a:lnTo>
                  <a:close/>
                </a:path>
                <a:path w="812800" h="5080">
                  <a:moveTo>
                    <a:pt x="326136" y="0"/>
                  </a:moveTo>
                  <a:lnTo>
                    <a:pt x="323088" y="0"/>
                  </a:lnTo>
                  <a:lnTo>
                    <a:pt x="323088" y="4572"/>
                  </a:lnTo>
                  <a:lnTo>
                    <a:pt x="326136" y="4572"/>
                  </a:lnTo>
                  <a:lnTo>
                    <a:pt x="326136" y="0"/>
                  </a:lnTo>
                  <a:close/>
                </a:path>
                <a:path w="812800" h="5080">
                  <a:moveTo>
                    <a:pt x="332232" y="0"/>
                  </a:moveTo>
                  <a:lnTo>
                    <a:pt x="329184" y="0"/>
                  </a:lnTo>
                  <a:lnTo>
                    <a:pt x="329184" y="4572"/>
                  </a:lnTo>
                  <a:lnTo>
                    <a:pt x="332232" y="4572"/>
                  </a:lnTo>
                  <a:lnTo>
                    <a:pt x="332232" y="0"/>
                  </a:lnTo>
                  <a:close/>
                </a:path>
                <a:path w="812800" h="5080">
                  <a:moveTo>
                    <a:pt x="339852" y="0"/>
                  </a:moveTo>
                  <a:lnTo>
                    <a:pt x="336804" y="0"/>
                  </a:lnTo>
                  <a:lnTo>
                    <a:pt x="336804" y="4572"/>
                  </a:lnTo>
                  <a:lnTo>
                    <a:pt x="339852" y="4572"/>
                  </a:lnTo>
                  <a:lnTo>
                    <a:pt x="339852" y="0"/>
                  </a:lnTo>
                  <a:close/>
                </a:path>
                <a:path w="812800" h="5080">
                  <a:moveTo>
                    <a:pt x="345948" y="0"/>
                  </a:moveTo>
                  <a:lnTo>
                    <a:pt x="342900" y="0"/>
                  </a:lnTo>
                  <a:lnTo>
                    <a:pt x="342900" y="4572"/>
                  </a:lnTo>
                  <a:lnTo>
                    <a:pt x="345948" y="4572"/>
                  </a:lnTo>
                  <a:lnTo>
                    <a:pt x="345948" y="0"/>
                  </a:lnTo>
                  <a:close/>
                </a:path>
                <a:path w="812800" h="5080">
                  <a:moveTo>
                    <a:pt x="353568" y="0"/>
                  </a:moveTo>
                  <a:lnTo>
                    <a:pt x="350520" y="0"/>
                  </a:lnTo>
                  <a:lnTo>
                    <a:pt x="350520" y="4572"/>
                  </a:lnTo>
                  <a:lnTo>
                    <a:pt x="353568" y="4572"/>
                  </a:lnTo>
                  <a:lnTo>
                    <a:pt x="353568" y="0"/>
                  </a:lnTo>
                  <a:close/>
                </a:path>
                <a:path w="812800" h="5080">
                  <a:moveTo>
                    <a:pt x="359664" y="0"/>
                  </a:moveTo>
                  <a:lnTo>
                    <a:pt x="356616" y="0"/>
                  </a:lnTo>
                  <a:lnTo>
                    <a:pt x="356616" y="4572"/>
                  </a:lnTo>
                  <a:lnTo>
                    <a:pt x="359664" y="4572"/>
                  </a:lnTo>
                  <a:lnTo>
                    <a:pt x="359664" y="0"/>
                  </a:lnTo>
                  <a:close/>
                </a:path>
                <a:path w="812800" h="5080">
                  <a:moveTo>
                    <a:pt x="367284" y="0"/>
                  </a:moveTo>
                  <a:lnTo>
                    <a:pt x="364236" y="0"/>
                  </a:lnTo>
                  <a:lnTo>
                    <a:pt x="364236" y="4572"/>
                  </a:lnTo>
                  <a:lnTo>
                    <a:pt x="367284" y="4572"/>
                  </a:lnTo>
                  <a:lnTo>
                    <a:pt x="367284" y="0"/>
                  </a:lnTo>
                  <a:close/>
                </a:path>
                <a:path w="812800" h="5080">
                  <a:moveTo>
                    <a:pt x="373380" y="0"/>
                  </a:moveTo>
                  <a:lnTo>
                    <a:pt x="370332" y="0"/>
                  </a:lnTo>
                  <a:lnTo>
                    <a:pt x="370332" y="4572"/>
                  </a:lnTo>
                  <a:lnTo>
                    <a:pt x="373380" y="4572"/>
                  </a:lnTo>
                  <a:lnTo>
                    <a:pt x="373380" y="0"/>
                  </a:lnTo>
                  <a:close/>
                </a:path>
                <a:path w="812800" h="5080">
                  <a:moveTo>
                    <a:pt x="381000" y="0"/>
                  </a:moveTo>
                  <a:lnTo>
                    <a:pt x="377952" y="0"/>
                  </a:lnTo>
                  <a:lnTo>
                    <a:pt x="377952" y="4572"/>
                  </a:lnTo>
                  <a:lnTo>
                    <a:pt x="381000" y="4572"/>
                  </a:lnTo>
                  <a:lnTo>
                    <a:pt x="381000" y="0"/>
                  </a:lnTo>
                  <a:close/>
                </a:path>
                <a:path w="812800" h="5080">
                  <a:moveTo>
                    <a:pt x="387096" y="0"/>
                  </a:moveTo>
                  <a:lnTo>
                    <a:pt x="384048" y="0"/>
                  </a:lnTo>
                  <a:lnTo>
                    <a:pt x="384048" y="4572"/>
                  </a:lnTo>
                  <a:lnTo>
                    <a:pt x="387096" y="4572"/>
                  </a:lnTo>
                  <a:lnTo>
                    <a:pt x="387096" y="0"/>
                  </a:lnTo>
                  <a:close/>
                </a:path>
                <a:path w="812800" h="5080">
                  <a:moveTo>
                    <a:pt x="394716" y="0"/>
                  </a:moveTo>
                  <a:lnTo>
                    <a:pt x="391668" y="0"/>
                  </a:lnTo>
                  <a:lnTo>
                    <a:pt x="391668" y="4572"/>
                  </a:lnTo>
                  <a:lnTo>
                    <a:pt x="394716" y="4572"/>
                  </a:lnTo>
                  <a:lnTo>
                    <a:pt x="394716" y="0"/>
                  </a:lnTo>
                  <a:close/>
                </a:path>
                <a:path w="812800" h="5080">
                  <a:moveTo>
                    <a:pt x="400812" y="0"/>
                  </a:moveTo>
                  <a:lnTo>
                    <a:pt x="397764" y="0"/>
                  </a:lnTo>
                  <a:lnTo>
                    <a:pt x="397764" y="4572"/>
                  </a:lnTo>
                  <a:lnTo>
                    <a:pt x="400812" y="4572"/>
                  </a:lnTo>
                  <a:lnTo>
                    <a:pt x="400812" y="0"/>
                  </a:lnTo>
                  <a:close/>
                </a:path>
                <a:path w="812800" h="5080">
                  <a:moveTo>
                    <a:pt x="408432" y="0"/>
                  </a:moveTo>
                  <a:lnTo>
                    <a:pt x="405384" y="0"/>
                  </a:lnTo>
                  <a:lnTo>
                    <a:pt x="405384" y="4572"/>
                  </a:lnTo>
                  <a:lnTo>
                    <a:pt x="408432" y="4572"/>
                  </a:lnTo>
                  <a:lnTo>
                    <a:pt x="408432" y="0"/>
                  </a:lnTo>
                  <a:close/>
                </a:path>
                <a:path w="812800" h="5080">
                  <a:moveTo>
                    <a:pt x="414528" y="0"/>
                  </a:moveTo>
                  <a:lnTo>
                    <a:pt x="411480" y="0"/>
                  </a:lnTo>
                  <a:lnTo>
                    <a:pt x="411480" y="4572"/>
                  </a:lnTo>
                  <a:lnTo>
                    <a:pt x="414528" y="4572"/>
                  </a:lnTo>
                  <a:lnTo>
                    <a:pt x="414528" y="0"/>
                  </a:lnTo>
                  <a:close/>
                </a:path>
                <a:path w="812800" h="5080">
                  <a:moveTo>
                    <a:pt x="422148" y="0"/>
                  </a:moveTo>
                  <a:lnTo>
                    <a:pt x="419100" y="0"/>
                  </a:lnTo>
                  <a:lnTo>
                    <a:pt x="419100" y="4572"/>
                  </a:lnTo>
                  <a:lnTo>
                    <a:pt x="422148" y="4572"/>
                  </a:lnTo>
                  <a:lnTo>
                    <a:pt x="422148" y="0"/>
                  </a:lnTo>
                  <a:close/>
                </a:path>
                <a:path w="812800" h="5080">
                  <a:moveTo>
                    <a:pt x="428231" y="0"/>
                  </a:moveTo>
                  <a:lnTo>
                    <a:pt x="425196" y="0"/>
                  </a:lnTo>
                  <a:lnTo>
                    <a:pt x="425196" y="4572"/>
                  </a:lnTo>
                  <a:lnTo>
                    <a:pt x="428231" y="4572"/>
                  </a:lnTo>
                  <a:lnTo>
                    <a:pt x="428231" y="0"/>
                  </a:lnTo>
                  <a:close/>
                </a:path>
                <a:path w="812800" h="5080">
                  <a:moveTo>
                    <a:pt x="435864" y="0"/>
                  </a:moveTo>
                  <a:lnTo>
                    <a:pt x="432816" y="0"/>
                  </a:lnTo>
                  <a:lnTo>
                    <a:pt x="432816" y="4572"/>
                  </a:lnTo>
                  <a:lnTo>
                    <a:pt x="435864" y="4572"/>
                  </a:lnTo>
                  <a:lnTo>
                    <a:pt x="435864" y="0"/>
                  </a:lnTo>
                  <a:close/>
                </a:path>
                <a:path w="812800" h="5080">
                  <a:moveTo>
                    <a:pt x="441960" y="0"/>
                  </a:moveTo>
                  <a:lnTo>
                    <a:pt x="438912" y="0"/>
                  </a:lnTo>
                  <a:lnTo>
                    <a:pt x="438912" y="4572"/>
                  </a:lnTo>
                  <a:lnTo>
                    <a:pt x="441960" y="4572"/>
                  </a:lnTo>
                  <a:lnTo>
                    <a:pt x="441960" y="0"/>
                  </a:lnTo>
                  <a:close/>
                </a:path>
                <a:path w="812800" h="5080">
                  <a:moveTo>
                    <a:pt x="449567" y="0"/>
                  </a:moveTo>
                  <a:lnTo>
                    <a:pt x="446532" y="0"/>
                  </a:lnTo>
                  <a:lnTo>
                    <a:pt x="446532" y="4572"/>
                  </a:lnTo>
                  <a:lnTo>
                    <a:pt x="449567" y="4572"/>
                  </a:lnTo>
                  <a:lnTo>
                    <a:pt x="449567" y="0"/>
                  </a:lnTo>
                  <a:close/>
                </a:path>
                <a:path w="812800" h="5080">
                  <a:moveTo>
                    <a:pt x="455676" y="0"/>
                  </a:moveTo>
                  <a:lnTo>
                    <a:pt x="452628" y="0"/>
                  </a:lnTo>
                  <a:lnTo>
                    <a:pt x="452628" y="4572"/>
                  </a:lnTo>
                  <a:lnTo>
                    <a:pt x="455676" y="4572"/>
                  </a:lnTo>
                  <a:lnTo>
                    <a:pt x="455676" y="0"/>
                  </a:lnTo>
                  <a:close/>
                </a:path>
                <a:path w="812800" h="5080">
                  <a:moveTo>
                    <a:pt x="463296" y="0"/>
                  </a:moveTo>
                  <a:lnTo>
                    <a:pt x="460248" y="0"/>
                  </a:lnTo>
                  <a:lnTo>
                    <a:pt x="460248" y="4572"/>
                  </a:lnTo>
                  <a:lnTo>
                    <a:pt x="463296" y="4572"/>
                  </a:lnTo>
                  <a:lnTo>
                    <a:pt x="463296" y="0"/>
                  </a:lnTo>
                  <a:close/>
                </a:path>
                <a:path w="812800" h="5080">
                  <a:moveTo>
                    <a:pt x="469379" y="0"/>
                  </a:moveTo>
                  <a:lnTo>
                    <a:pt x="466331" y="0"/>
                  </a:lnTo>
                  <a:lnTo>
                    <a:pt x="466331" y="4572"/>
                  </a:lnTo>
                  <a:lnTo>
                    <a:pt x="469379" y="4572"/>
                  </a:lnTo>
                  <a:lnTo>
                    <a:pt x="469379" y="0"/>
                  </a:lnTo>
                  <a:close/>
                </a:path>
                <a:path w="812800" h="5080">
                  <a:moveTo>
                    <a:pt x="477012" y="0"/>
                  </a:moveTo>
                  <a:lnTo>
                    <a:pt x="473964" y="0"/>
                  </a:lnTo>
                  <a:lnTo>
                    <a:pt x="473964" y="4572"/>
                  </a:lnTo>
                  <a:lnTo>
                    <a:pt x="477012" y="4572"/>
                  </a:lnTo>
                  <a:lnTo>
                    <a:pt x="477012" y="0"/>
                  </a:lnTo>
                  <a:close/>
                </a:path>
                <a:path w="812800" h="5080">
                  <a:moveTo>
                    <a:pt x="483108" y="0"/>
                  </a:moveTo>
                  <a:lnTo>
                    <a:pt x="480060" y="0"/>
                  </a:lnTo>
                  <a:lnTo>
                    <a:pt x="480060" y="4572"/>
                  </a:lnTo>
                  <a:lnTo>
                    <a:pt x="483108" y="4572"/>
                  </a:lnTo>
                  <a:lnTo>
                    <a:pt x="483108" y="0"/>
                  </a:lnTo>
                  <a:close/>
                </a:path>
                <a:path w="812800" h="5080">
                  <a:moveTo>
                    <a:pt x="490728" y="0"/>
                  </a:moveTo>
                  <a:lnTo>
                    <a:pt x="487667" y="0"/>
                  </a:lnTo>
                  <a:lnTo>
                    <a:pt x="487667" y="4572"/>
                  </a:lnTo>
                  <a:lnTo>
                    <a:pt x="490728" y="4572"/>
                  </a:lnTo>
                  <a:lnTo>
                    <a:pt x="490728" y="0"/>
                  </a:lnTo>
                  <a:close/>
                </a:path>
                <a:path w="812800" h="5080">
                  <a:moveTo>
                    <a:pt x="496824" y="0"/>
                  </a:moveTo>
                  <a:lnTo>
                    <a:pt x="493776" y="0"/>
                  </a:lnTo>
                  <a:lnTo>
                    <a:pt x="493776" y="4572"/>
                  </a:lnTo>
                  <a:lnTo>
                    <a:pt x="496824" y="4572"/>
                  </a:lnTo>
                  <a:lnTo>
                    <a:pt x="496824" y="0"/>
                  </a:lnTo>
                  <a:close/>
                </a:path>
                <a:path w="812800" h="5080">
                  <a:moveTo>
                    <a:pt x="669036" y="0"/>
                  </a:moveTo>
                  <a:lnTo>
                    <a:pt x="667512" y="0"/>
                  </a:lnTo>
                  <a:lnTo>
                    <a:pt x="667512" y="4572"/>
                  </a:lnTo>
                  <a:lnTo>
                    <a:pt x="669036" y="4572"/>
                  </a:lnTo>
                  <a:lnTo>
                    <a:pt x="669036" y="0"/>
                  </a:lnTo>
                  <a:close/>
                </a:path>
                <a:path w="812800" h="5080">
                  <a:moveTo>
                    <a:pt x="675132" y="0"/>
                  </a:moveTo>
                  <a:lnTo>
                    <a:pt x="672084" y="0"/>
                  </a:lnTo>
                  <a:lnTo>
                    <a:pt x="672084" y="4572"/>
                  </a:lnTo>
                  <a:lnTo>
                    <a:pt x="675132" y="4572"/>
                  </a:lnTo>
                  <a:lnTo>
                    <a:pt x="675132" y="0"/>
                  </a:lnTo>
                  <a:close/>
                </a:path>
                <a:path w="812800" h="5080">
                  <a:moveTo>
                    <a:pt x="682752" y="0"/>
                  </a:moveTo>
                  <a:lnTo>
                    <a:pt x="679704" y="0"/>
                  </a:lnTo>
                  <a:lnTo>
                    <a:pt x="679704" y="4572"/>
                  </a:lnTo>
                  <a:lnTo>
                    <a:pt x="682752" y="4572"/>
                  </a:lnTo>
                  <a:lnTo>
                    <a:pt x="682752" y="0"/>
                  </a:lnTo>
                  <a:close/>
                </a:path>
                <a:path w="812800" h="5080">
                  <a:moveTo>
                    <a:pt x="688848" y="0"/>
                  </a:moveTo>
                  <a:lnTo>
                    <a:pt x="685800" y="0"/>
                  </a:lnTo>
                  <a:lnTo>
                    <a:pt x="685800" y="4572"/>
                  </a:lnTo>
                  <a:lnTo>
                    <a:pt x="688848" y="4572"/>
                  </a:lnTo>
                  <a:lnTo>
                    <a:pt x="688848" y="0"/>
                  </a:lnTo>
                  <a:close/>
                </a:path>
                <a:path w="812800" h="5080">
                  <a:moveTo>
                    <a:pt x="696468" y="0"/>
                  </a:moveTo>
                  <a:lnTo>
                    <a:pt x="691896" y="0"/>
                  </a:lnTo>
                  <a:lnTo>
                    <a:pt x="691896" y="4572"/>
                  </a:lnTo>
                  <a:lnTo>
                    <a:pt x="696468" y="4572"/>
                  </a:lnTo>
                  <a:lnTo>
                    <a:pt x="696468" y="0"/>
                  </a:lnTo>
                  <a:close/>
                </a:path>
                <a:path w="812800" h="5080">
                  <a:moveTo>
                    <a:pt x="702564" y="0"/>
                  </a:moveTo>
                  <a:lnTo>
                    <a:pt x="699516" y="0"/>
                  </a:lnTo>
                  <a:lnTo>
                    <a:pt x="699516" y="4572"/>
                  </a:lnTo>
                  <a:lnTo>
                    <a:pt x="702564" y="4572"/>
                  </a:lnTo>
                  <a:lnTo>
                    <a:pt x="702564" y="0"/>
                  </a:lnTo>
                  <a:close/>
                </a:path>
                <a:path w="812800" h="5080">
                  <a:moveTo>
                    <a:pt x="710184" y="0"/>
                  </a:moveTo>
                  <a:lnTo>
                    <a:pt x="705612" y="0"/>
                  </a:lnTo>
                  <a:lnTo>
                    <a:pt x="705612" y="4572"/>
                  </a:lnTo>
                  <a:lnTo>
                    <a:pt x="710184" y="4572"/>
                  </a:lnTo>
                  <a:lnTo>
                    <a:pt x="710184" y="0"/>
                  </a:lnTo>
                  <a:close/>
                </a:path>
                <a:path w="812800" h="5080">
                  <a:moveTo>
                    <a:pt x="716280" y="0"/>
                  </a:moveTo>
                  <a:lnTo>
                    <a:pt x="713232" y="0"/>
                  </a:lnTo>
                  <a:lnTo>
                    <a:pt x="713232" y="4572"/>
                  </a:lnTo>
                  <a:lnTo>
                    <a:pt x="716280" y="4572"/>
                  </a:lnTo>
                  <a:lnTo>
                    <a:pt x="716280" y="0"/>
                  </a:lnTo>
                  <a:close/>
                </a:path>
                <a:path w="812800" h="5080">
                  <a:moveTo>
                    <a:pt x="723900" y="0"/>
                  </a:moveTo>
                  <a:lnTo>
                    <a:pt x="719328" y="0"/>
                  </a:lnTo>
                  <a:lnTo>
                    <a:pt x="719328" y="4572"/>
                  </a:lnTo>
                  <a:lnTo>
                    <a:pt x="723900" y="4572"/>
                  </a:lnTo>
                  <a:lnTo>
                    <a:pt x="723900" y="0"/>
                  </a:lnTo>
                  <a:close/>
                </a:path>
                <a:path w="812800" h="5080">
                  <a:moveTo>
                    <a:pt x="729996" y="0"/>
                  </a:moveTo>
                  <a:lnTo>
                    <a:pt x="726948" y="0"/>
                  </a:lnTo>
                  <a:lnTo>
                    <a:pt x="726948" y="4572"/>
                  </a:lnTo>
                  <a:lnTo>
                    <a:pt x="729996" y="4572"/>
                  </a:lnTo>
                  <a:lnTo>
                    <a:pt x="729996" y="0"/>
                  </a:lnTo>
                  <a:close/>
                </a:path>
                <a:path w="812800" h="5080">
                  <a:moveTo>
                    <a:pt x="737616" y="0"/>
                  </a:moveTo>
                  <a:lnTo>
                    <a:pt x="733044" y="0"/>
                  </a:lnTo>
                  <a:lnTo>
                    <a:pt x="733044" y="4572"/>
                  </a:lnTo>
                  <a:lnTo>
                    <a:pt x="737616" y="4572"/>
                  </a:lnTo>
                  <a:lnTo>
                    <a:pt x="737616" y="0"/>
                  </a:lnTo>
                  <a:close/>
                </a:path>
                <a:path w="812800" h="5080">
                  <a:moveTo>
                    <a:pt x="743712" y="0"/>
                  </a:moveTo>
                  <a:lnTo>
                    <a:pt x="740664" y="0"/>
                  </a:lnTo>
                  <a:lnTo>
                    <a:pt x="740664" y="4572"/>
                  </a:lnTo>
                  <a:lnTo>
                    <a:pt x="743712" y="4572"/>
                  </a:lnTo>
                  <a:lnTo>
                    <a:pt x="743712" y="0"/>
                  </a:lnTo>
                  <a:close/>
                </a:path>
                <a:path w="812800" h="5080">
                  <a:moveTo>
                    <a:pt x="751332" y="0"/>
                  </a:moveTo>
                  <a:lnTo>
                    <a:pt x="746760" y="0"/>
                  </a:lnTo>
                  <a:lnTo>
                    <a:pt x="746760" y="4572"/>
                  </a:lnTo>
                  <a:lnTo>
                    <a:pt x="751332" y="4572"/>
                  </a:lnTo>
                  <a:lnTo>
                    <a:pt x="751332" y="0"/>
                  </a:lnTo>
                  <a:close/>
                </a:path>
                <a:path w="812800" h="5080">
                  <a:moveTo>
                    <a:pt x="757428" y="0"/>
                  </a:moveTo>
                  <a:lnTo>
                    <a:pt x="754380" y="0"/>
                  </a:lnTo>
                  <a:lnTo>
                    <a:pt x="754380" y="4572"/>
                  </a:lnTo>
                  <a:lnTo>
                    <a:pt x="757428" y="4572"/>
                  </a:lnTo>
                  <a:lnTo>
                    <a:pt x="757428" y="0"/>
                  </a:lnTo>
                  <a:close/>
                </a:path>
                <a:path w="812800" h="5080">
                  <a:moveTo>
                    <a:pt x="765048" y="0"/>
                  </a:moveTo>
                  <a:lnTo>
                    <a:pt x="760476" y="0"/>
                  </a:lnTo>
                  <a:lnTo>
                    <a:pt x="760476" y="4572"/>
                  </a:lnTo>
                  <a:lnTo>
                    <a:pt x="765048" y="4572"/>
                  </a:lnTo>
                  <a:lnTo>
                    <a:pt x="765048" y="0"/>
                  </a:lnTo>
                  <a:close/>
                </a:path>
                <a:path w="812800" h="5080">
                  <a:moveTo>
                    <a:pt x="771144" y="0"/>
                  </a:moveTo>
                  <a:lnTo>
                    <a:pt x="768096" y="0"/>
                  </a:lnTo>
                  <a:lnTo>
                    <a:pt x="768096" y="4572"/>
                  </a:lnTo>
                  <a:lnTo>
                    <a:pt x="771144" y="4572"/>
                  </a:lnTo>
                  <a:lnTo>
                    <a:pt x="771144" y="0"/>
                  </a:lnTo>
                  <a:close/>
                </a:path>
                <a:path w="812800" h="5080">
                  <a:moveTo>
                    <a:pt x="778764" y="0"/>
                  </a:moveTo>
                  <a:lnTo>
                    <a:pt x="774192" y="0"/>
                  </a:lnTo>
                  <a:lnTo>
                    <a:pt x="774192" y="4572"/>
                  </a:lnTo>
                  <a:lnTo>
                    <a:pt x="778764" y="4572"/>
                  </a:lnTo>
                  <a:lnTo>
                    <a:pt x="778764" y="0"/>
                  </a:lnTo>
                  <a:close/>
                </a:path>
                <a:path w="812800" h="5080">
                  <a:moveTo>
                    <a:pt x="784860" y="0"/>
                  </a:moveTo>
                  <a:lnTo>
                    <a:pt x="781812" y="0"/>
                  </a:lnTo>
                  <a:lnTo>
                    <a:pt x="781812" y="4572"/>
                  </a:lnTo>
                  <a:lnTo>
                    <a:pt x="784860" y="4572"/>
                  </a:lnTo>
                  <a:lnTo>
                    <a:pt x="784860" y="0"/>
                  </a:lnTo>
                  <a:close/>
                </a:path>
                <a:path w="812800" h="5080">
                  <a:moveTo>
                    <a:pt x="792480" y="0"/>
                  </a:moveTo>
                  <a:lnTo>
                    <a:pt x="787908" y="0"/>
                  </a:lnTo>
                  <a:lnTo>
                    <a:pt x="787908" y="4572"/>
                  </a:lnTo>
                  <a:lnTo>
                    <a:pt x="792480" y="4572"/>
                  </a:lnTo>
                  <a:lnTo>
                    <a:pt x="792480" y="0"/>
                  </a:lnTo>
                  <a:close/>
                </a:path>
                <a:path w="812800" h="5080">
                  <a:moveTo>
                    <a:pt x="798576" y="0"/>
                  </a:moveTo>
                  <a:lnTo>
                    <a:pt x="795528" y="0"/>
                  </a:lnTo>
                  <a:lnTo>
                    <a:pt x="795528" y="4572"/>
                  </a:lnTo>
                  <a:lnTo>
                    <a:pt x="798576" y="4572"/>
                  </a:lnTo>
                  <a:lnTo>
                    <a:pt x="798576" y="0"/>
                  </a:lnTo>
                  <a:close/>
                </a:path>
                <a:path w="812800" h="5080">
                  <a:moveTo>
                    <a:pt x="806196" y="0"/>
                  </a:moveTo>
                  <a:lnTo>
                    <a:pt x="801624" y="0"/>
                  </a:lnTo>
                  <a:lnTo>
                    <a:pt x="801624" y="4572"/>
                  </a:lnTo>
                  <a:lnTo>
                    <a:pt x="806196" y="4572"/>
                  </a:lnTo>
                  <a:lnTo>
                    <a:pt x="806196" y="0"/>
                  </a:lnTo>
                  <a:close/>
                </a:path>
                <a:path w="812800" h="5080">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125" name="object 125"/>
            <p:cNvSpPr/>
            <p:nvPr/>
          </p:nvSpPr>
          <p:spPr>
            <a:xfrm>
              <a:off x="3648456" y="2284475"/>
              <a:ext cx="818515" cy="5080"/>
            </a:xfrm>
            <a:custGeom>
              <a:avLst/>
              <a:gdLst/>
              <a:ahLst/>
              <a:cxnLst/>
              <a:rect l="l" t="t" r="r" b="b"/>
              <a:pathLst>
                <a:path w="818514" h="5080">
                  <a:moveTo>
                    <a:pt x="3048" y="0"/>
                  </a:moveTo>
                  <a:lnTo>
                    <a:pt x="0" y="0"/>
                  </a:lnTo>
                  <a:lnTo>
                    <a:pt x="0" y="4572"/>
                  </a:lnTo>
                  <a:lnTo>
                    <a:pt x="3048" y="4572"/>
                  </a:lnTo>
                  <a:lnTo>
                    <a:pt x="3048" y="0"/>
                  </a:lnTo>
                  <a:close/>
                </a:path>
                <a:path w="818514" h="5080">
                  <a:moveTo>
                    <a:pt x="10668" y="0"/>
                  </a:moveTo>
                  <a:lnTo>
                    <a:pt x="6096" y="0"/>
                  </a:lnTo>
                  <a:lnTo>
                    <a:pt x="6096" y="4572"/>
                  </a:lnTo>
                  <a:lnTo>
                    <a:pt x="10668" y="4572"/>
                  </a:lnTo>
                  <a:lnTo>
                    <a:pt x="10668" y="0"/>
                  </a:lnTo>
                  <a:close/>
                </a:path>
                <a:path w="818514" h="5080">
                  <a:moveTo>
                    <a:pt x="16764" y="0"/>
                  </a:moveTo>
                  <a:lnTo>
                    <a:pt x="13716" y="0"/>
                  </a:lnTo>
                  <a:lnTo>
                    <a:pt x="13716" y="4572"/>
                  </a:lnTo>
                  <a:lnTo>
                    <a:pt x="16764" y="4572"/>
                  </a:lnTo>
                  <a:lnTo>
                    <a:pt x="16764" y="0"/>
                  </a:lnTo>
                  <a:close/>
                </a:path>
                <a:path w="818514" h="5080">
                  <a:moveTo>
                    <a:pt x="24384" y="0"/>
                  </a:moveTo>
                  <a:lnTo>
                    <a:pt x="19812" y="0"/>
                  </a:lnTo>
                  <a:lnTo>
                    <a:pt x="19812" y="4572"/>
                  </a:lnTo>
                  <a:lnTo>
                    <a:pt x="24384" y="4572"/>
                  </a:lnTo>
                  <a:lnTo>
                    <a:pt x="24384" y="0"/>
                  </a:lnTo>
                  <a:close/>
                </a:path>
                <a:path w="818514" h="5080">
                  <a:moveTo>
                    <a:pt x="30480" y="0"/>
                  </a:moveTo>
                  <a:lnTo>
                    <a:pt x="27432" y="0"/>
                  </a:lnTo>
                  <a:lnTo>
                    <a:pt x="27432" y="4572"/>
                  </a:lnTo>
                  <a:lnTo>
                    <a:pt x="30480" y="4572"/>
                  </a:lnTo>
                  <a:lnTo>
                    <a:pt x="30480" y="0"/>
                  </a:lnTo>
                  <a:close/>
                </a:path>
                <a:path w="818514" h="5080">
                  <a:moveTo>
                    <a:pt x="38100" y="0"/>
                  </a:moveTo>
                  <a:lnTo>
                    <a:pt x="33528" y="0"/>
                  </a:lnTo>
                  <a:lnTo>
                    <a:pt x="33528" y="4572"/>
                  </a:lnTo>
                  <a:lnTo>
                    <a:pt x="38100" y="4572"/>
                  </a:lnTo>
                  <a:lnTo>
                    <a:pt x="38100" y="0"/>
                  </a:lnTo>
                  <a:close/>
                </a:path>
                <a:path w="818514" h="5080">
                  <a:moveTo>
                    <a:pt x="44196" y="0"/>
                  </a:moveTo>
                  <a:lnTo>
                    <a:pt x="41148" y="0"/>
                  </a:lnTo>
                  <a:lnTo>
                    <a:pt x="41148" y="4572"/>
                  </a:lnTo>
                  <a:lnTo>
                    <a:pt x="44196" y="4572"/>
                  </a:lnTo>
                  <a:lnTo>
                    <a:pt x="44196" y="0"/>
                  </a:lnTo>
                  <a:close/>
                </a:path>
                <a:path w="818514" h="5080">
                  <a:moveTo>
                    <a:pt x="51816" y="0"/>
                  </a:moveTo>
                  <a:lnTo>
                    <a:pt x="47244" y="0"/>
                  </a:lnTo>
                  <a:lnTo>
                    <a:pt x="47244" y="4572"/>
                  </a:lnTo>
                  <a:lnTo>
                    <a:pt x="51816" y="4572"/>
                  </a:lnTo>
                  <a:lnTo>
                    <a:pt x="51816" y="0"/>
                  </a:lnTo>
                  <a:close/>
                </a:path>
                <a:path w="818514" h="5080">
                  <a:moveTo>
                    <a:pt x="57912" y="0"/>
                  </a:moveTo>
                  <a:lnTo>
                    <a:pt x="54864" y="0"/>
                  </a:lnTo>
                  <a:lnTo>
                    <a:pt x="54864" y="4572"/>
                  </a:lnTo>
                  <a:lnTo>
                    <a:pt x="57912" y="4572"/>
                  </a:lnTo>
                  <a:lnTo>
                    <a:pt x="57912" y="0"/>
                  </a:lnTo>
                  <a:close/>
                </a:path>
                <a:path w="818514" h="5080">
                  <a:moveTo>
                    <a:pt x="65532" y="0"/>
                  </a:moveTo>
                  <a:lnTo>
                    <a:pt x="60960" y="0"/>
                  </a:lnTo>
                  <a:lnTo>
                    <a:pt x="60960" y="4572"/>
                  </a:lnTo>
                  <a:lnTo>
                    <a:pt x="65532" y="4572"/>
                  </a:lnTo>
                  <a:lnTo>
                    <a:pt x="65532" y="0"/>
                  </a:lnTo>
                  <a:close/>
                </a:path>
                <a:path w="818514" h="5080">
                  <a:moveTo>
                    <a:pt x="71628" y="0"/>
                  </a:moveTo>
                  <a:lnTo>
                    <a:pt x="68580" y="0"/>
                  </a:lnTo>
                  <a:lnTo>
                    <a:pt x="68580" y="4572"/>
                  </a:lnTo>
                  <a:lnTo>
                    <a:pt x="71628" y="4572"/>
                  </a:lnTo>
                  <a:lnTo>
                    <a:pt x="71628" y="0"/>
                  </a:lnTo>
                  <a:close/>
                </a:path>
                <a:path w="818514" h="5080">
                  <a:moveTo>
                    <a:pt x="79248" y="0"/>
                  </a:moveTo>
                  <a:lnTo>
                    <a:pt x="74676" y="0"/>
                  </a:lnTo>
                  <a:lnTo>
                    <a:pt x="74676" y="4572"/>
                  </a:lnTo>
                  <a:lnTo>
                    <a:pt x="79248" y="4572"/>
                  </a:lnTo>
                  <a:lnTo>
                    <a:pt x="79248" y="0"/>
                  </a:lnTo>
                  <a:close/>
                </a:path>
                <a:path w="818514" h="5080">
                  <a:moveTo>
                    <a:pt x="85344" y="0"/>
                  </a:moveTo>
                  <a:lnTo>
                    <a:pt x="82296" y="0"/>
                  </a:lnTo>
                  <a:lnTo>
                    <a:pt x="82296" y="4572"/>
                  </a:lnTo>
                  <a:lnTo>
                    <a:pt x="85344" y="4572"/>
                  </a:lnTo>
                  <a:lnTo>
                    <a:pt x="85344" y="0"/>
                  </a:lnTo>
                  <a:close/>
                </a:path>
                <a:path w="818514" h="5080">
                  <a:moveTo>
                    <a:pt x="92964" y="0"/>
                  </a:moveTo>
                  <a:lnTo>
                    <a:pt x="88392" y="0"/>
                  </a:lnTo>
                  <a:lnTo>
                    <a:pt x="88392" y="4572"/>
                  </a:lnTo>
                  <a:lnTo>
                    <a:pt x="92964" y="4572"/>
                  </a:lnTo>
                  <a:lnTo>
                    <a:pt x="92964" y="0"/>
                  </a:lnTo>
                  <a:close/>
                </a:path>
                <a:path w="818514" h="5080">
                  <a:moveTo>
                    <a:pt x="99060" y="0"/>
                  </a:moveTo>
                  <a:lnTo>
                    <a:pt x="96012" y="0"/>
                  </a:lnTo>
                  <a:lnTo>
                    <a:pt x="96012" y="4572"/>
                  </a:lnTo>
                  <a:lnTo>
                    <a:pt x="99060" y="4572"/>
                  </a:lnTo>
                  <a:lnTo>
                    <a:pt x="99060" y="0"/>
                  </a:lnTo>
                  <a:close/>
                </a:path>
                <a:path w="818514" h="5080">
                  <a:moveTo>
                    <a:pt x="106680" y="0"/>
                  </a:moveTo>
                  <a:lnTo>
                    <a:pt x="102108" y="0"/>
                  </a:lnTo>
                  <a:lnTo>
                    <a:pt x="102108" y="4572"/>
                  </a:lnTo>
                  <a:lnTo>
                    <a:pt x="106680" y="4572"/>
                  </a:lnTo>
                  <a:lnTo>
                    <a:pt x="106680" y="0"/>
                  </a:lnTo>
                  <a:close/>
                </a:path>
                <a:path w="818514" h="5080">
                  <a:moveTo>
                    <a:pt x="112776" y="0"/>
                  </a:moveTo>
                  <a:lnTo>
                    <a:pt x="109728" y="0"/>
                  </a:lnTo>
                  <a:lnTo>
                    <a:pt x="109728" y="4572"/>
                  </a:lnTo>
                  <a:lnTo>
                    <a:pt x="112776" y="4572"/>
                  </a:lnTo>
                  <a:lnTo>
                    <a:pt x="112776" y="0"/>
                  </a:lnTo>
                  <a:close/>
                </a:path>
                <a:path w="818514" h="5080">
                  <a:moveTo>
                    <a:pt x="284988" y="0"/>
                  </a:moveTo>
                  <a:lnTo>
                    <a:pt x="283464" y="0"/>
                  </a:lnTo>
                  <a:lnTo>
                    <a:pt x="283464" y="4572"/>
                  </a:lnTo>
                  <a:lnTo>
                    <a:pt x="284988" y="4572"/>
                  </a:lnTo>
                  <a:lnTo>
                    <a:pt x="284988" y="0"/>
                  </a:lnTo>
                  <a:close/>
                </a:path>
                <a:path w="818514" h="5080">
                  <a:moveTo>
                    <a:pt x="291084" y="0"/>
                  </a:moveTo>
                  <a:lnTo>
                    <a:pt x="288036" y="0"/>
                  </a:lnTo>
                  <a:lnTo>
                    <a:pt x="288036" y="4572"/>
                  </a:lnTo>
                  <a:lnTo>
                    <a:pt x="291084" y="4572"/>
                  </a:lnTo>
                  <a:lnTo>
                    <a:pt x="291084" y="0"/>
                  </a:lnTo>
                  <a:close/>
                </a:path>
                <a:path w="818514" h="5080">
                  <a:moveTo>
                    <a:pt x="298704" y="0"/>
                  </a:moveTo>
                  <a:lnTo>
                    <a:pt x="294132" y="0"/>
                  </a:lnTo>
                  <a:lnTo>
                    <a:pt x="294132" y="4572"/>
                  </a:lnTo>
                  <a:lnTo>
                    <a:pt x="298704" y="4572"/>
                  </a:lnTo>
                  <a:lnTo>
                    <a:pt x="298704" y="0"/>
                  </a:lnTo>
                  <a:close/>
                </a:path>
                <a:path w="818514" h="5080">
                  <a:moveTo>
                    <a:pt x="304800" y="0"/>
                  </a:moveTo>
                  <a:lnTo>
                    <a:pt x="301752" y="0"/>
                  </a:lnTo>
                  <a:lnTo>
                    <a:pt x="301752" y="4572"/>
                  </a:lnTo>
                  <a:lnTo>
                    <a:pt x="304800" y="4572"/>
                  </a:lnTo>
                  <a:lnTo>
                    <a:pt x="304800" y="0"/>
                  </a:lnTo>
                  <a:close/>
                </a:path>
                <a:path w="818514" h="5080">
                  <a:moveTo>
                    <a:pt x="312420" y="0"/>
                  </a:moveTo>
                  <a:lnTo>
                    <a:pt x="307848" y="0"/>
                  </a:lnTo>
                  <a:lnTo>
                    <a:pt x="307848" y="4572"/>
                  </a:lnTo>
                  <a:lnTo>
                    <a:pt x="312420" y="4572"/>
                  </a:lnTo>
                  <a:lnTo>
                    <a:pt x="312420" y="0"/>
                  </a:lnTo>
                  <a:close/>
                </a:path>
                <a:path w="818514" h="5080">
                  <a:moveTo>
                    <a:pt x="318516" y="0"/>
                  </a:moveTo>
                  <a:lnTo>
                    <a:pt x="315468" y="0"/>
                  </a:lnTo>
                  <a:lnTo>
                    <a:pt x="315468" y="4572"/>
                  </a:lnTo>
                  <a:lnTo>
                    <a:pt x="318516" y="4572"/>
                  </a:lnTo>
                  <a:lnTo>
                    <a:pt x="318516" y="0"/>
                  </a:lnTo>
                  <a:close/>
                </a:path>
                <a:path w="818514" h="5080">
                  <a:moveTo>
                    <a:pt x="326136" y="0"/>
                  </a:moveTo>
                  <a:lnTo>
                    <a:pt x="321564" y="0"/>
                  </a:lnTo>
                  <a:lnTo>
                    <a:pt x="321564" y="4572"/>
                  </a:lnTo>
                  <a:lnTo>
                    <a:pt x="326136" y="4572"/>
                  </a:lnTo>
                  <a:lnTo>
                    <a:pt x="326136" y="0"/>
                  </a:lnTo>
                  <a:close/>
                </a:path>
                <a:path w="818514" h="5080">
                  <a:moveTo>
                    <a:pt x="332232" y="0"/>
                  </a:moveTo>
                  <a:lnTo>
                    <a:pt x="329184" y="0"/>
                  </a:lnTo>
                  <a:lnTo>
                    <a:pt x="329184" y="4572"/>
                  </a:lnTo>
                  <a:lnTo>
                    <a:pt x="332232" y="4572"/>
                  </a:lnTo>
                  <a:lnTo>
                    <a:pt x="332232" y="0"/>
                  </a:lnTo>
                  <a:close/>
                </a:path>
                <a:path w="818514" h="5080">
                  <a:moveTo>
                    <a:pt x="339852" y="0"/>
                  </a:moveTo>
                  <a:lnTo>
                    <a:pt x="335280" y="0"/>
                  </a:lnTo>
                  <a:lnTo>
                    <a:pt x="335280" y="4572"/>
                  </a:lnTo>
                  <a:lnTo>
                    <a:pt x="339852" y="4572"/>
                  </a:lnTo>
                  <a:lnTo>
                    <a:pt x="339852" y="0"/>
                  </a:lnTo>
                  <a:close/>
                </a:path>
                <a:path w="818514" h="5080">
                  <a:moveTo>
                    <a:pt x="345948" y="0"/>
                  </a:moveTo>
                  <a:lnTo>
                    <a:pt x="342900" y="0"/>
                  </a:lnTo>
                  <a:lnTo>
                    <a:pt x="342900" y="4572"/>
                  </a:lnTo>
                  <a:lnTo>
                    <a:pt x="345948" y="4572"/>
                  </a:lnTo>
                  <a:lnTo>
                    <a:pt x="345948" y="0"/>
                  </a:lnTo>
                  <a:close/>
                </a:path>
                <a:path w="818514" h="5080">
                  <a:moveTo>
                    <a:pt x="353568" y="0"/>
                  </a:moveTo>
                  <a:lnTo>
                    <a:pt x="348996" y="0"/>
                  </a:lnTo>
                  <a:lnTo>
                    <a:pt x="348996" y="4572"/>
                  </a:lnTo>
                  <a:lnTo>
                    <a:pt x="353568" y="4572"/>
                  </a:lnTo>
                  <a:lnTo>
                    <a:pt x="353568" y="0"/>
                  </a:lnTo>
                  <a:close/>
                </a:path>
                <a:path w="818514" h="5080">
                  <a:moveTo>
                    <a:pt x="359664" y="0"/>
                  </a:moveTo>
                  <a:lnTo>
                    <a:pt x="356616" y="0"/>
                  </a:lnTo>
                  <a:lnTo>
                    <a:pt x="356616" y="4572"/>
                  </a:lnTo>
                  <a:lnTo>
                    <a:pt x="359664" y="4572"/>
                  </a:lnTo>
                  <a:lnTo>
                    <a:pt x="359664" y="0"/>
                  </a:lnTo>
                  <a:close/>
                </a:path>
                <a:path w="818514" h="5080">
                  <a:moveTo>
                    <a:pt x="367284" y="0"/>
                  </a:moveTo>
                  <a:lnTo>
                    <a:pt x="362712" y="0"/>
                  </a:lnTo>
                  <a:lnTo>
                    <a:pt x="362712" y="4572"/>
                  </a:lnTo>
                  <a:lnTo>
                    <a:pt x="367284" y="4572"/>
                  </a:lnTo>
                  <a:lnTo>
                    <a:pt x="367284" y="0"/>
                  </a:lnTo>
                  <a:close/>
                </a:path>
                <a:path w="818514" h="5080">
                  <a:moveTo>
                    <a:pt x="373380" y="0"/>
                  </a:moveTo>
                  <a:lnTo>
                    <a:pt x="370332" y="0"/>
                  </a:lnTo>
                  <a:lnTo>
                    <a:pt x="370332" y="4572"/>
                  </a:lnTo>
                  <a:lnTo>
                    <a:pt x="373380" y="4572"/>
                  </a:lnTo>
                  <a:lnTo>
                    <a:pt x="373380" y="0"/>
                  </a:lnTo>
                  <a:close/>
                </a:path>
                <a:path w="818514" h="5080">
                  <a:moveTo>
                    <a:pt x="381000" y="0"/>
                  </a:moveTo>
                  <a:lnTo>
                    <a:pt x="376428" y="0"/>
                  </a:lnTo>
                  <a:lnTo>
                    <a:pt x="376428" y="4572"/>
                  </a:lnTo>
                  <a:lnTo>
                    <a:pt x="381000" y="4572"/>
                  </a:lnTo>
                  <a:lnTo>
                    <a:pt x="381000" y="0"/>
                  </a:lnTo>
                  <a:close/>
                </a:path>
                <a:path w="818514" h="5080">
                  <a:moveTo>
                    <a:pt x="387096" y="0"/>
                  </a:moveTo>
                  <a:lnTo>
                    <a:pt x="384048" y="0"/>
                  </a:lnTo>
                  <a:lnTo>
                    <a:pt x="384048" y="4572"/>
                  </a:lnTo>
                  <a:lnTo>
                    <a:pt x="387096" y="4572"/>
                  </a:lnTo>
                  <a:lnTo>
                    <a:pt x="387096" y="0"/>
                  </a:lnTo>
                  <a:close/>
                </a:path>
                <a:path w="818514" h="5080">
                  <a:moveTo>
                    <a:pt x="394716" y="0"/>
                  </a:moveTo>
                  <a:lnTo>
                    <a:pt x="390144" y="0"/>
                  </a:lnTo>
                  <a:lnTo>
                    <a:pt x="390144" y="4572"/>
                  </a:lnTo>
                  <a:lnTo>
                    <a:pt x="394716" y="4572"/>
                  </a:lnTo>
                  <a:lnTo>
                    <a:pt x="394716" y="0"/>
                  </a:lnTo>
                  <a:close/>
                </a:path>
                <a:path w="818514" h="5080">
                  <a:moveTo>
                    <a:pt x="400812" y="0"/>
                  </a:moveTo>
                  <a:lnTo>
                    <a:pt x="397764" y="0"/>
                  </a:lnTo>
                  <a:lnTo>
                    <a:pt x="397764" y="4572"/>
                  </a:lnTo>
                  <a:lnTo>
                    <a:pt x="400812" y="4572"/>
                  </a:lnTo>
                  <a:lnTo>
                    <a:pt x="400812" y="0"/>
                  </a:lnTo>
                  <a:close/>
                </a:path>
                <a:path w="818514" h="5080">
                  <a:moveTo>
                    <a:pt x="408432" y="0"/>
                  </a:moveTo>
                  <a:lnTo>
                    <a:pt x="403860" y="0"/>
                  </a:lnTo>
                  <a:lnTo>
                    <a:pt x="403860" y="4572"/>
                  </a:lnTo>
                  <a:lnTo>
                    <a:pt x="408432" y="4572"/>
                  </a:lnTo>
                  <a:lnTo>
                    <a:pt x="408432" y="0"/>
                  </a:lnTo>
                  <a:close/>
                </a:path>
                <a:path w="818514" h="5080">
                  <a:moveTo>
                    <a:pt x="414528" y="0"/>
                  </a:moveTo>
                  <a:lnTo>
                    <a:pt x="411480" y="0"/>
                  </a:lnTo>
                  <a:lnTo>
                    <a:pt x="411480" y="4572"/>
                  </a:lnTo>
                  <a:lnTo>
                    <a:pt x="414528" y="4572"/>
                  </a:lnTo>
                  <a:lnTo>
                    <a:pt x="414528" y="0"/>
                  </a:lnTo>
                  <a:close/>
                </a:path>
                <a:path w="818514" h="5080">
                  <a:moveTo>
                    <a:pt x="422148" y="0"/>
                  </a:moveTo>
                  <a:lnTo>
                    <a:pt x="417576" y="0"/>
                  </a:lnTo>
                  <a:lnTo>
                    <a:pt x="417576" y="4572"/>
                  </a:lnTo>
                  <a:lnTo>
                    <a:pt x="422148" y="4572"/>
                  </a:lnTo>
                  <a:lnTo>
                    <a:pt x="422148" y="0"/>
                  </a:lnTo>
                  <a:close/>
                </a:path>
                <a:path w="818514" h="5080">
                  <a:moveTo>
                    <a:pt x="428244" y="0"/>
                  </a:moveTo>
                  <a:lnTo>
                    <a:pt x="425196" y="0"/>
                  </a:lnTo>
                  <a:lnTo>
                    <a:pt x="425196" y="4572"/>
                  </a:lnTo>
                  <a:lnTo>
                    <a:pt x="428244" y="4572"/>
                  </a:lnTo>
                  <a:lnTo>
                    <a:pt x="428244" y="0"/>
                  </a:lnTo>
                  <a:close/>
                </a:path>
                <a:path w="818514" h="5080">
                  <a:moveTo>
                    <a:pt x="435864" y="0"/>
                  </a:moveTo>
                  <a:lnTo>
                    <a:pt x="431292" y="0"/>
                  </a:lnTo>
                  <a:lnTo>
                    <a:pt x="431292" y="4572"/>
                  </a:lnTo>
                  <a:lnTo>
                    <a:pt x="435864" y="4572"/>
                  </a:lnTo>
                  <a:lnTo>
                    <a:pt x="435864" y="0"/>
                  </a:lnTo>
                  <a:close/>
                </a:path>
                <a:path w="818514" h="5080">
                  <a:moveTo>
                    <a:pt x="441960" y="0"/>
                  </a:moveTo>
                  <a:lnTo>
                    <a:pt x="438912" y="0"/>
                  </a:lnTo>
                  <a:lnTo>
                    <a:pt x="438912" y="4572"/>
                  </a:lnTo>
                  <a:lnTo>
                    <a:pt x="441960" y="4572"/>
                  </a:lnTo>
                  <a:lnTo>
                    <a:pt x="441960" y="0"/>
                  </a:lnTo>
                  <a:close/>
                </a:path>
                <a:path w="818514" h="5080">
                  <a:moveTo>
                    <a:pt x="449580" y="0"/>
                  </a:moveTo>
                  <a:lnTo>
                    <a:pt x="445008" y="0"/>
                  </a:lnTo>
                  <a:lnTo>
                    <a:pt x="445008" y="4572"/>
                  </a:lnTo>
                  <a:lnTo>
                    <a:pt x="449580" y="4572"/>
                  </a:lnTo>
                  <a:lnTo>
                    <a:pt x="449580" y="0"/>
                  </a:lnTo>
                  <a:close/>
                </a:path>
                <a:path w="818514" h="5080">
                  <a:moveTo>
                    <a:pt x="455676" y="0"/>
                  </a:moveTo>
                  <a:lnTo>
                    <a:pt x="452628" y="0"/>
                  </a:lnTo>
                  <a:lnTo>
                    <a:pt x="452628" y="4572"/>
                  </a:lnTo>
                  <a:lnTo>
                    <a:pt x="455676" y="4572"/>
                  </a:lnTo>
                  <a:lnTo>
                    <a:pt x="455676" y="0"/>
                  </a:lnTo>
                  <a:close/>
                </a:path>
                <a:path w="818514" h="5080">
                  <a:moveTo>
                    <a:pt x="463296" y="0"/>
                  </a:moveTo>
                  <a:lnTo>
                    <a:pt x="458724" y="0"/>
                  </a:lnTo>
                  <a:lnTo>
                    <a:pt x="458724" y="4572"/>
                  </a:lnTo>
                  <a:lnTo>
                    <a:pt x="463296" y="4572"/>
                  </a:lnTo>
                  <a:lnTo>
                    <a:pt x="463296" y="0"/>
                  </a:lnTo>
                  <a:close/>
                </a:path>
                <a:path w="818514" h="5080">
                  <a:moveTo>
                    <a:pt x="469392" y="0"/>
                  </a:moveTo>
                  <a:lnTo>
                    <a:pt x="466344" y="0"/>
                  </a:lnTo>
                  <a:lnTo>
                    <a:pt x="466344" y="4572"/>
                  </a:lnTo>
                  <a:lnTo>
                    <a:pt x="469392" y="4572"/>
                  </a:lnTo>
                  <a:lnTo>
                    <a:pt x="469392" y="0"/>
                  </a:lnTo>
                  <a:close/>
                </a:path>
                <a:path w="818514" h="5080">
                  <a:moveTo>
                    <a:pt x="477012" y="0"/>
                  </a:moveTo>
                  <a:lnTo>
                    <a:pt x="472440" y="0"/>
                  </a:lnTo>
                  <a:lnTo>
                    <a:pt x="472440" y="4572"/>
                  </a:lnTo>
                  <a:lnTo>
                    <a:pt x="477012" y="4572"/>
                  </a:lnTo>
                  <a:lnTo>
                    <a:pt x="477012" y="0"/>
                  </a:lnTo>
                  <a:close/>
                </a:path>
                <a:path w="818514" h="5080">
                  <a:moveTo>
                    <a:pt x="483108" y="0"/>
                  </a:moveTo>
                  <a:lnTo>
                    <a:pt x="480060" y="0"/>
                  </a:lnTo>
                  <a:lnTo>
                    <a:pt x="480060" y="4572"/>
                  </a:lnTo>
                  <a:lnTo>
                    <a:pt x="483108" y="4572"/>
                  </a:lnTo>
                  <a:lnTo>
                    <a:pt x="483108" y="0"/>
                  </a:lnTo>
                  <a:close/>
                </a:path>
                <a:path w="818514" h="5080">
                  <a:moveTo>
                    <a:pt x="489204" y="0"/>
                  </a:moveTo>
                  <a:lnTo>
                    <a:pt x="486156" y="0"/>
                  </a:lnTo>
                  <a:lnTo>
                    <a:pt x="486156" y="4572"/>
                  </a:lnTo>
                  <a:lnTo>
                    <a:pt x="489204" y="4572"/>
                  </a:lnTo>
                  <a:lnTo>
                    <a:pt x="489204" y="0"/>
                  </a:lnTo>
                  <a:close/>
                </a:path>
                <a:path w="818514" h="5080">
                  <a:moveTo>
                    <a:pt x="496824" y="0"/>
                  </a:moveTo>
                  <a:lnTo>
                    <a:pt x="493776" y="0"/>
                  </a:lnTo>
                  <a:lnTo>
                    <a:pt x="493776" y="4572"/>
                  </a:lnTo>
                  <a:lnTo>
                    <a:pt x="496824" y="4572"/>
                  </a:lnTo>
                  <a:lnTo>
                    <a:pt x="496824" y="0"/>
                  </a:lnTo>
                  <a:close/>
                </a:path>
                <a:path w="818514" h="5080">
                  <a:moveTo>
                    <a:pt x="502920" y="0"/>
                  </a:moveTo>
                  <a:lnTo>
                    <a:pt x="499872" y="0"/>
                  </a:lnTo>
                  <a:lnTo>
                    <a:pt x="499872" y="4572"/>
                  </a:lnTo>
                  <a:lnTo>
                    <a:pt x="502920" y="4572"/>
                  </a:lnTo>
                  <a:lnTo>
                    <a:pt x="502920" y="0"/>
                  </a:lnTo>
                  <a:close/>
                </a:path>
                <a:path w="818514" h="5080">
                  <a:moveTo>
                    <a:pt x="510540" y="0"/>
                  </a:moveTo>
                  <a:lnTo>
                    <a:pt x="507492" y="0"/>
                  </a:lnTo>
                  <a:lnTo>
                    <a:pt x="507492" y="4572"/>
                  </a:lnTo>
                  <a:lnTo>
                    <a:pt x="510540" y="4572"/>
                  </a:lnTo>
                  <a:lnTo>
                    <a:pt x="510540" y="0"/>
                  </a:lnTo>
                  <a:close/>
                </a:path>
                <a:path w="818514" h="5080">
                  <a:moveTo>
                    <a:pt x="516636" y="0"/>
                  </a:moveTo>
                  <a:lnTo>
                    <a:pt x="513588" y="0"/>
                  </a:lnTo>
                  <a:lnTo>
                    <a:pt x="513588" y="4572"/>
                  </a:lnTo>
                  <a:lnTo>
                    <a:pt x="516636" y="4572"/>
                  </a:lnTo>
                  <a:lnTo>
                    <a:pt x="516636" y="0"/>
                  </a:lnTo>
                  <a:close/>
                </a:path>
                <a:path w="818514" h="5080">
                  <a:moveTo>
                    <a:pt x="524256" y="0"/>
                  </a:moveTo>
                  <a:lnTo>
                    <a:pt x="521208" y="0"/>
                  </a:lnTo>
                  <a:lnTo>
                    <a:pt x="521208" y="4572"/>
                  </a:lnTo>
                  <a:lnTo>
                    <a:pt x="524256" y="4572"/>
                  </a:lnTo>
                  <a:lnTo>
                    <a:pt x="524256" y="0"/>
                  </a:lnTo>
                  <a:close/>
                </a:path>
                <a:path w="818514" h="5080">
                  <a:moveTo>
                    <a:pt x="530352" y="0"/>
                  </a:moveTo>
                  <a:lnTo>
                    <a:pt x="527304" y="0"/>
                  </a:lnTo>
                  <a:lnTo>
                    <a:pt x="527304" y="4572"/>
                  </a:lnTo>
                  <a:lnTo>
                    <a:pt x="530352" y="4572"/>
                  </a:lnTo>
                  <a:lnTo>
                    <a:pt x="530352" y="0"/>
                  </a:lnTo>
                  <a:close/>
                </a:path>
                <a:path w="818514" h="5080">
                  <a:moveTo>
                    <a:pt x="537972" y="0"/>
                  </a:moveTo>
                  <a:lnTo>
                    <a:pt x="534924" y="0"/>
                  </a:lnTo>
                  <a:lnTo>
                    <a:pt x="534924" y="4572"/>
                  </a:lnTo>
                  <a:lnTo>
                    <a:pt x="537972" y="4572"/>
                  </a:lnTo>
                  <a:lnTo>
                    <a:pt x="537972" y="0"/>
                  </a:lnTo>
                  <a:close/>
                </a:path>
                <a:path w="818514" h="5080">
                  <a:moveTo>
                    <a:pt x="716280" y="0"/>
                  </a:moveTo>
                  <a:lnTo>
                    <a:pt x="713232" y="0"/>
                  </a:lnTo>
                  <a:lnTo>
                    <a:pt x="713232" y="4572"/>
                  </a:lnTo>
                  <a:lnTo>
                    <a:pt x="716280" y="4572"/>
                  </a:lnTo>
                  <a:lnTo>
                    <a:pt x="716280" y="0"/>
                  </a:lnTo>
                  <a:close/>
                </a:path>
                <a:path w="818514" h="5080">
                  <a:moveTo>
                    <a:pt x="722376" y="0"/>
                  </a:moveTo>
                  <a:lnTo>
                    <a:pt x="719328" y="0"/>
                  </a:lnTo>
                  <a:lnTo>
                    <a:pt x="719328" y="4572"/>
                  </a:lnTo>
                  <a:lnTo>
                    <a:pt x="722376" y="4572"/>
                  </a:lnTo>
                  <a:lnTo>
                    <a:pt x="722376" y="0"/>
                  </a:lnTo>
                  <a:close/>
                </a:path>
                <a:path w="818514" h="5080">
                  <a:moveTo>
                    <a:pt x="729996" y="0"/>
                  </a:moveTo>
                  <a:lnTo>
                    <a:pt x="726948" y="0"/>
                  </a:lnTo>
                  <a:lnTo>
                    <a:pt x="726948" y="4572"/>
                  </a:lnTo>
                  <a:lnTo>
                    <a:pt x="729996" y="4572"/>
                  </a:lnTo>
                  <a:lnTo>
                    <a:pt x="729996" y="0"/>
                  </a:lnTo>
                  <a:close/>
                </a:path>
                <a:path w="818514" h="5080">
                  <a:moveTo>
                    <a:pt x="736092" y="0"/>
                  </a:moveTo>
                  <a:lnTo>
                    <a:pt x="733044" y="0"/>
                  </a:lnTo>
                  <a:lnTo>
                    <a:pt x="733044" y="4572"/>
                  </a:lnTo>
                  <a:lnTo>
                    <a:pt x="736092" y="4572"/>
                  </a:lnTo>
                  <a:lnTo>
                    <a:pt x="736092" y="0"/>
                  </a:lnTo>
                  <a:close/>
                </a:path>
                <a:path w="818514" h="5080">
                  <a:moveTo>
                    <a:pt x="743712" y="0"/>
                  </a:moveTo>
                  <a:lnTo>
                    <a:pt x="740664" y="0"/>
                  </a:lnTo>
                  <a:lnTo>
                    <a:pt x="740664" y="4572"/>
                  </a:lnTo>
                  <a:lnTo>
                    <a:pt x="743712" y="4572"/>
                  </a:lnTo>
                  <a:lnTo>
                    <a:pt x="743712" y="0"/>
                  </a:lnTo>
                  <a:close/>
                </a:path>
                <a:path w="818514" h="5080">
                  <a:moveTo>
                    <a:pt x="749808" y="0"/>
                  </a:moveTo>
                  <a:lnTo>
                    <a:pt x="746760" y="0"/>
                  </a:lnTo>
                  <a:lnTo>
                    <a:pt x="746760" y="4572"/>
                  </a:lnTo>
                  <a:lnTo>
                    <a:pt x="749808" y="4572"/>
                  </a:lnTo>
                  <a:lnTo>
                    <a:pt x="749808" y="0"/>
                  </a:lnTo>
                  <a:close/>
                </a:path>
                <a:path w="818514" h="5080">
                  <a:moveTo>
                    <a:pt x="757428" y="0"/>
                  </a:moveTo>
                  <a:lnTo>
                    <a:pt x="754380" y="0"/>
                  </a:lnTo>
                  <a:lnTo>
                    <a:pt x="754380" y="4572"/>
                  </a:lnTo>
                  <a:lnTo>
                    <a:pt x="757428" y="4572"/>
                  </a:lnTo>
                  <a:lnTo>
                    <a:pt x="757428" y="0"/>
                  </a:lnTo>
                  <a:close/>
                </a:path>
                <a:path w="818514" h="5080">
                  <a:moveTo>
                    <a:pt x="763524" y="0"/>
                  </a:moveTo>
                  <a:lnTo>
                    <a:pt x="760476" y="0"/>
                  </a:lnTo>
                  <a:lnTo>
                    <a:pt x="760476" y="4572"/>
                  </a:lnTo>
                  <a:lnTo>
                    <a:pt x="763524" y="4572"/>
                  </a:lnTo>
                  <a:lnTo>
                    <a:pt x="763524" y="0"/>
                  </a:lnTo>
                  <a:close/>
                </a:path>
                <a:path w="818514" h="5080">
                  <a:moveTo>
                    <a:pt x="771144" y="0"/>
                  </a:moveTo>
                  <a:lnTo>
                    <a:pt x="768096" y="0"/>
                  </a:lnTo>
                  <a:lnTo>
                    <a:pt x="768096" y="4572"/>
                  </a:lnTo>
                  <a:lnTo>
                    <a:pt x="771144" y="4572"/>
                  </a:lnTo>
                  <a:lnTo>
                    <a:pt x="771144" y="0"/>
                  </a:lnTo>
                  <a:close/>
                </a:path>
                <a:path w="818514" h="5080">
                  <a:moveTo>
                    <a:pt x="777240" y="0"/>
                  </a:moveTo>
                  <a:lnTo>
                    <a:pt x="774192" y="0"/>
                  </a:lnTo>
                  <a:lnTo>
                    <a:pt x="774192" y="4572"/>
                  </a:lnTo>
                  <a:lnTo>
                    <a:pt x="777240" y="4572"/>
                  </a:lnTo>
                  <a:lnTo>
                    <a:pt x="777240" y="0"/>
                  </a:lnTo>
                  <a:close/>
                </a:path>
                <a:path w="818514" h="5080">
                  <a:moveTo>
                    <a:pt x="784860" y="0"/>
                  </a:moveTo>
                  <a:lnTo>
                    <a:pt x="781812" y="0"/>
                  </a:lnTo>
                  <a:lnTo>
                    <a:pt x="781812" y="4572"/>
                  </a:lnTo>
                  <a:lnTo>
                    <a:pt x="784860" y="4572"/>
                  </a:lnTo>
                  <a:lnTo>
                    <a:pt x="784860" y="0"/>
                  </a:lnTo>
                  <a:close/>
                </a:path>
                <a:path w="818514" h="5080">
                  <a:moveTo>
                    <a:pt x="790956" y="0"/>
                  </a:moveTo>
                  <a:lnTo>
                    <a:pt x="787908" y="0"/>
                  </a:lnTo>
                  <a:lnTo>
                    <a:pt x="787908" y="4572"/>
                  </a:lnTo>
                  <a:lnTo>
                    <a:pt x="790956" y="4572"/>
                  </a:lnTo>
                  <a:lnTo>
                    <a:pt x="790956" y="0"/>
                  </a:lnTo>
                  <a:close/>
                </a:path>
                <a:path w="818514" h="5080">
                  <a:moveTo>
                    <a:pt x="798576" y="0"/>
                  </a:moveTo>
                  <a:lnTo>
                    <a:pt x="795528" y="0"/>
                  </a:lnTo>
                  <a:lnTo>
                    <a:pt x="795528" y="4572"/>
                  </a:lnTo>
                  <a:lnTo>
                    <a:pt x="798576" y="4572"/>
                  </a:lnTo>
                  <a:lnTo>
                    <a:pt x="798576" y="0"/>
                  </a:lnTo>
                  <a:close/>
                </a:path>
                <a:path w="818514" h="5080">
                  <a:moveTo>
                    <a:pt x="804672" y="0"/>
                  </a:moveTo>
                  <a:lnTo>
                    <a:pt x="801624" y="0"/>
                  </a:lnTo>
                  <a:lnTo>
                    <a:pt x="801624" y="4572"/>
                  </a:lnTo>
                  <a:lnTo>
                    <a:pt x="804672" y="4572"/>
                  </a:lnTo>
                  <a:lnTo>
                    <a:pt x="804672" y="0"/>
                  </a:lnTo>
                  <a:close/>
                </a:path>
                <a:path w="818514" h="5080">
                  <a:moveTo>
                    <a:pt x="812292" y="0"/>
                  </a:moveTo>
                  <a:lnTo>
                    <a:pt x="809244" y="0"/>
                  </a:lnTo>
                  <a:lnTo>
                    <a:pt x="809244" y="4572"/>
                  </a:lnTo>
                  <a:lnTo>
                    <a:pt x="812292" y="4572"/>
                  </a:lnTo>
                  <a:lnTo>
                    <a:pt x="812292" y="0"/>
                  </a:lnTo>
                  <a:close/>
                </a:path>
                <a:path w="818514" h="5080">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126" name="object 126"/>
            <p:cNvSpPr/>
            <p:nvPr/>
          </p:nvSpPr>
          <p:spPr>
            <a:xfrm>
              <a:off x="4463796" y="2284475"/>
              <a:ext cx="812800" cy="5080"/>
            </a:xfrm>
            <a:custGeom>
              <a:avLst/>
              <a:gdLst/>
              <a:ahLst/>
              <a:cxnLst/>
              <a:rect l="l" t="t" r="r" b="b"/>
              <a:pathLst>
                <a:path w="812800" h="5080">
                  <a:moveTo>
                    <a:pt x="3048" y="0"/>
                  </a:moveTo>
                  <a:lnTo>
                    <a:pt x="0" y="0"/>
                  </a:lnTo>
                  <a:lnTo>
                    <a:pt x="0" y="4572"/>
                  </a:lnTo>
                  <a:lnTo>
                    <a:pt x="3048" y="4572"/>
                  </a:lnTo>
                  <a:lnTo>
                    <a:pt x="3048" y="0"/>
                  </a:lnTo>
                  <a:close/>
                </a:path>
                <a:path w="812800" h="5080">
                  <a:moveTo>
                    <a:pt x="10668" y="0"/>
                  </a:moveTo>
                  <a:lnTo>
                    <a:pt x="7620" y="0"/>
                  </a:lnTo>
                  <a:lnTo>
                    <a:pt x="7620" y="4572"/>
                  </a:lnTo>
                  <a:lnTo>
                    <a:pt x="10668" y="4572"/>
                  </a:lnTo>
                  <a:lnTo>
                    <a:pt x="10668" y="0"/>
                  </a:lnTo>
                  <a:close/>
                </a:path>
                <a:path w="812800" h="5080">
                  <a:moveTo>
                    <a:pt x="16764" y="0"/>
                  </a:moveTo>
                  <a:lnTo>
                    <a:pt x="13716" y="0"/>
                  </a:lnTo>
                  <a:lnTo>
                    <a:pt x="13716" y="4572"/>
                  </a:lnTo>
                  <a:lnTo>
                    <a:pt x="16764" y="4572"/>
                  </a:lnTo>
                  <a:lnTo>
                    <a:pt x="16764" y="0"/>
                  </a:lnTo>
                  <a:close/>
                </a:path>
                <a:path w="812800" h="5080">
                  <a:moveTo>
                    <a:pt x="24384" y="0"/>
                  </a:moveTo>
                  <a:lnTo>
                    <a:pt x="21336" y="0"/>
                  </a:lnTo>
                  <a:lnTo>
                    <a:pt x="21336" y="4572"/>
                  </a:lnTo>
                  <a:lnTo>
                    <a:pt x="24384" y="4572"/>
                  </a:lnTo>
                  <a:lnTo>
                    <a:pt x="24384" y="0"/>
                  </a:lnTo>
                  <a:close/>
                </a:path>
                <a:path w="812800" h="5080">
                  <a:moveTo>
                    <a:pt x="30480" y="0"/>
                  </a:moveTo>
                  <a:lnTo>
                    <a:pt x="27432" y="0"/>
                  </a:lnTo>
                  <a:lnTo>
                    <a:pt x="27432" y="4572"/>
                  </a:lnTo>
                  <a:lnTo>
                    <a:pt x="30480" y="4572"/>
                  </a:lnTo>
                  <a:lnTo>
                    <a:pt x="30480" y="0"/>
                  </a:lnTo>
                  <a:close/>
                </a:path>
                <a:path w="812800" h="5080">
                  <a:moveTo>
                    <a:pt x="38100" y="0"/>
                  </a:moveTo>
                  <a:lnTo>
                    <a:pt x="35052" y="0"/>
                  </a:lnTo>
                  <a:lnTo>
                    <a:pt x="35052" y="4572"/>
                  </a:lnTo>
                  <a:lnTo>
                    <a:pt x="38100" y="4572"/>
                  </a:lnTo>
                  <a:lnTo>
                    <a:pt x="38100" y="0"/>
                  </a:lnTo>
                  <a:close/>
                </a:path>
                <a:path w="812800" h="5080">
                  <a:moveTo>
                    <a:pt x="44196" y="0"/>
                  </a:moveTo>
                  <a:lnTo>
                    <a:pt x="41148" y="0"/>
                  </a:lnTo>
                  <a:lnTo>
                    <a:pt x="41148" y="4572"/>
                  </a:lnTo>
                  <a:lnTo>
                    <a:pt x="44196" y="4572"/>
                  </a:lnTo>
                  <a:lnTo>
                    <a:pt x="44196" y="0"/>
                  </a:lnTo>
                  <a:close/>
                </a:path>
                <a:path w="812800" h="5080">
                  <a:moveTo>
                    <a:pt x="51816" y="0"/>
                  </a:moveTo>
                  <a:lnTo>
                    <a:pt x="48768" y="0"/>
                  </a:lnTo>
                  <a:lnTo>
                    <a:pt x="48768" y="4572"/>
                  </a:lnTo>
                  <a:lnTo>
                    <a:pt x="51816" y="4572"/>
                  </a:lnTo>
                  <a:lnTo>
                    <a:pt x="51816" y="0"/>
                  </a:lnTo>
                  <a:close/>
                </a:path>
                <a:path w="812800" h="5080">
                  <a:moveTo>
                    <a:pt x="57912" y="0"/>
                  </a:moveTo>
                  <a:lnTo>
                    <a:pt x="54864" y="0"/>
                  </a:lnTo>
                  <a:lnTo>
                    <a:pt x="54864" y="4572"/>
                  </a:lnTo>
                  <a:lnTo>
                    <a:pt x="57912" y="4572"/>
                  </a:lnTo>
                  <a:lnTo>
                    <a:pt x="57912" y="0"/>
                  </a:lnTo>
                  <a:close/>
                </a:path>
                <a:path w="812800" h="5080">
                  <a:moveTo>
                    <a:pt x="65532" y="0"/>
                  </a:moveTo>
                  <a:lnTo>
                    <a:pt x="62484" y="0"/>
                  </a:lnTo>
                  <a:lnTo>
                    <a:pt x="62484" y="4572"/>
                  </a:lnTo>
                  <a:lnTo>
                    <a:pt x="65532" y="4572"/>
                  </a:lnTo>
                  <a:lnTo>
                    <a:pt x="65532" y="0"/>
                  </a:lnTo>
                  <a:close/>
                </a:path>
                <a:path w="812800" h="5080">
                  <a:moveTo>
                    <a:pt x="71628" y="0"/>
                  </a:moveTo>
                  <a:lnTo>
                    <a:pt x="68580" y="0"/>
                  </a:lnTo>
                  <a:lnTo>
                    <a:pt x="68580" y="4572"/>
                  </a:lnTo>
                  <a:lnTo>
                    <a:pt x="71628" y="4572"/>
                  </a:lnTo>
                  <a:lnTo>
                    <a:pt x="71628" y="0"/>
                  </a:lnTo>
                  <a:close/>
                </a:path>
                <a:path w="812800" h="5080">
                  <a:moveTo>
                    <a:pt x="79248" y="0"/>
                  </a:moveTo>
                  <a:lnTo>
                    <a:pt x="76200" y="0"/>
                  </a:lnTo>
                  <a:lnTo>
                    <a:pt x="76200" y="4572"/>
                  </a:lnTo>
                  <a:lnTo>
                    <a:pt x="79248" y="4572"/>
                  </a:lnTo>
                  <a:lnTo>
                    <a:pt x="79248" y="0"/>
                  </a:lnTo>
                  <a:close/>
                </a:path>
                <a:path w="812800" h="5080">
                  <a:moveTo>
                    <a:pt x="85344" y="0"/>
                  </a:moveTo>
                  <a:lnTo>
                    <a:pt x="82296" y="0"/>
                  </a:lnTo>
                  <a:lnTo>
                    <a:pt x="82296" y="4572"/>
                  </a:lnTo>
                  <a:lnTo>
                    <a:pt x="85344" y="4572"/>
                  </a:lnTo>
                  <a:lnTo>
                    <a:pt x="85344" y="0"/>
                  </a:lnTo>
                  <a:close/>
                </a:path>
                <a:path w="812800" h="5080">
                  <a:moveTo>
                    <a:pt x="92964" y="0"/>
                  </a:moveTo>
                  <a:lnTo>
                    <a:pt x="89916" y="0"/>
                  </a:lnTo>
                  <a:lnTo>
                    <a:pt x="89916" y="4572"/>
                  </a:lnTo>
                  <a:lnTo>
                    <a:pt x="92964" y="4572"/>
                  </a:lnTo>
                  <a:lnTo>
                    <a:pt x="92964" y="0"/>
                  </a:lnTo>
                  <a:close/>
                </a:path>
                <a:path w="812800" h="5080">
                  <a:moveTo>
                    <a:pt x="99060" y="0"/>
                  </a:moveTo>
                  <a:lnTo>
                    <a:pt x="96012" y="0"/>
                  </a:lnTo>
                  <a:lnTo>
                    <a:pt x="96012" y="4572"/>
                  </a:lnTo>
                  <a:lnTo>
                    <a:pt x="99060" y="4572"/>
                  </a:lnTo>
                  <a:lnTo>
                    <a:pt x="99060" y="0"/>
                  </a:lnTo>
                  <a:close/>
                </a:path>
                <a:path w="812800" h="5080">
                  <a:moveTo>
                    <a:pt x="106680" y="0"/>
                  </a:moveTo>
                  <a:lnTo>
                    <a:pt x="103632" y="0"/>
                  </a:lnTo>
                  <a:lnTo>
                    <a:pt x="103632" y="4572"/>
                  </a:lnTo>
                  <a:lnTo>
                    <a:pt x="106680" y="4572"/>
                  </a:lnTo>
                  <a:lnTo>
                    <a:pt x="106680" y="0"/>
                  </a:lnTo>
                  <a:close/>
                </a:path>
                <a:path w="812800" h="5080">
                  <a:moveTo>
                    <a:pt x="112776" y="0"/>
                  </a:moveTo>
                  <a:lnTo>
                    <a:pt x="109728" y="0"/>
                  </a:lnTo>
                  <a:lnTo>
                    <a:pt x="109728" y="4572"/>
                  </a:lnTo>
                  <a:lnTo>
                    <a:pt x="112776" y="4572"/>
                  </a:lnTo>
                  <a:lnTo>
                    <a:pt x="112776" y="0"/>
                  </a:lnTo>
                  <a:close/>
                </a:path>
                <a:path w="812800" h="5080">
                  <a:moveTo>
                    <a:pt x="120396" y="0"/>
                  </a:moveTo>
                  <a:lnTo>
                    <a:pt x="117348" y="0"/>
                  </a:lnTo>
                  <a:lnTo>
                    <a:pt x="117348" y="4572"/>
                  </a:lnTo>
                  <a:lnTo>
                    <a:pt x="120396" y="4572"/>
                  </a:lnTo>
                  <a:lnTo>
                    <a:pt x="120396" y="0"/>
                  </a:lnTo>
                  <a:close/>
                </a:path>
                <a:path w="812800" h="5080">
                  <a:moveTo>
                    <a:pt x="126492" y="0"/>
                  </a:moveTo>
                  <a:lnTo>
                    <a:pt x="123444" y="0"/>
                  </a:lnTo>
                  <a:lnTo>
                    <a:pt x="123444" y="4572"/>
                  </a:lnTo>
                  <a:lnTo>
                    <a:pt x="126492" y="4572"/>
                  </a:lnTo>
                  <a:lnTo>
                    <a:pt x="126492" y="0"/>
                  </a:lnTo>
                  <a:close/>
                </a:path>
                <a:path w="812800" h="5080">
                  <a:moveTo>
                    <a:pt x="134112" y="0"/>
                  </a:moveTo>
                  <a:lnTo>
                    <a:pt x="131064" y="0"/>
                  </a:lnTo>
                  <a:lnTo>
                    <a:pt x="131064" y="4572"/>
                  </a:lnTo>
                  <a:lnTo>
                    <a:pt x="134112" y="4572"/>
                  </a:lnTo>
                  <a:lnTo>
                    <a:pt x="134112" y="0"/>
                  </a:lnTo>
                  <a:close/>
                </a:path>
                <a:path w="812800" h="5080">
                  <a:moveTo>
                    <a:pt x="140208" y="0"/>
                  </a:moveTo>
                  <a:lnTo>
                    <a:pt x="137160" y="0"/>
                  </a:lnTo>
                  <a:lnTo>
                    <a:pt x="137160" y="4572"/>
                  </a:lnTo>
                  <a:lnTo>
                    <a:pt x="140208" y="4572"/>
                  </a:lnTo>
                  <a:lnTo>
                    <a:pt x="140208" y="0"/>
                  </a:lnTo>
                  <a:close/>
                </a:path>
                <a:path w="812800" h="5080">
                  <a:moveTo>
                    <a:pt x="147828" y="0"/>
                  </a:moveTo>
                  <a:lnTo>
                    <a:pt x="144780" y="0"/>
                  </a:lnTo>
                  <a:lnTo>
                    <a:pt x="144780" y="4572"/>
                  </a:lnTo>
                  <a:lnTo>
                    <a:pt x="147828" y="4572"/>
                  </a:lnTo>
                  <a:lnTo>
                    <a:pt x="147828" y="0"/>
                  </a:lnTo>
                  <a:close/>
                </a:path>
                <a:path w="812800" h="5080">
                  <a:moveTo>
                    <a:pt x="318516" y="0"/>
                  </a:moveTo>
                  <a:lnTo>
                    <a:pt x="316992" y="0"/>
                  </a:lnTo>
                  <a:lnTo>
                    <a:pt x="316992" y="4572"/>
                  </a:lnTo>
                  <a:lnTo>
                    <a:pt x="318516" y="4572"/>
                  </a:lnTo>
                  <a:lnTo>
                    <a:pt x="318516" y="0"/>
                  </a:lnTo>
                  <a:close/>
                </a:path>
                <a:path w="812800" h="5080">
                  <a:moveTo>
                    <a:pt x="326136" y="0"/>
                  </a:moveTo>
                  <a:lnTo>
                    <a:pt x="321564" y="0"/>
                  </a:lnTo>
                  <a:lnTo>
                    <a:pt x="321564" y="4572"/>
                  </a:lnTo>
                  <a:lnTo>
                    <a:pt x="326136" y="4572"/>
                  </a:lnTo>
                  <a:lnTo>
                    <a:pt x="326136" y="0"/>
                  </a:lnTo>
                  <a:close/>
                </a:path>
                <a:path w="812800" h="5080">
                  <a:moveTo>
                    <a:pt x="332232" y="0"/>
                  </a:moveTo>
                  <a:lnTo>
                    <a:pt x="329184" y="0"/>
                  </a:lnTo>
                  <a:lnTo>
                    <a:pt x="329184" y="4572"/>
                  </a:lnTo>
                  <a:lnTo>
                    <a:pt x="332232" y="4572"/>
                  </a:lnTo>
                  <a:lnTo>
                    <a:pt x="332232" y="0"/>
                  </a:lnTo>
                  <a:close/>
                </a:path>
                <a:path w="812800" h="5080">
                  <a:moveTo>
                    <a:pt x="339852" y="0"/>
                  </a:moveTo>
                  <a:lnTo>
                    <a:pt x="335280" y="0"/>
                  </a:lnTo>
                  <a:lnTo>
                    <a:pt x="335280" y="4572"/>
                  </a:lnTo>
                  <a:lnTo>
                    <a:pt x="339852" y="4572"/>
                  </a:lnTo>
                  <a:lnTo>
                    <a:pt x="339852" y="0"/>
                  </a:lnTo>
                  <a:close/>
                </a:path>
                <a:path w="812800" h="5080">
                  <a:moveTo>
                    <a:pt x="345948" y="0"/>
                  </a:moveTo>
                  <a:lnTo>
                    <a:pt x="342900" y="0"/>
                  </a:lnTo>
                  <a:lnTo>
                    <a:pt x="342900" y="4572"/>
                  </a:lnTo>
                  <a:lnTo>
                    <a:pt x="345948" y="4572"/>
                  </a:lnTo>
                  <a:lnTo>
                    <a:pt x="345948" y="0"/>
                  </a:lnTo>
                  <a:close/>
                </a:path>
                <a:path w="812800" h="5080">
                  <a:moveTo>
                    <a:pt x="353568" y="0"/>
                  </a:moveTo>
                  <a:lnTo>
                    <a:pt x="348996" y="0"/>
                  </a:lnTo>
                  <a:lnTo>
                    <a:pt x="348996" y="4572"/>
                  </a:lnTo>
                  <a:lnTo>
                    <a:pt x="353568" y="4572"/>
                  </a:lnTo>
                  <a:lnTo>
                    <a:pt x="353568" y="0"/>
                  </a:lnTo>
                  <a:close/>
                </a:path>
                <a:path w="812800" h="5080">
                  <a:moveTo>
                    <a:pt x="359664" y="0"/>
                  </a:moveTo>
                  <a:lnTo>
                    <a:pt x="356616" y="0"/>
                  </a:lnTo>
                  <a:lnTo>
                    <a:pt x="356616" y="4572"/>
                  </a:lnTo>
                  <a:lnTo>
                    <a:pt x="359664" y="4572"/>
                  </a:lnTo>
                  <a:lnTo>
                    <a:pt x="359664" y="0"/>
                  </a:lnTo>
                  <a:close/>
                </a:path>
                <a:path w="812800" h="5080">
                  <a:moveTo>
                    <a:pt x="367284" y="0"/>
                  </a:moveTo>
                  <a:lnTo>
                    <a:pt x="362712" y="0"/>
                  </a:lnTo>
                  <a:lnTo>
                    <a:pt x="362712" y="4572"/>
                  </a:lnTo>
                  <a:lnTo>
                    <a:pt x="367284" y="4572"/>
                  </a:lnTo>
                  <a:lnTo>
                    <a:pt x="367284" y="0"/>
                  </a:lnTo>
                  <a:close/>
                </a:path>
                <a:path w="812800" h="5080">
                  <a:moveTo>
                    <a:pt x="373380" y="0"/>
                  </a:moveTo>
                  <a:lnTo>
                    <a:pt x="370332" y="0"/>
                  </a:lnTo>
                  <a:lnTo>
                    <a:pt x="370332" y="4572"/>
                  </a:lnTo>
                  <a:lnTo>
                    <a:pt x="373380" y="4572"/>
                  </a:lnTo>
                  <a:lnTo>
                    <a:pt x="373380" y="0"/>
                  </a:lnTo>
                  <a:close/>
                </a:path>
                <a:path w="812800" h="5080">
                  <a:moveTo>
                    <a:pt x="381000" y="0"/>
                  </a:moveTo>
                  <a:lnTo>
                    <a:pt x="376428" y="0"/>
                  </a:lnTo>
                  <a:lnTo>
                    <a:pt x="376428" y="4572"/>
                  </a:lnTo>
                  <a:lnTo>
                    <a:pt x="381000" y="4572"/>
                  </a:lnTo>
                  <a:lnTo>
                    <a:pt x="381000" y="0"/>
                  </a:lnTo>
                  <a:close/>
                </a:path>
                <a:path w="812800" h="5080">
                  <a:moveTo>
                    <a:pt x="387096" y="0"/>
                  </a:moveTo>
                  <a:lnTo>
                    <a:pt x="384048" y="0"/>
                  </a:lnTo>
                  <a:lnTo>
                    <a:pt x="384048" y="4572"/>
                  </a:lnTo>
                  <a:lnTo>
                    <a:pt x="387096" y="4572"/>
                  </a:lnTo>
                  <a:lnTo>
                    <a:pt x="387096" y="0"/>
                  </a:lnTo>
                  <a:close/>
                </a:path>
                <a:path w="812800" h="5080">
                  <a:moveTo>
                    <a:pt x="394716" y="0"/>
                  </a:moveTo>
                  <a:lnTo>
                    <a:pt x="390144" y="0"/>
                  </a:lnTo>
                  <a:lnTo>
                    <a:pt x="390144" y="4572"/>
                  </a:lnTo>
                  <a:lnTo>
                    <a:pt x="394716" y="4572"/>
                  </a:lnTo>
                  <a:lnTo>
                    <a:pt x="394716" y="0"/>
                  </a:lnTo>
                  <a:close/>
                </a:path>
                <a:path w="812800" h="5080">
                  <a:moveTo>
                    <a:pt x="400812" y="0"/>
                  </a:moveTo>
                  <a:lnTo>
                    <a:pt x="397764" y="0"/>
                  </a:lnTo>
                  <a:lnTo>
                    <a:pt x="397764" y="4572"/>
                  </a:lnTo>
                  <a:lnTo>
                    <a:pt x="400812" y="4572"/>
                  </a:lnTo>
                  <a:lnTo>
                    <a:pt x="400812" y="0"/>
                  </a:lnTo>
                  <a:close/>
                </a:path>
                <a:path w="812800" h="5080">
                  <a:moveTo>
                    <a:pt x="408432" y="0"/>
                  </a:moveTo>
                  <a:lnTo>
                    <a:pt x="403860" y="0"/>
                  </a:lnTo>
                  <a:lnTo>
                    <a:pt x="403860" y="4572"/>
                  </a:lnTo>
                  <a:lnTo>
                    <a:pt x="408432" y="4572"/>
                  </a:lnTo>
                  <a:lnTo>
                    <a:pt x="408432" y="0"/>
                  </a:lnTo>
                  <a:close/>
                </a:path>
                <a:path w="812800" h="5080">
                  <a:moveTo>
                    <a:pt x="414528" y="0"/>
                  </a:moveTo>
                  <a:lnTo>
                    <a:pt x="411480" y="0"/>
                  </a:lnTo>
                  <a:lnTo>
                    <a:pt x="411480" y="4572"/>
                  </a:lnTo>
                  <a:lnTo>
                    <a:pt x="414528" y="4572"/>
                  </a:lnTo>
                  <a:lnTo>
                    <a:pt x="414528" y="0"/>
                  </a:lnTo>
                  <a:close/>
                </a:path>
                <a:path w="812800" h="5080">
                  <a:moveTo>
                    <a:pt x="422148" y="0"/>
                  </a:moveTo>
                  <a:lnTo>
                    <a:pt x="417576" y="0"/>
                  </a:lnTo>
                  <a:lnTo>
                    <a:pt x="417576" y="4572"/>
                  </a:lnTo>
                  <a:lnTo>
                    <a:pt x="422148" y="4572"/>
                  </a:lnTo>
                  <a:lnTo>
                    <a:pt x="422148" y="0"/>
                  </a:lnTo>
                  <a:close/>
                </a:path>
                <a:path w="812800" h="5080">
                  <a:moveTo>
                    <a:pt x="428244" y="0"/>
                  </a:moveTo>
                  <a:lnTo>
                    <a:pt x="425196" y="0"/>
                  </a:lnTo>
                  <a:lnTo>
                    <a:pt x="425196" y="4572"/>
                  </a:lnTo>
                  <a:lnTo>
                    <a:pt x="428244" y="4572"/>
                  </a:lnTo>
                  <a:lnTo>
                    <a:pt x="428244" y="0"/>
                  </a:lnTo>
                  <a:close/>
                </a:path>
                <a:path w="812800" h="5080">
                  <a:moveTo>
                    <a:pt x="435864" y="0"/>
                  </a:moveTo>
                  <a:lnTo>
                    <a:pt x="431292" y="0"/>
                  </a:lnTo>
                  <a:lnTo>
                    <a:pt x="431292" y="4572"/>
                  </a:lnTo>
                  <a:lnTo>
                    <a:pt x="435864" y="4572"/>
                  </a:lnTo>
                  <a:lnTo>
                    <a:pt x="435864" y="0"/>
                  </a:lnTo>
                  <a:close/>
                </a:path>
                <a:path w="812800" h="5080">
                  <a:moveTo>
                    <a:pt x="441960" y="0"/>
                  </a:moveTo>
                  <a:lnTo>
                    <a:pt x="438912" y="0"/>
                  </a:lnTo>
                  <a:lnTo>
                    <a:pt x="438912" y="4572"/>
                  </a:lnTo>
                  <a:lnTo>
                    <a:pt x="441960" y="4572"/>
                  </a:lnTo>
                  <a:lnTo>
                    <a:pt x="441960" y="0"/>
                  </a:lnTo>
                  <a:close/>
                </a:path>
                <a:path w="812800" h="5080">
                  <a:moveTo>
                    <a:pt x="449580" y="0"/>
                  </a:moveTo>
                  <a:lnTo>
                    <a:pt x="445008" y="0"/>
                  </a:lnTo>
                  <a:lnTo>
                    <a:pt x="445008" y="4572"/>
                  </a:lnTo>
                  <a:lnTo>
                    <a:pt x="449580" y="4572"/>
                  </a:lnTo>
                  <a:lnTo>
                    <a:pt x="449580" y="0"/>
                  </a:lnTo>
                  <a:close/>
                </a:path>
                <a:path w="812800" h="5080">
                  <a:moveTo>
                    <a:pt x="455676" y="0"/>
                  </a:moveTo>
                  <a:lnTo>
                    <a:pt x="452628" y="0"/>
                  </a:lnTo>
                  <a:lnTo>
                    <a:pt x="452628" y="4572"/>
                  </a:lnTo>
                  <a:lnTo>
                    <a:pt x="455676" y="4572"/>
                  </a:lnTo>
                  <a:lnTo>
                    <a:pt x="455676" y="0"/>
                  </a:lnTo>
                  <a:close/>
                </a:path>
                <a:path w="812800" h="5080">
                  <a:moveTo>
                    <a:pt x="463296" y="0"/>
                  </a:moveTo>
                  <a:lnTo>
                    <a:pt x="458724" y="0"/>
                  </a:lnTo>
                  <a:lnTo>
                    <a:pt x="458724" y="4572"/>
                  </a:lnTo>
                  <a:lnTo>
                    <a:pt x="463296" y="4572"/>
                  </a:lnTo>
                  <a:lnTo>
                    <a:pt x="463296" y="0"/>
                  </a:lnTo>
                  <a:close/>
                </a:path>
                <a:path w="812800" h="5080">
                  <a:moveTo>
                    <a:pt x="469392" y="0"/>
                  </a:moveTo>
                  <a:lnTo>
                    <a:pt x="466344" y="0"/>
                  </a:lnTo>
                  <a:lnTo>
                    <a:pt x="466344" y="4572"/>
                  </a:lnTo>
                  <a:lnTo>
                    <a:pt x="469392" y="4572"/>
                  </a:lnTo>
                  <a:lnTo>
                    <a:pt x="469392" y="0"/>
                  </a:lnTo>
                  <a:close/>
                </a:path>
                <a:path w="812800" h="5080">
                  <a:moveTo>
                    <a:pt x="477012" y="0"/>
                  </a:moveTo>
                  <a:lnTo>
                    <a:pt x="472440" y="0"/>
                  </a:lnTo>
                  <a:lnTo>
                    <a:pt x="472440" y="4572"/>
                  </a:lnTo>
                  <a:lnTo>
                    <a:pt x="477012" y="4572"/>
                  </a:lnTo>
                  <a:lnTo>
                    <a:pt x="477012" y="0"/>
                  </a:lnTo>
                  <a:close/>
                </a:path>
                <a:path w="812800" h="5080">
                  <a:moveTo>
                    <a:pt x="483108" y="0"/>
                  </a:moveTo>
                  <a:lnTo>
                    <a:pt x="480060" y="0"/>
                  </a:lnTo>
                  <a:lnTo>
                    <a:pt x="480060" y="4572"/>
                  </a:lnTo>
                  <a:lnTo>
                    <a:pt x="483108" y="4572"/>
                  </a:lnTo>
                  <a:lnTo>
                    <a:pt x="483108" y="0"/>
                  </a:lnTo>
                  <a:close/>
                </a:path>
                <a:path w="812800" h="5080">
                  <a:moveTo>
                    <a:pt x="490728" y="0"/>
                  </a:moveTo>
                  <a:lnTo>
                    <a:pt x="486156" y="0"/>
                  </a:lnTo>
                  <a:lnTo>
                    <a:pt x="486156" y="4572"/>
                  </a:lnTo>
                  <a:lnTo>
                    <a:pt x="490728" y="4572"/>
                  </a:lnTo>
                  <a:lnTo>
                    <a:pt x="490728" y="0"/>
                  </a:lnTo>
                  <a:close/>
                </a:path>
                <a:path w="812800" h="5080">
                  <a:moveTo>
                    <a:pt x="496824" y="0"/>
                  </a:moveTo>
                  <a:lnTo>
                    <a:pt x="493776" y="0"/>
                  </a:lnTo>
                  <a:lnTo>
                    <a:pt x="493776" y="4572"/>
                  </a:lnTo>
                  <a:lnTo>
                    <a:pt x="496824" y="4572"/>
                  </a:lnTo>
                  <a:lnTo>
                    <a:pt x="496824" y="0"/>
                  </a:lnTo>
                  <a:close/>
                </a:path>
                <a:path w="812800" h="5080">
                  <a:moveTo>
                    <a:pt x="504444" y="0"/>
                  </a:moveTo>
                  <a:lnTo>
                    <a:pt x="499872" y="0"/>
                  </a:lnTo>
                  <a:lnTo>
                    <a:pt x="499872" y="4572"/>
                  </a:lnTo>
                  <a:lnTo>
                    <a:pt x="504444" y="4572"/>
                  </a:lnTo>
                  <a:lnTo>
                    <a:pt x="504444" y="0"/>
                  </a:lnTo>
                  <a:close/>
                </a:path>
                <a:path w="812800" h="5080">
                  <a:moveTo>
                    <a:pt x="510540" y="0"/>
                  </a:moveTo>
                  <a:lnTo>
                    <a:pt x="507492" y="0"/>
                  </a:lnTo>
                  <a:lnTo>
                    <a:pt x="507492" y="4572"/>
                  </a:lnTo>
                  <a:lnTo>
                    <a:pt x="510540" y="4572"/>
                  </a:lnTo>
                  <a:lnTo>
                    <a:pt x="510540" y="0"/>
                  </a:lnTo>
                  <a:close/>
                </a:path>
                <a:path w="812800" h="5080">
                  <a:moveTo>
                    <a:pt x="518160" y="0"/>
                  </a:moveTo>
                  <a:lnTo>
                    <a:pt x="513588" y="0"/>
                  </a:lnTo>
                  <a:lnTo>
                    <a:pt x="513588" y="4572"/>
                  </a:lnTo>
                  <a:lnTo>
                    <a:pt x="518160" y="4572"/>
                  </a:lnTo>
                  <a:lnTo>
                    <a:pt x="518160" y="0"/>
                  </a:lnTo>
                  <a:close/>
                </a:path>
                <a:path w="812800" h="5080">
                  <a:moveTo>
                    <a:pt x="524256" y="0"/>
                  </a:moveTo>
                  <a:lnTo>
                    <a:pt x="521208" y="0"/>
                  </a:lnTo>
                  <a:lnTo>
                    <a:pt x="521208" y="4572"/>
                  </a:lnTo>
                  <a:lnTo>
                    <a:pt x="524256" y="4572"/>
                  </a:lnTo>
                  <a:lnTo>
                    <a:pt x="524256" y="0"/>
                  </a:lnTo>
                  <a:close/>
                </a:path>
                <a:path w="812800" h="5080">
                  <a:moveTo>
                    <a:pt x="531876" y="0"/>
                  </a:moveTo>
                  <a:lnTo>
                    <a:pt x="527304" y="0"/>
                  </a:lnTo>
                  <a:lnTo>
                    <a:pt x="527304" y="4572"/>
                  </a:lnTo>
                  <a:lnTo>
                    <a:pt x="531876" y="4572"/>
                  </a:lnTo>
                  <a:lnTo>
                    <a:pt x="531876" y="0"/>
                  </a:lnTo>
                  <a:close/>
                </a:path>
                <a:path w="812800" h="5080">
                  <a:moveTo>
                    <a:pt x="537972" y="0"/>
                  </a:moveTo>
                  <a:lnTo>
                    <a:pt x="534924" y="0"/>
                  </a:lnTo>
                  <a:lnTo>
                    <a:pt x="534924" y="4572"/>
                  </a:lnTo>
                  <a:lnTo>
                    <a:pt x="537972" y="4572"/>
                  </a:lnTo>
                  <a:lnTo>
                    <a:pt x="537972" y="0"/>
                  </a:lnTo>
                  <a:close/>
                </a:path>
                <a:path w="812800" h="5080">
                  <a:moveTo>
                    <a:pt x="545592" y="0"/>
                  </a:moveTo>
                  <a:lnTo>
                    <a:pt x="541020" y="0"/>
                  </a:lnTo>
                  <a:lnTo>
                    <a:pt x="541020" y="4572"/>
                  </a:lnTo>
                  <a:lnTo>
                    <a:pt x="545592" y="4572"/>
                  </a:lnTo>
                  <a:lnTo>
                    <a:pt x="545592" y="0"/>
                  </a:lnTo>
                  <a:close/>
                </a:path>
                <a:path w="812800" h="5080">
                  <a:moveTo>
                    <a:pt x="551688" y="0"/>
                  </a:moveTo>
                  <a:lnTo>
                    <a:pt x="548640" y="0"/>
                  </a:lnTo>
                  <a:lnTo>
                    <a:pt x="548640" y="4572"/>
                  </a:lnTo>
                  <a:lnTo>
                    <a:pt x="551688" y="4572"/>
                  </a:lnTo>
                  <a:lnTo>
                    <a:pt x="551688" y="0"/>
                  </a:lnTo>
                  <a:close/>
                </a:path>
                <a:path w="812800" h="5080">
                  <a:moveTo>
                    <a:pt x="559308" y="0"/>
                  </a:moveTo>
                  <a:lnTo>
                    <a:pt x="554736" y="0"/>
                  </a:lnTo>
                  <a:lnTo>
                    <a:pt x="554736" y="4572"/>
                  </a:lnTo>
                  <a:lnTo>
                    <a:pt x="559308" y="4572"/>
                  </a:lnTo>
                  <a:lnTo>
                    <a:pt x="559308" y="0"/>
                  </a:lnTo>
                  <a:close/>
                </a:path>
                <a:path w="812800" h="5080">
                  <a:moveTo>
                    <a:pt x="565404" y="0"/>
                  </a:moveTo>
                  <a:lnTo>
                    <a:pt x="562356" y="0"/>
                  </a:lnTo>
                  <a:lnTo>
                    <a:pt x="562356" y="4572"/>
                  </a:lnTo>
                  <a:lnTo>
                    <a:pt x="565404" y="4572"/>
                  </a:lnTo>
                  <a:lnTo>
                    <a:pt x="565404" y="0"/>
                  </a:lnTo>
                  <a:close/>
                </a:path>
                <a:path w="812800" h="5080">
                  <a:moveTo>
                    <a:pt x="573024" y="0"/>
                  </a:moveTo>
                  <a:lnTo>
                    <a:pt x="568452" y="0"/>
                  </a:lnTo>
                  <a:lnTo>
                    <a:pt x="568452" y="4572"/>
                  </a:lnTo>
                  <a:lnTo>
                    <a:pt x="573024" y="4572"/>
                  </a:lnTo>
                  <a:lnTo>
                    <a:pt x="573024" y="0"/>
                  </a:lnTo>
                  <a:close/>
                </a:path>
                <a:path w="812800" h="5080">
                  <a:moveTo>
                    <a:pt x="743712" y="0"/>
                  </a:moveTo>
                  <a:lnTo>
                    <a:pt x="742188" y="0"/>
                  </a:lnTo>
                  <a:lnTo>
                    <a:pt x="742188" y="4572"/>
                  </a:lnTo>
                  <a:lnTo>
                    <a:pt x="743712" y="4572"/>
                  </a:lnTo>
                  <a:lnTo>
                    <a:pt x="743712" y="0"/>
                  </a:lnTo>
                  <a:close/>
                </a:path>
                <a:path w="812800" h="5080">
                  <a:moveTo>
                    <a:pt x="751332" y="0"/>
                  </a:moveTo>
                  <a:lnTo>
                    <a:pt x="746760" y="0"/>
                  </a:lnTo>
                  <a:lnTo>
                    <a:pt x="746760" y="4572"/>
                  </a:lnTo>
                  <a:lnTo>
                    <a:pt x="751332" y="4572"/>
                  </a:lnTo>
                  <a:lnTo>
                    <a:pt x="751332" y="0"/>
                  </a:lnTo>
                  <a:close/>
                </a:path>
                <a:path w="812800" h="5080">
                  <a:moveTo>
                    <a:pt x="757428" y="0"/>
                  </a:moveTo>
                  <a:lnTo>
                    <a:pt x="754380" y="0"/>
                  </a:lnTo>
                  <a:lnTo>
                    <a:pt x="754380" y="4572"/>
                  </a:lnTo>
                  <a:lnTo>
                    <a:pt x="757428" y="4572"/>
                  </a:lnTo>
                  <a:lnTo>
                    <a:pt x="757428" y="0"/>
                  </a:lnTo>
                  <a:close/>
                </a:path>
                <a:path w="812800" h="5080">
                  <a:moveTo>
                    <a:pt x="765048" y="0"/>
                  </a:moveTo>
                  <a:lnTo>
                    <a:pt x="760476" y="0"/>
                  </a:lnTo>
                  <a:lnTo>
                    <a:pt x="760476" y="4572"/>
                  </a:lnTo>
                  <a:lnTo>
                    <a:pt x="765048" y="4572"/>
                  </a:lnTo>
                  <a:lnTo>
                    <a:pt x="765048" y="0"/>
                  </a:lnTo>
                  <a:close/>
                </a:path>
                <a:path w="812800" h="5080">
                  <a:moveTo>
                    <a:pt x="771144" y="0"/>
                  </a:moveTo>
                  <a:lnTo>
                    <a:pt x="768096" y="0"/>
                  </a:lnTo>
                  <a:lnTo>
                    <a:pt x="768096" y="4572"/>
                  </a:lnTo>
                  <a:lnTo>
                    <a:pt x="771144" y="4572"/>
                  </a:lnTo>
                  <a:lnTo>
                    <a:pt x="771144" y="0"/>
                  </a:lnTo>
                  <a:close/>
                </a:path>
                <a:path w="812800" h="5080">
                  <a:moveTo>
                    <a:pt x="778764" y="0"/>
                  </a:moveTo>
                  <a:lnTo>
                    <a:pt x="774192" y="0"/>
                  </a:lnTo>
                  <a:lnTo>
                    <a:pt x="774192" y="4572"/>
                  </a:lnTo>
                  <a:lnTo>
                    <a:pt x="778764" y="4572"/>
                  </a:lnTo>
                  <a:lnTo>
                    <a:pt x="778764" y="0"/>
                  </a:lnTo>
                  <a:close/>
                </a:path>
                <a:path w="812800" h="5080">
                  <a:moveTo>
                    <a:pt x="784860" y="0"/>
                  </a:moveTo>
                  <a:lnTo>
                    <a:pt x="781812" y="0"/>
                  </a:lnTo>
                  <a:lnTo>
                    <a:pt x="781812" y="4572"/>
                  </a:lnTo>
                  <a:lnTo>
                    <a:pt x="784860" y="4572"/>
                  </a:lnTo>
                  <a:lnTo>
                    <a:pt x="784860" y="0"/>
                  </a:lnTo>
                  <a:close/>
                </a:path>
                <a:path w="812800" h="5080">
                  <a:moveTo>
                    <a:pt x="792480" y="0"/>
                  </a:moveTo>
                  <a:lnTo>
                    <a:pt x="787908" y="0"/>
                  </a:lnTo>
                  <a:lnTo>
                    <a:pt x="787908" y="4572"/>
                  </a:lnTo>
                  <a:lnTo>
                    <a:pt x="792480" y="4572"/>
                  </a:lnTo>
                  <a:lnTo>
                    <a:pt x="792480" y="0"/>
                  </a:lnTo>
                  <a:close/>
                </a:path>
                <a:path w="812800" h="5080">
                  <a:moveTo>
                    <a:pt x="798576" y="0"/>
                  </a:moveTo>
                  <a:lnTo>
                    <a:pt x="795528" y="0"/>
                  </a:lnTo>
                  <a:lnTo>
                    <a:pt x="795528" y="4572"/>
                  </a:lnTo>
                  <a:lnTo>
                    <a:pt x="798576" y="4572"/>
                  </a:lnTo>
                  <a:lnTo>
                    <a:pt x="798576" y="0"/>
                  </a:lnTo>
                  <a:close/>
                </a:path>
                <a:path w="812800" h="5080">
                  <a:moveTo>
                    <a:pt x="806196" y="0"/>
                  </a:moveTo>
                  <a:lnTo>
                    <a:pt x="801624" y="0"/>
                  </a:lnTo>
                  <a:lnTo>
                    <a:pt x="801624" y="4572"/>
                  </a:lnTo>
                  <a:lnTo>
                    <a:pt x="806196" y="4572"/>
                  </a:lnTo>
                  <a:lnTo>
                    <a:pt x="806196" y="0"/>
                  </a:lnTo>
                  <a:close/>
                </a:path>
                <a:path w="812800" h="5080">
                  <a:moveTo>
                    <a:pt x="812292" y="0"/>
                  </a:moveTo>
                  <a:lnTo>
                    <a:pt x="809244" y="0"/>
                  </a:lnTo>
                  <a:lnTo>
                    <a:pt x="809244" y="4572"/>
                  </a:lnTo>
                  <a:lnTo>
                    <a:pt x="812292" y="4572"/>
                  </a:lnTo>
                  <a:lnTo>
                    <a:pt x="812292" y="0"/>
                  </a:lnTo>
                  <a:close/>
                </a:path>
              </a:pathLst>
            </a:custGeom>
            <a:solidFill>
              <a:srgbClr val="D8D8D8"/>
            </a:solidFill>
          </p:spPr>
          <p:txBody>
            <a:bodyPr wrap="square" lIns="0" tIns="0" rIns="0" bIns="0" rtlCol="0"/>
            <a:lstStyle/>
            <a:p>
              <a:endParaRPr sz="1539"/>
            </a:p>
          </p:txBody>
        </p:sp>
        <p:sp>
          <p:nvSpPr>
            <p:cNvPr id="127" name="object 127"/>
            <p:cNvSpPr/>
            <p:nvPr/>
          </p:nvSpPr>
          <p:spPr>
            <a:xfrm>
              <a:off x="5273040" y="2284475"/>
              <a:ext cx="812800" cy="5080"/>
            </a:xfrm>
            <a:custGeom>
              <a:avLst/>
              <a:gdLst/>
              <a:ahLst/>
              <a:cxnLst/>
              <a:rect l="l" t="t" r="r" b="b"/>
              <a:pathLst>
                <a:path w="812800" h="5080">
                  <a:moveTo>
                    <a:pt x="3048" y="0"/>
                  </a:moveTo>
                  <a:lnTo>
                    <a:pt x="0" y="0"/>
                  </a:lnTo>
                  <a:lnTo>
                    <a:pt x="0" y="4572"/>
                  </a:lnTo>
                  <a:lnTo>
                    <a:pt x="3048" y="4572"/>
                  </a:lnTo>
                  <a:lnTo>
                    <a:pt x="3048" y="0"/>
                  </a:lnTo>
                  <a:close/>
                </a:path>
                <a:path w="812800" h="5080">
                  <a:moveTo>
                    <a:pt x="10668" y="0"/>
                  </a:moveTo>
                  <a:lnTo>
                    <a:pt x="6096" y="0"/>
                  </a:lnTo>
                  <a:lnTo>
                    <a:pt x="6096" y="4572"/>
                  </a:lnTo>
                  <a:lnTo>
                    <a:pt x="10668" y="4572"/>
                  </a:lnTo>
                  <a:lnTo>
                    <a:pt x="10668" y="0"/>
                  </a:lnTo>
                  <a:close/>
                </a:path>
                <a:path w="812800" h="5080">
                  <a:moveTo>
                    <a:pt x="16764" y="0"/>
                  </a:moveTo>
                  <a:lnTo>
                    <a:pt x="13716" y="0"/>
                  </a:lnTo>
                  <a:lnTo>
                    <a:pt x="13716" y="4572"/>
                  </a:lnTo>
                  <a:lnTo>
                    <a:pt x="16764" y="4572"/>
                  </a:lnTo>
                  <a:lnTo>
                    <a:pt x="16764" y="0"/>
                  </a:lnTo>
                  <a:close/>
                </a:path>
                <a:path w="812800" h="5080">
                  <a:moveTo>
                    <a:pt x="24384" y="0"/>
                  </a:moveTo>
                  <a:lnTo>
                    <a:pt x="19812" y="0"/>
                  </a:lnTo>
                  <a:lnTo>
                    <a:pt x="19812" y="4572"/>
                  </a:lnTo>
                  <a:lnTo>
                    <a:pt x="24384" y="4572"/>
                  </a:lnTo>
                  <a:lnTo>
                    <a:pt x="24384" y="0"/>
                  </a:lnTo>
                  <a:close/>
                </a:path>
                <a:path w="812800" h="5080">
                  <a:moveTo>
                    <a:pt x="30480" y="0"/>
                  </a:moveTo>
                  <a:lnTo>
                    <a:pt x="27432" y="0"/>
                  </a:lnTo>
                  <a:lnTo>
                    <a:pt x="27432" y="4572"/>
                  </a:lnTo>
                  <a:lnTo>
                    <a:pt x="30480" y="4572"/>
                  </a:lnTo>
                  <a:lnTo>
                    <a:pt x="30480" y="0"/>
                  </a:lnTo>
                  <a:close/>
                </a:path>
                <a:path w="812800" h="5080">
                  <a:moveTo>
                    <a:pt x="38100" y="0"/>
                  </a:moveTo>
                  <a:lnTo>
                    <a:pt x="33528" y="0"/>
                  </a:lnTo>
                  <a:lnTo>
                    <a:pt x="33528" y="4572"/>
                  </a:lnTo>
                  <a:lnTo>
                    <a:pt x="38100" y="4572"/>
                  </a:lnTo>
                  <a:lnTo>
                    <a:pt x="38100" y="0"/>
                  </a:lnTo>
                  <a:close/>
                </a:path>
                <a:path w="812800" h="5080">
                  <a:moveTo>
                    <a:pt x="44196" y="0"/>
                  </a:moveTo>
                  <a:lnTo>
                    <a:pt x="41148" y="0"/>
                  </a:lnTo>
                  <a:lnTo>
                    <a:pt x="41148" y="4572"/>
                  </a:lnTo>
                  <a:lnTo>
                    <a:pt x="44196" y="4572"/>
                  </a:lnTo>
                  <a:lnTo>
                    <a:pt x="44196" y="0"/>
                  </a:lnTo>
                  <a:close/>
                </a:path>
                <a:path w="812800" h="5080">
                  <a:moveTo>
                    <a:pt x="51816" y="0"/>
                  </a:moveTo>
                  <a:lnTo>
                    <a:pt x="47244" y="0"/>
                  </a:lnTo>
                  <a:lnTo>
                    <a:pt x="47244" y="4572"/>
                  </a:lnTo>
                  <a:lnTo>
                    <a:pt x="51816" y="4572"/>
                  </a:lnTo>
                  <a:lnTo>
                    <a:pt x="51816" y="0"/>
                  </a:lnTo>
                  <a:close/>
                </a:path>
                <a:path w="812800" h="5080">
                  <a:moveTo>
                    <a:pt x="57912" y="0"/>
                  </a:moveTo>
                  <a:lnTo>
                    <a:pt x="54864" y="0"/>
                  </a:lnTo>
                  <a:lnTo>
                    <a:pt x="54864" y="4572"/>
                  </a:lnTo>
                  <a:lnTo>
                    <a:pt x="57912" y="4572"/>
                  </a:lnTo>
                  <a:lnTo>
                    <a:pt x="57912" y="0"/>
                  </a:lnTo>
                  <a:close/>
                </a:path>
                <a:path w="812800" h="5080">
                  <a:moveTo>
                    <a:pt x="65532" y="0"/>
                  </a:moveTo>
                  <a:lnTo>
                    <a:pt x="60960" y="0"/>
                  </a:lnTo>
                  <a:lnTo>
                    <a:pt x="60960" y="4572"/>
                  </a:lnTo>
                  <a:lnTo>
                    <a:pt x="65532" y="4572"/>
                  </a:lnTo>
                  <a:lnTo>
                    <a:pt x="65532" y="0"/>
                  </a:lnTo>
                  <a:close/>
                </a:path>
                <a:path w="812800" h="5080">
                  <a:moveTo>
                    <a:pt x="71628" y="0"/>
                  </a:moveTo>
                  <a:lnTo>
                    <a:pt x="68580" y="0"/>
                  </a:lnTo>
                  <a:lnTo>
                    <a:pt x="68580" y="4572"/>
                  </a:lnTo>
                  <a:lnTo>
                    <a:pt x="71628" y="4572"/>
                  </a:lnTo>
                  <a:lnTo>
                    <a:pt x="71628" y="0"/>
                  </a:lnTo>
                  <a:close/>
                </a:path>
                <a:path w="812800" h="5080">
                  <a:moveTo>
                    <a:pt x="79248" y="0"/>
                  </a:moveTo>
                  <a:lnTo>
                    <a:pt x="74676" y="0"/>
                  </a:lnTo>
                  <a:lnTo>
                    <a:pt x="74676" y="4572"/>
                  </a:lnTo>
                  <a:lnTo>
                    <a:pt x="79248" y="4572"/>
                  </a:lnTo>
                  <a:lnTo>
                    <a:pt x="79248" y="0"/>
                  </a:lnTo>
                  <a:close/>
                </a:path>
                <a:path w="812800" h="5080">
                  <a:moveTo>
                    <a:pt x="85344" y="0"/>
                  </a:moveTo>
                  <a:lnTo>
                    <a:pt x="82296" y="0"/>
                  </a:lnTo>
                  <a:lnTo>
                    <a:pt x="82296" y="4572"/>
                  </a:lnTo>
                  <a:lnTo>
                    <a:pt x="85344" y="4572"/>
                  </a:lnTo>
                  <a:lnTo>
                    <a:pt x="85344" y="0"/>
                  </a:lnTo>
                  <a:close/>
                </a:path>
                <a:path w="812800" h="5080">
                  <a:moveTo>
                    <a:pt x="91440" y="0"/>
                  </a:moveTo>
                  <a:lnTo>
                    <a:pt x="88392" y="0"/>
                  </a:lnTo>
                  <a:lnTo>
                    <a:pt x="88392" y="4572"/>
                  </a:lnTo>
                  <a:lnTo>
                    <a:pt x="91440" y="4572"/>
                  </a:lnTo>
                  <a:lnTo>
                    <a:pt x="91440" y="0"/>
                  </a:lnTo>
                  <a:close/>
                </a:path>
                <a:path w="812800" h="5080">
                  <a:moveTo>
                    <a:pt x="99060" y="0"/>
                  </a:moveTo>
                  <a:lnTo>
                    <a:pt x="96012" y="0"/>
                  </a:lnTo>
                  <a:lnTo>
                    <a:pt x="96012" y="4572"/>
                  </a:lnTo>
                  <a:lnTo>
                    <a:pt x="99060" y="4572"/>
                  </a:lnTo>
                  <a:lnTo>
                    <a:pt x="99060" y="0"/>
                  </a:lnTo>
                  <a:close/>
                </a:path>
                <a:path w="812800" h="5080">
                  <a:moveTo>
                    <a:pt x="105156" y="0"/>
                  </a:moveTo>
                  <a:lnTo>
                    <a:pt x="102108" y="0"/>
                  </a:lnTo>
                  <a:lnTo>
                    <a:pt x="102108" y="4572"/>
                  </a:lnTo>
                  <a:lnTo>
                    <a:pt x="105156" y="4572"/>
                  </a:lnTo>
                  <a:lnTo>
                    <a:pt x="105156" y="0"/>
                  </a:lnTo>
                  <a:close/>
                </a:path>
                <a:path w="812800" h="5080">
                  <a:moveTo>
                    <a:pt x="112776" y="0"/>
                  </a:moveTo>
                  <a:lnTo>
                    <a:pt x="109728" y="0"/>
                  </a:lnTo>
                  <a:lnTo>
                    <a:pt x="109728" y="4572"/>
                  </a:lnTo>
                  <a:lnTo>
                    <a:pt x="112776" y="4572"/>
                  </a:lnTo>
                  <a:lnTo>
                    <a:pt x="112776" y="0"/>
                  </a:lnTo>
                  <a:close/>
                </a:path>
                <a:path w="812800" h="5080">
                  <a:moveTo>
                    <a:pt x="118872" y="0"/>
                  </a:moveTo>
                  <a:lnTo>
                    <a:pt x="115824" y="0"/>
                  </a:lnTo>
                  <a:lnTo>
                    <a:pt x="115824" y="4572"/>
                  </a:lnTo>
                  <a:lnTo>
                    <a:pt x="118872" y="4572"/>
                  </a:lnTo>
                  <a:lnTo>
                    <a:pt x="118872" y="0"/>
                  </a:lnTo>
                  <a:close/>
                </a:path>
                <a:path w="812800" h="5080">
                  <a:moveTo>
                    <a:pt x="126492" y="0"/>
                  </a:moveTo>
                  <a:lnTo>
                    <a:pt x="123444" y="0"/>
                  </a:lnTo>
                  <a:lnTo>
                    <a:pt x="123444" y="4572"/>
                  </a:lnTo>
                  <a:lnTo>
                    <a:pt x="126492" y="4572"/>
                  </a:lnTo>
                  <a:lnTo>
                    <a:pt x="126492" y="0"/>
                  </a:lnTo>
                  <a:close/>
                </a:path>
                <a:path w="812800" h="5080">
                  <a:moveTo>
                    <a:pt x="132588" y="0"/>
                  </a:moveTo>
                  <a:lnTo>
                    <a:pt x="129540" y="0"/>
                  </a:lnTo>
                  <a:lnTo>
                    <a:pt x="129540" y="4572"/>
                  </a:lnTo>
                  <a:lnTo>
                    <a:pt x="132588" y="4572"/>
                  </a:lnTo>
                  <a:lnTo>
                    <a:pt x="132588" y="0"/>
                  </a:lnTo>
                  <a:close/>
                </a:path>
                <a:path w="812800" h="5080">
                  <a:moveTo>
                    <a:pt x="140208" y="0"/>
                  </a:moveTo>
                  <a:lnTo>
                    <a:pt x="137160" y="0"/>
                  </a:lnTo>
                  <a:lnTo>
                    <a:pt x="137160" y="4572"/>
                  </a:lnTo>
                  <a:lnTo>
                    <a:pt x="140208" y="4572"/>
                  </a:lnTo>
                  <a:lnTo>
                    <a:pt x="140208" y="0"/>
                  </a:lnTo>
                  <a:close/>
                </a:path>
                <a:path w="812800" h="5080">
                  <a:moveTo>
                    <a:pt x="146304" y="0"/>
                  </a:moveTo>
                  <a:lnTo>
                    <a:pt x="143256" y="0"/>
                  </a:lnTo>
                  <a:lnTo>
                    <a:pt x="143256" y="4572"/>
                  </a:lnTo>
                  <a:lnTo>
                    <a:pt x="146304" y="4572"/>
                  </a:lnTo>
                  <a:lnTo>
                    <a:pt x="146304" y="0"/>
                  </a:lnTo>
                  <a:close/>
                </a:path>
                <a:path w="812800" h="5080">
                  <a:moveTo>
                    <a:pt x="153924" y="0"/>
                  </a:moveTo>
                  <a:lnTo>
                    <a:pt x="150876" y="0"/>
                  </a:lnTo>
                  <a:lnTo>
                    <a:pt x="150876" y="4572"/>
                  </a:lnTo>
                  <a:lnTo>
                    <a:pt x="153924" y="4572"/>
                  </a:lnTo>
                  <a:lnTo>
                    <a:pt x="153924" y="0"/>
                  </a:lnTo>
                  <a:close/>
                </a:path>
                <a:path w="812800" h="5080">
                  <a:moveTo>
                    <a:pt x="160020" y="0"/>
                  </a:moveTo>
                  <a:lnTo>
                    <a:pt x="156972" y="0"/>
                  </a:lnTo>
                  <a:lnTo>
                    <a:pt x="156972" y="4572"/>
                  </a:lnTo>
                  <a:lnTo>
                    <a:pt x="160020" y="4572"/>
                  </a:lnTo>
                  <a:lnTo>
                    <a:pt x="160020" y="0"/>
                  </a:lnTo>
                  <a:close/>
                </a:path>
                <a:path w="812800" h="5080">
                  <a:moveTo>
                    <a:pt x="167640" y="0"/>
                  </a:moveTo>
                  <a:lnTo>
                    <a:pt x="164592" y="0"/>
                  </a:lnTo>
                  <a:lnTo>
                    <a:pt x="164592" y="4572"/>
                  </a:lnTo>
                  <a:lnTo>
                    <a:pt x="167640" y="4572"/>
                  </a:lnTo>
                  <a:lnTo>
                    <a:pt x="167640" y="0"/>
                  </a:lnTo>
                  <a:close/>
                </a:path>
                <a:path w="812800" h="5080">
                  <a:moveTo>
                    <a:pt x="173736" y="0"/>
                  </a:moveTo>
                  <a:lnTo>
                    <a:pt x="170688" y="0"/>
                  </a:lnTo>
                  <a:lnTo>
                    <a:pt x="170688" y="4572"/>
                  </a:lnTo>
                  <a:lnTo>
                    <a:pt x="173736" y="4572"/>
                  </a:lnTo>
                  <a:lnTo>
                    <a:pt x="173736" y="0"/>
                  </a:lnTo>
                  <a:close/>
                </a:path>
                <a:path w="812800" h="5080">
                  <a:moveTo>
                    <a:pt x="181356" y="0"/>
                  </a:moveTo>
                  <a:lnTo>
                    <a:pt x="178308" y="0"/>
                  </a:lnTo>
                  <a:lnTo>
                    <a:pt x="178308" y="4572"/>
                  </a:lnTo>
                  <a:lnTo>
                    <a:pt x="181356" y="4572"/>
                  </a:lnTo>
                  <a:lnTo>
                    <a:pt x="181356" y="0"/>
                  </a:lnTo>
                  <a:close/>
                </a:path>
                <a:path w="812800" h="5080">
                  <a:moveTo>
                    <a:pt x="187452" y="0"/>
                  </a:moveTo>
                  <a:lnTo>
                    <a:pt x="184404" y="0"/>
                  </a:lnTo>
                  <a:lnTo>
                    <a:pt x="184404" y="4572"/>
                  </a:lnTo>
                  <a:lnTo>
                    <a:pt x="187452" y="4572"/>
                  </a:lnTo>
                  <a:lnTo>
                    <a:pt x="187452" y="0"/>
                  </a:lnTo>
                  <a:close/>
                </a:path>
                <a:path w="812800" h="5080">
                  <a:moveTo>
                    <a:pt x="359664" y="0"/>
                  </a:moveTo>
                  <a:lnTo>
                    <a:pt x="358140" y="0"/>
                  </a:lnTo>
                  <a:lnTo>
                    <a:pt x="358140" y="4572"/>
                  </a:lnTo>
                  <a:lnTo>
                    <a:pt x="359664" y="4572"/>
                  </a:lnTo>
                  <a:lnTo>
                    <a:pt x="359664" y="0"/>
                  </a:lnTo>
                  <a:close/>
                </a:path>
                <a:path w="812800" h="5080">
                  <a:moveTo>
                    <a:pt x="365760" y="0"/>
                  </a:moveTo>
                  <a:lnTo>
                    <a:pt x="362712" y="0"/>
                  </a:lnTo>
                  <a:lnTo>
                    <a:pt x="362712" y="4572"/>
                  </a:lnTo>
                  <a:lnTo>
                    <a:pt x="365760" y="4572"/>
                  </a:lnTo>
                  <a:lnTo>
                    <a:pt x="365760" y="0"/>
                  </a:lnTo>
                  <a:close/>
                </a:path>
                <a:path w="812800" h="5080">
                  <a:moveTo>
                    <a:pt x="373380" y="0"/>
                  </a:moveTo>
                  <a:lnTo>
                    <a:pt x="370332" y="0"/>
                  </a:lnTo>
                  <a:lnTo>
                    <a:pt x="370332" y="4572"/>
                  </a:lnTo>
                  <a:lnTo>
                    <a:pt x="373380" y="4572"/>
                  </a:lnTo>
                  <a:lnTo>
                    <a:pt x="373380" y="0"/>
                  </a:lnTo>
                  <a:close/>
                </a:path>
                <a:path w="812800" h="5080">
                  <a:moveTo>
                    <a:pt x="379476" y="0"/>
                  </a:moveTo>
                  <a:lnTo>
                    <a:pt x="376428" y="0"/>
                  </a:lnTo>
                  <a:lnTo>
                    <a:pt x="376428" y="4572"/>
                  </a:lnTo>
                  <a:lnTo>
                    <a:pt x="379476" y="4572"/>
                  </a:lnTo>
                  <a:lnTo>
                    <a:pt x="379476" y="0"/>
                  </a:lnTo>
                  <a:close/>
                </a:path>
                <a:path w="812800" h="5080">
                  <a:moveTo>
                    <a:pt x="387096" y="0"/>
                  </a:moveTo>
                  <a:lnTo>
                    <a:pt x="384048" y="0"/>
                  </a:lnTo>
                  <a:lnTo>
                    <a:pt x="384048" y="4572"/>
                  </a:lnTo>
                  <a:lnTo>
                    <a:pt x="387096" y="4572"/>
                  </a:lnTo>
                  <a:lnTo>
                    <a:pt x="387096" y="0"/>
                  </a:lnTo>
                  <a:close/>
                </a:path>
                <a:path w="812800" h="5080">
                  <a:moveTo>
                    <a:pt x="393192" y="0"/>
                  </a:moveTo>
                  <a:lnTo>
                    <a:pt x="390144" y="0"/>
                  </a:lnTo>
                  <a:lnTo>
                    <a:pt x="390144" y="4572"/>
                  </a:lnTo>
                  <a:lnTo>
                    <a:pt x="393192" y="4572"/>
                  </a:lnTo>
                  <a:lnTo>
                    <a:pt x="393192" y="0"/>
                  </a:lnTo>
                  <a:close/>
                </a:path>
                <a:path w="812800" h="5080">
                  <a:moveTo>
                    <a:pt x="400812" y="0"/>
                  </a:moveTo>
                  <a:lnTo>
                    <a:pt x="397764" y="0"/>
                  </a:lnTo>
                  <a:lnTo>
                    <a:pt x="397764" y="4572"/>
                  </a:lnTo>
                  <a:lnTo>
                    <a:pt x="400812" y="4572"/>
                  </a:lnTo>
                  <a:lnTo>
                    <a:pt x="400812" y="0"/>
                  </a:lnTo>
                  <a:close/>
                </a:path>
                <a:path w="812800" h="5080">
                  <a:moveTo>
                    <a:pt x="406908" y="0"/>
                  </a:moveTo>
                  <a:lnTo>
                    <a:pt x="403860" y="0"/>
                  </a:lnTo>
                  <a:lnTo>
                    <a:pt x="403860" y="4572"/>
                  </a:lnTo>
                  <a:lnTo>
                    <a:pt x="406908" y="4572"/>
                  </a:lnTo>
                  <a:lnTo>
                    <a:pt x="406908" y="0"/>
                  </a:lnTo>
                  <a:close/>
                </a:path>
                <a:path w="812800" h="5080">
                  <a:moveTo>
                    <a:pt x="414528" y="0"/>
                  </a:moveTo>
                  <a:lnTo>
                    <a:pt x="411480" y="0"/>
                  </a:lnTo>
                  <a:lnTo>
                    <a:pt x="411480" y="4572"/>
                  </a:lnTo>
                  <a:lnTo>
                    <a:pt x="414528" y="4572"/>
                  </a:lnTo>
                  <a:lnTo>
                    <a:pt x="414528" y="0"/>
                  </a:lnTo>
                  <a:close/>
                </a:path>
                <a:path w="812800" h="5080">
                  <a:moveTo>
                    <a:pt x="420624" y="0"/>
                  </a:moveTo>
                  <a:lnTo>
                    <a:pt x="417576" y="0"/>
                  </a:lnTo>
                  <a:lnTo>
                    <a:pt x="417576" y="4572"/>
                  </a:lnTo>
                  <a:lnTo>
                    <a:pt x="420624" y="4572"/>
                  </a:lnTo>
                  <a:lnTo>
                    <a:pt x="420624" y="0"/>
                  </a:lnTo>
                  <a:close/>
                </a:path>
                <a:path w="812800" h="5080">
                  <a:moveTo>
                    <a:pt x="428244" y="0"/>
                  </a:moveTo>
                  <a:lnTo>
                    <a:pt x="425196" y="0"/>
                  </a:lnTo>
                  <a:lnTo>
                    <a:pt x="425196" y="4572"/>
                  </a:lnTo>
                  <a:lnTo>
                    <a:pt x="428244" y="4572"/>
                  </a:lnTo>
                  <a:lnTo>
                    <a:pt x="428244" y="0"/>
                  </a:lnTo>
                  <a:close/>
                </a:path>
                <a:path w="812800" h="5080">
                  <a:moveTo>
                    <a:pt x="434340" y="0"/>
                  </a:moveTo>
                  <a:lnTo>
                    <a:pt x="431292" y="0"/>
                  </a:lnTo>
                  <a:lnTo>
                    <a:pt x="431292" y="4572"/>
                  </a:lnTo>
                  <a:lnTo>
                    <a:pt x="434340" y="4572"/>
                  </a:lnTo>
                  <a:lnTo>
                    <a:pt x="434340" y="0"/>
                  </a:lnTo>
                  <a:close/>
                </a:path>
                <a:path w="812800" h="5080">
                  <a:moveTo>
                    <a:pt x="441960" y="0"/>
                  </a:moveTo>
                  <a:lnTo>
                    <a:pt x="438912" y="0"/>
                  </a:lnTo>
                  <a:lnTo>
                    <a:pt x="438912" y="4572"/>
                  </a:lnTo>
                  <a:lnTo>
                    <a:pt x="441960" y="4572"/>
                  </a:lnTo>
                  <a:lnTo>
                    <a:pt x="441960" y="0"/>
                  </a:lnTo>
                  <a:close/>
                </a:path>
                <a:path w="812800" h="5080">
                  <a:moveTo>
                    <a:pt x="448056" y="0"/>
                  </a:moveTo>
                  <a:lnTo>
                    <a:pt x="445008" y="0"/>
                  </a:lnTo>
                  <a:lnTo>
                    <a:pt x="445008" y="4572"/>
                  </a:lnTo>
                  <a:lnTo>
                    <a:pt x="448056" y="4572"/>
                  </a:lnTo>
                  <a:lnTo>
                    <a:pt x="448056" y="0"/>
                  </a:lnTo>
                  <a:close/>
                </a:path>
                <a:path w="812800" h="5080">
                  <a:moveTo>
                    <a:pt x="455676" y="0"/>
                  </a:moveTo>
                  <a:lnTo>
                    <a:pt x="452628" y="0"/>
                  </a:lnTo>
                  <a:lnTo>
                    <a:pt x="452628" y="4572"/>
                  </a:lnTo>
                  <a:lnTo>
                    <a:pt x="455676" y="4572"/>
                  </a:lnTo>
                  <a:lnTo>
                    <a:pt x="455676" y="0"/>
                  </a:lnTo>
                  <a:close/>
                </a:path>
                <a:path w="812800" h="5080">
                  <a:moveTo>
                    <a:pt x="461772" y="0"/>
                  </a:moveTo>
                  <a:lnTo>
                    <a:pt x="458724" y="0"/>
                  </a:lnTo>
                  <a:lnTo>
                    <a:pt x="458724" y="4572"/>
                  </a:lnTo>
                  <a:lnTo>
                    <a:pt x="461772" y="4572"/>
                  </a:lnTo>
                  <a:lnTo>
                    <a:pt x="461772" y="0"/>
                  </a:lnTo>
                  <a:close/>
                </a:path>
                <a:path w="812800" h="5080">
                  <a:moveTo>
                    <a:pt x="469392" y="0"/>
                  </a:moveTo>
                  <a:lnTo>
                    <a:pt x="466344" y="0"/>
                  </a:lnTo>
                  <a:lnTo>
                    <a:pt x="466344" y="4572"/>
                  </a:lnTo>
                  <a:lnTo>
                    <a:pt x="469392" y="4572"/>
                  </a:lnTo>
                  <a:lnTo>
                    <a:pt x="469392" y="0"/>
                  </a:lnTo>
                  <a:close/>
                </a:path>
                <a:path w="812800" h="5080">
                  <a:moveTo>
                    <a:pt x="475488" y="0"/>
                  </a:moveTo>
                  <a:lnTo>
                    <a:pt x="472440" y="0"/>
                  </a:lnTo>
                  <a:lnTo>
                    <a:pt x="472440" y="4572"/>
                  </a:lnTo>
                  <a:lnTo>
                    <a:pt x="475488" y="4572"/>
                  </a:lnTo>
                  <a:lnTo>
                    <a:pt x="475488" y="0"/>
                  </a:lnTo>
                  <a:close/>
                </a:path>
                <a:path w="812800" h="5080">
                  <a:moveTo>
                    <a:pt x="483108" y="0"/>
                  </a:moveTo>
                  <a:lnTo>
                    <a:pt x="480060" y="0"/>
                  </a:lnTo>
                  <a:lnTo>
                    <a:pt x="480060" y="4572"/>
                  </a:lnTo>
                  <a:lnTo>
                    <a:pt x="483108" y="4572"/>
                  </a:lnTo>
                  <a:lnTo>
                    <a:pt x="483108" y="0"/>
                  </a:lnTo>
                  <a:close/>
                </a:path>
                <a:path w="812800" h="5080">
                  <a:moveTo>
                    <a:pt x="489204" y="0"/>
                  </a:moveTo>
                  <a:lnTo>
                    <a:pt x="486156" y="0"/>
                  </a:lnTo>
                  <a:lnTo>
                    <a:pt x="486156" y="4572"/>
                  </a:lnTo>
                  <a:lnTo>
                    <a:pt x="489204" y="4572"/>
                  </a:lnTo>
                  <a:lnTo>
                    <a:pt x="489204" y="0"/>
                  </a:lnTo>
                  <a:close/>
                </a:path>
                <a:path w="812800" h="5080">
                  <a:moveTo>
                    <a:pt x="496824" y="0"/>
                  </a:moveTo>
                  <a:lnTo>
                    <a:pt x="493776" y="0"/>
                  </a:lnTo>
                  <a:lnTo>
                    <a:pt x="493776" y="4572"/>
                  </a:lnTo>
                  <a:lnTo>
                    <a:pt x="496824" y="4572"/>
                  </a:lnTo>
                  <a:lnTo>
                    <a:pt x="496824" y="0"/>
                  </a:lnTo>
                  <a:close/>
                </a:path>
                <a:path w="812800" h="5080">
                  <a:moveTo>
                    <a:pt x="502920" y="0"/>
                  </a:moveTo>
                  <a:lnTo>
                    <a:pt x="499872" y="0"/>
                  </a:lnTo>
                  <a:lnTo>
                    <a:pt x="499872" y="4572"/>
                  </a:lnTo>
                  <a:lnTo>
                    <a:pt x="502920" y="4572"/>
                  </a:lnTo>
                  <a:lnTo>
                    <a:pt x="502920" y="0"/>
                  </a:lnTo>
                  <a:close/>
                </a:path>
                <a:path w="812800" h="5080">
                  <a:moveTo>
                    <a:pt x="510540" y="0"/>
                  </a:moveTo>
                  <a:lnTo>
                    <a:pt x="507492" y="0"/>
                  </a:lnTo>
                  <a:lnTo>
                    <a:pt x="507492" y="4572"/>
                  </a:lnTo>
                  <a:lnTo>
                    <a:pt x="510540" y="4572"/>
                  </a:lnTo>
                  <a:lnTo>
                    <a:pt x="510540" y="0"/>
                  </a:lnTo>
                  <a:close/>
                </a:path>
                <a:path w="812800" h="5080">
                  <a:moveTo>
                    <a:pt x="516636" y="0"/>
                  </a:moveTo>
                  <a:lnTo>
                    <a:pt x="513588" y="0"/>
                  </a:lnTo>
                  <a:lnTo>
                    <a:pt x="513588" y="4572"/>
                  </a:lnTo>
                  <a:lnTo>
                    <a:pt x="516636" y="4572"/>
                  </a:lnTo>
                  <a:lnTo>
                    <a:pt x="516636" y="0"/>
                  </a:lnTo>
                  <a:close/>
                </a:path>
                <a:path w="812800" h="5080">
                  <a:moveTo>
                    <a:pt x="524256" y="0"/>
                  </a:moveTo>
                  <a:lnTo>
                    <a:pt x="521208" y="0"/>
                  </a:lnTo>
                  <a:lnTo>
                    <a:pt x="521208" y="4572"/>
                  </a:lnTo>
                  <a:lnTo>
                    <a:pt x="524256" y="4572"/>
                  </a:lnTo>
                  <a:lnTo>
                    <a:pt x="524256" y="0"/>
                  </a:lnTo>
                  <a:close/>
                </a:path>
                <a:path w="812800" h="5080">
                  <a:moveTo>
                    <a:pt x="530352" y="0"/>
                  </a:moveTo>
                  <a:lnTo>
                    <a:pt x="527304" y="0"/>
                  </a:lnTo>
                  <a:lnTo>
                    <a:pt x="527304" y="4572"/>
                  </a:lnTo>
                  <a:lnTo>
                    <a:pt x="530352" y="4572"/>
                  </a:lnTo>
                  <a:lnTo>
                    <a:pt x="530352" y="0"/>
                  </a:lnTo>
                  <a:close/>
                </a:path>
                <a:path w="812800" h="5080">
                  <a:moveTo>
                    <a:pt x="537972" y="0"/>
                  </a:moveTo>
                  <a:lnTo>
                    <a:pt x="534924" y="0"/>
                  </a:lnTo>
                  <a:lnTo>
                    <a:pt x="534924" y="4572"/>
                  </a:lnTo>
                  <a:lnTo>
                    <a:pt x="537972" y="4572"/>
                  </a:lnTo>
                  <a:lnTo>
                    <a:pt x="537972" y="0"/>
                  </a:lnTo>
                  <a:close/>
                </a:path>
                <a:path w="812800" h="5080">
                  <a:moveTo>
                    <a:pt x="544068" y="0"/>
                  </a:moveTo>
                  <a:lnTo>
                    <a:pt x="541020" y="0"/>
                  </a:lnTo>
                  <a:lnTo>
                    <a:pt x="541020" y="4572"/>
                  </a:lnTo>
                  <a:lnTo>
                    <a:pt x="544068" y="4572"/>
                  </a:lnTo>
                  <a:lnTo>
                    <a:pt x="544068" y="0"/>
                  </a:lnTo>
                  <a:close/>
                </a:path>
                <a:path w="812800" h="5080">
                  <a:moveTo>
                    <a:pt x="551688" y="0"/>
                  </a:moveTo>
                  <a:lnTo>
                    <a:pt x="548640" y="0"/>
                  </a:lnTo>
                  <a:lnTo>
                    <a:pt x="548640" y="4572"/>
                  </a:lnTo>
                  <a:lnTo>
                    <a:pt x="551688" y="4572"/>
                  </a:lnTo>
                  <a:lnTo>
                    <a:pt x="551688" y="0"/>
                  </a:lnTo>
                  <a:close/>
                </a:path>
                <a:path w="812800" h="5080">
                  <a:moveTo>
                    <a:pt x="557784" y="0"/>
                  </a:moveTo>
                  <a:lnTo>
                    <a:pt x="554736" y="0"/>
                  </a:lnTo>
                  <a:lnTo>
                    <a:pt x="554736" y="4572"/>
                  </a:lnTo>
                  <a:lnTo>
                    <a:pt x="557784" y="4572"/>
                  </a:lnTo>
                  <a:lnTo>
                    <a:pt x="557784" y="0"/>
                  </a:lnTo>
                  <a:close/>
                </a:path>
                <a:path w="812800" h="5080">
                  <a:moveTo>
                    <a:pt x="565404" y="0"/>
                  </a:moveTo>
                  <a:lnTo>
                    <a:pt x="562356" y="0"/>
                  </a:lnTo>
                  <a:lnTo>
                    <a:pt x="562356" y="4572"/>
                  </a:lnTo>
                  <a:lnTo>
                    <a:pt x="565404" y="4572"/>
                  </a:lnTo>
                  <a:lnTo>
                    <a:pt x="565404" y="0"/>
                  </a:lnTo>
                  <a:close/>
                </a:path>
                <a:path w="812800" h="5080">
                  <a:moveTo>
                    <a:pt x="571500" y="0"/>
                  </a:moveTo>
                  <a:lnTo>
                    <a:pt x="568452" y="0"/>
                  </a:lnTo>
                  <a:lnTo>
                    <a:pt x="568452" y="4572"/>
                  </a:lnTo>
                  <a:lnTo>
                    <a:pt x="571500" y="4572"/>
                  </a:lnTo>
                  <a:lnTo>
                    <a:pt x="571500" y="0"/>
                  </a:lnTo>
                  <a:close/>
                </a:path>
                <a:path w="812800" h="5080">
                  <a:moveTo>
                    <a:pt x="579120" y="0"/>
                  </a:moveTo>
                  <a:lnTo>
                    <a:pt x="576072" y="0"/>
                  </a:lnTo>
                  <a:lnTo>
                    <a:pt x="576072" y="4572"/>
                  </a:lnTo>
                  <a:lnTo>
                    <a:pt x="579120" y="4572"/>
                  </a:lnTo>
                  <a:lnTo>
                    <a:pt x="579120" y="0"/>
                  </a:lnTo>
                  <a:close/>
                </a:path>
                <a:path w="812800" h="5080">
                  <a:moveTo>
                    <a:pt x="585216" y="0"/>
                  </a:moveTo>
                  <a:lnTo>
                    <a:pt x="582168" y="0"/>
                  </a:lnTo>
                  <a:lnTo>
                    <a:pt x="582168" y="4572"/>
                  </a:lnTo>
                  <a:lnTo>
                    <a:pt x="585216" y="4572"/>
                  </a:lnTo>
                  <a:lnTo>
                    <a:pt x="585216" y="0"/>
                  </a:lnTo>
                  <a:close/>
                </a:path>
                <a:path w="812800" h="5080">
                  <a:moveTo>
                    <a:pt x="592836" y="0"/>
                  </a:moveTo>
                  <a:lnTo>
                    <a:pt x="589788" y="0"/>
                  </a:lnTo>
                  <a:lnTo>
                    <a:pt x="589788" y="4572"/>
                  </a:lnTo>
                  <a:lnTo>
                    <a:pt x="592836" y="4572"/>
                  </a:lnTo>
                  <a:lnTo>
                    <a:pt x="592836" y="0"/>
                  </a:lnTo>
                  <a:close/>
                </a:path>
                <a:path w="812800" h="5080">
                  <a:moveTo>
                    <a:pt x="598932" y="0"/>
                  </a:moveTo>
                  <a:lnTo>
                    <a:pt x="595884" y="0"/>
                  </a:lnTo>
                  <a:lnTo>
                    <a:pt x="595884" y="4572"/>
                  </a:lnTo>
                  <a:lnTo>
                    <a:pt x="598932" y="4572"/>
                  </a:lnTo>
                  <a:lnTo>
                    <a:pt x="598932" y="0"/>
                  </a:lnTo>
                  <a:close/>
                </a:path>
                <a:path w="812800" h="5080">
                  <a:moveTo>
                    <a:pt x="606552" y="0"/>
                  </a:moveTo>
                  <a:lnTo>
                    <a:pt x="603504" y="0"/>
                  </a:lnTo>
                  <a:lnTo>
                    <a:pt x="603504" y="4572"/>
                  </a:lnTo>
                  <a:lnTo>
                    <a:pt x="606552" y="4572"/>
                  </a:lnTo>
                  <a:lnTo>
                    <a:pt x="606552" y="0"/>
                  </a:lnTo>
                  <a:close/>
                </a:path>
                <a:path w="812800" h="5080">
                  <a:moveTo>
                    <a:pt x="612648" y="0"/>
                  </a:moveTo>
                  <a:lnTo>
                    <a:pt x="609600" y="0"/>
                  </a:lnTo>
                  <a:lnTo>
                    <a:pt x="609600" y="4572"/>
                  </a:lnTo>
                  <a:lnTo>
                    <a:pt x="612648" y="4572"/>
                  </a:lnTo>
                  <a:lnTo>
                    <a:pt x="612648" y="0"/>
                  </a:lnTo>
                  <a:close/>
                </a:path>
                <a:path w="812800" h="5080">
                  <a:moveTo>
                    <a:pt x="784860" y="0"/>
                  </a:moveTo>
                  <a:lnTo>
                    <a:pt x="783336" y="0"/>
                  </a:lnTo>
                  <a:lnTo>
                    <a:pt x="783336" y="4572"/>
                  </a:lnTo>
                  <a:lnTo>
                    <a:pt x="784860" y="4572"/>
                  </a:lnTo>
                  <a:lnTo>
                    <a:pt x="784860" y="0"/>
                  </a:lnTo>
                  <a:close/>
                </a:path>
                <a:path w="812800" h="5080">
                  <a:moveTo>
                    <a:pt x="790956" y="0"/>
                  </a:moveTo>
                  <a:lnTo>
                    <a:pt x="787908" y="0"/>
                  </a:lnTo>
                  <a:lnTo>
                    <a:pt x="787908" y="4572"/>
                  </a:lnTo>
                  <a:lnTo>
                    <a:pt x="790956" y="4572"/>
                  </a:lnTo>
                  <a:lnTo>
                    <a:pt x="790956" y="0"/>
                  </a:lnTo>
                  <a:close/>
                </a:path>
                <a:path w="812800" h="5080">
                  <a:moveTo>
                    <a:pt x="798576" y="0"/>
                  </a:moveTo>
                  <a:lnTo>
                    <a:pt x="794004" y="0"/>
                  </a:lnTo>
                  <a:lnTo>
                    <a:pt x="794004" y="4572"/>
                  </a:lnTo>
                  <a:lnTo>
                    <a:pt x="798576" y="4572"/>
                  </a:lnTo>
                  <a:lnTo>
                    <a:pt x="798576" y="0"/>
                  </a:lnTo>
                  <a:close/>
                </a:path>
                <a:path w="812800" h="5080">
                  <a:moveTo>
                    <a:pt x="804672" y="0"/>
                  </a:moveTo>
                  <a:lnTo>
                    <a:pt x="801624" y="0"/>
                  </a:lnTo>
                  <a:lnTo>
                    <a:pt x="801624" y="4572"/>
                  </a:lnTo>
                  <a:lnTo>
                    <a:pt x="804672" y="4572"/>
                  </a:lnTo>
                  <a:lnTo>
                    <a:pt x="804672" y="0"/>
                  </a:lnTo>
                  <a:close/>
                </a:path>
                <a:path w="812800" h="5080">
                  <a:moveTo>
                    <a:pt x="812292" y="0"/>
                  </a:moveTo>
                  <a:lnTo>
                    <a:pt x="807720" y="0"/>
                  </a:lnTo>
                  <a:lnTo>
                    <a:pt x="807720" y="4572"/>
                  </a:lnTo>
                  <a:lnTo>
                    <a:pt x="812292" y="4572"/>
                  </a:lnTo>
                  <a:lnTo>
                    <a:pt x="812292" y="0"/>
                  </a:lnTo>
                  <a:close/>
                </a:path>
              </a:pathLst>
            </a:custGeom>
            <a:solidFill>
              <a:srgbClr val="D8D8D8"/>
            </a:solidFill>
          </p:spPr>
          <p:txBody>
            <a:bodyPr wrap="square" lIns="0" tIns="0" rIns="0" bIns="0" rtlCol="0"/>
            <a:lstStyle/>
            <a:p>
              <a:endParaRPr sz="1539"/>
            </a:p>
          </p:txBody>
        </p:sp>
        <p:sp>
          <p:nvSpPr>
            <p:cNvPr id="128" name="object 128"/>
            <p:cNvSpPr/>
            <p:nvPr/>
          </p:nvSpPr>
          <p:spPr>
            <a:xfrm>
              <a:off x="6080760" y="2284475"/>
              <a:ext cx="647700" cy="5080"/>
            </a:xfrm>
            <a:custGeom>
              <a:avLst/>
              <a:gdLst/>
              <a:ahLst/>
              <a:cxnLst/>
              <a:rect l="l" t="t" r="r" b="b"/>
              <a:pathLst>
                <a:path w="647700" h="5080">
                  <a:moveTo>
                    <a:pt x="4572" y="0"/>
                  </a:moveTo>
                  <a:lnTo>
                    <a:pt x="0" y="0"/>
                  </a:lnTo>
                  <a:lnTo>
                    <a:pt x="0" y="4572"/>
                  </a:lnTo>
                  <a:lnTo>
                    <a:pt x="4572" y="4572"/>
                  </a:lnTo>
                  <a:lnTo>
                    <a:pt x="4572" y="0"/>
                  </a:lnTo>
                  <a:close/>
                </a:path>
                <a:path w="647700" h="5080">
                  <a:moveTo>
                    <a:pt x="10668" y="0"/>
                  </a:moveTo>
                  <a:lnTo>
                    <a:pt x="7620" y="0"/>
                  </a:lnTo>
                  <a:lnTo>
                    <a:pt x="7620" y="4572"/>
                  </a:lnTo>
                  <a:lnTo>
                    <a:pt x="10668" y="4572"/>
                  </a:lnTo>
                  <a:lnTo>
                    <a:pt x="10668" y="0"/>
                  </a:lnTo>
                  <a:close/>
                </a:path>
                <a:path w="647700" h="5080">
                  <a:moveTo>
                    <a:pt x="18288" y="0"/>
                  </a:moveTo>
                  <a:lnTo>
                    <a:pt x="13716" y="0"/>
                  </a:lnTo>
                  <a:lnTo>
                    <a:pt x="13716" y="4572"/>
                  </a:lnTo>
                  <a:lnTo>
                    <a:pt x="18288" y="4572"/>
                  </a:lnTo>
                  <a:lnTo>
                    <a:pt x="18288" y="0"/>
                  </a:lnTo>
                  <a:close/>
                </a:path>
                <a:path w="647700" h="5080">
                  <a:moveTo>
                    <a:pt x="24384" y="0"/>
                  </a:moveTo>
                  <a:lnTo>
                    <a:pt x="21336" y="0"/>
                  </a:lnTo>
                  <a:lnTo>
                    <a:pt x="21336" y="4572"/>
                  </a:lnTo>
                  <a:lnTo>
                    <a:pt x="24384" y="4572"/>
                  </a:lnTo>
                  <a:lnTo>
                    <a:pt x="24384" y="0"/>
                  </a:lnTo>
                  <a:close/>
                </a:path>
                <a:path w="647700" h="5080">
                  <a:moveTo>
                    <a:pt x="32004" y="0"/>
                  </a:moveTo>
                  <a:lnTo>
                    <a:pt x="27432" y="0"/>
                  </a:lnTo>
                  <a:lnTo>
                    <a:pt x="27432" y="4572"/>
                  </a:lnTo>
                  <a:lnTo>
                    <a:pt x="32004" y="4572"/>
                  </a:lnTo>
                  <a:lnTo>
                    <a:pt x="32004" y="0"/>
                  </a:lnTo>
                  <a:close/>
                </a:path>
                <a:path w="647700" h="5080">
                  <a:moveTo>
                    <a:pt x="38100" y="0"/>
                  </a:moveTo>
                  <a:lnTo>
                    <a:pt x="35052" y="0"/>
                  </a:lnTo>
                  <a:lnTo>
                    <a:pt x="35052" y="4572"/>
                  </a:lnTo>
                  <a:lnTo>
                    <a:pt x="38100" y="4572"/>
                  </a:lnTo>
                  <a:lnTo>
                    <a:pt x="38100" y="0"/>
                  </a:lnTo>
                  <a:close/>
                </a:path>
                <a:path w="647700" h="5080">
                  <a:moveTo>
                    <a:pt x="45720" y="0"/>
                  </a:moveTo>
                  <a:lnTo>
                    <a:pt x="41148" y="0"/>
                  </a:lnTo>
                  <a:lnTo>
                    <a:pt x="41148" y="4572"/>
                  </a:lnTo>
                  <a:lnTo>
                    <a:pt x="45720" y="4572"/>
                  </a:lnTo>
                  <a:lnTo>
                    <a:pt x="45720" y="0"/>
                  </a:lnTo>
                  <a:close/>
                </a:path>
                <a:path w="647700" h="5080">
                  <a:moveTo>
                    <a:pt x="51816" y="0"/>
                  </a:moveTo>
                  <a:lnTo>
                    <a:pt x="48768" y="0"/>
                  </a:lnTo>
                  <a:lnTo>
                    <a:pt x="48768" y="4572"/>
                  </a:lnTo>
                  <a:lnTo>
                    <a:pt x="51816" y="4572"/>
                  </a:lnTo>
                  <a:lnTo>
                    <a:pt x="51816" y="0"/>
                  </a:lnTo>
                  <a:close/>
                </a:path>
                <a:path w="647700" h="5080">
                  <a:moveTo>
                    <a:pt x="59436" y="0"/>
                  </a:moveTo>
                  <a:lnTo>
                    <a:pt x="54864" y="0"/>
                  </a:lnTo>
                  <a:lnTo>
                    <a:pt x="54864" y="4572"/>
                  </a:lnTo>
                  <a:lnTo>
                    <a:pt x="59436" y="4572"/>
                  </a:lnTo>
                  <a:lnTo>
                    <a:pt x="59436" y="0"/>
                  </a:lnTo>
                  <a:close/>
                </a:path>
                <a:path w="647700" h="5080">
                  <a:moveTo>
                    <a:pt x="65532" y="0"/>
                  </a:moveTo>
                  <a:lnTo>
                    <a:pt x="62484" y="0"/>
                  </a:lnTo>
                  <a:lnTo>
                    <a:pt x="62484" y="4572"/>
                  </a:lnTo>
                  <a:lnTo>
                    <a:pt x="65532" y="4572"/>
                  </a:lnTo>
                  <a:lnTo>
                    <a:pt x="65532" y="0"/>
                  </a:lnTo>
                  <a:close/>
                </a:path>
                <a:path w="647700" h="5080">
                  <a:moveTo>
                    <a:pt x="73152" y="0"/>
                  </a:moveTo>
                  <a:lnTo>
                    <a:pt x="68580" y="0"/>
                  </a:lnTo>
                  <a:lnTo>
                    <a:pt x="68580" y="4572"/>
                  </a:lnTo>
                  <a:lnTo>
                    <a:pt x="73152" y="4572"/>
                  </a:lnTo>
                  <a:lnTo>
                    <a:pt x="73152" y="0"/>
                  </a:lnTo>
                  <a:close/>
                </a:path>
                <a:path w="647700" h="5080">
                  <a:moveTo>
                    <a:pt x="79248" y="0"/>
                  </a:moveTo>
                  <a:lnTo>
                    <a:pt x="76200" y="0"/>
                  </a:lnTo>
                  <a:lnTo>
                    <a:pt x="76200" y="4572"/>
                  </a:lnTo>
                  <a:lnTo>
                    <a:pt x="79248" y="4572"/>
                  </a:lnTo>
                  <a:lnTo>
                    <a:pt x="79248" y="0"/>
                  </a:lnTo>
                  <a:close/>
                </a:path>
                <a:path w="647700" h="5080">
                  <a:moveTo>
                    <a:pt x="86868" y="0"/>
                  </a:moveTo>
                  <a:lnTo>
                    <a:pt x="82296" y="0"/>
                  </a:lnTo>
                  <a:lnTo>
                    <a:pt x="82296" y="4572"/>
                  </a:lnTo>
                  <a:lnTo>
                    <a:pt x="86868" y="4572"/>
                  </a:lnTo>
                  <a:lnTo>
                    <a:pt x="86868" y="0"/>
                  </a:lnTo>
                  <a:close/>
                </a:path>
                <a:path w="647700" h="5080">
                  <a:moveTo>
                    <a:pt x="92964" y="0"/>
                  </a:moveTo>
                  <a:lnTo>
                    <a:pt x="89916" y="0"/>
                  </a:lnTo>
                  <a:lnTo>
                    <a:pt x="89916" y="4572"/>
                  </a:lnTo>
                  <a:lnTo>
                    <a:pt x="92964" y="4572"/>
                  </a:lnTo>
                  <a:lnTo>
                    <a:pt x="92964" y="0"/>
                  </a:lnTo>
                  <a:close/>
                </a:path>
                <a:path w="647700" h="5080">
                  <a:moveTo>
                    <a:pt x="100584" y="0"/>
                  </a:moveTo>
                  <a:lnTo>
                    <a:pt x="96012" y="0"/>
                  </a:lnTo>
                  <a:lnTo>
                    <a:pt x="96012" y="4572"/>
                  </a:lnTo>
                  <a:lnTo>
                    <a:pt x="100584" y="4572"/>
                  </a:lnTo>
                  <a:lnTo>
                    <a:pt x="100584" y="0"/>
                  </a:lnTo>
                  <a:close/>
                </a:path>
                <a:path w="647700" h="5080">
                  <a:moveTo>
                    <a:pt x="106680" y="0"/>
                  </a:moveTo>
                  <a:lnTo>
                    <a:pt x="103632" y="0"/>
                  </a:lnTo>
                  <a:lnTo>
                    <a:pt x="103632" y="4572"/>
                  </a:lnTo>
                  <a:lnTo>
                    <a:pt x="106680" y="4572"/>
                  </a:lnTo>
                  <a:lnTo>
                    <a:pt x="106680" y="0"/>
                  </a:lnTo>
                  <a:close/>
                </a:path>
                <a:path w="647700" h="5080">
                  <a:moveTo>
                    <a:pt x="114300" y="0"/>
                  </a:moveTo>
                  <a:lnTo>
                    <a:pt x="109728" y="0"/>
                  </a:lnTo>
                  <a:lnTo>
                    <a:pt x="109728" y="4572"/>
                  </a:lnTo>
                  <a:lnTo>
                    <a:pt x="114300" y="4572"/>
                  </a:lnTo>
                  <a:lnTo>
                    <a:pt x="114300" y="0"/>
                  </a:lnTo>
                  <a:close/>
                </a:path>
                <a:path w="647700" h="5080">
                  <a:moveTo>
                    <a:pt x="120396" y="0"/>
                  </a:moveTo>
                  <a:lnTo>
                    <a:pt x="117348" y="0"/>
                  </a:lnTo>
                  <a:lnTo>
                    <a:pt x="117348" y="4572"/>
                  </a:lnTo>
                  <a:lnTo>
                    <a:pt x="120396" y="4572"/>
                  </a:lnTo>
                  <a:lnTo>
                    <a:pt x="120396" y="0"/>
                  </a:lnTo>
                  <a:close/>
                </a:path>
                <a:path w="647700" h="5080">
                  <a:moveTo>
                    <a:pt x="128016" y="0"/>
                  </a:moveTo>
                  <a:lnTo>
                    <a:pt x="123444" y="0"/>
                  </a:lnTo>
                  <a:lnTo>
                    <a:pt x="123444" y="4572"/>
                  </a:lnTo>
                  <a:lnTo>
                    <a:pt x="128016" y="4572"/>
                  </a:lnTo>
                  <a:lnTo>
                    <a:pt x="128016" y="0"/>
                  </a:lnTo>
                  <a:close/>
                </a:path>
                <a:path w="647700" h="5080">
                  <a:moveTo>
                    <a:pt x="134112" y="0"/>
                  </a:moveTo>
                  <a:lnTo>
                    <a:pt x="131064" y="0"/>
                  </a:lnTo>
                  <a:lnTo>
                    <a:pt x="131064" y="4572"/>
                  </a:lnTo>
                  <a:lnTo>
                    <a:pt x="134112" y="4572"/>
                  </a:lnTo>
                  <a:lnTo>
                    <a:pt x="134112" y="0"/>
                  </a:lnTo>
                  <a:close/>
                </a:path>
                <a:path w="647700" h="5080">
                  <a:moveTo>
                    <a:pt x="141732" y="0"/>
                  </a:moveTo>
                  <a:lnTo>
                    <a:pt x="137160" y="0"/>
                  </a:lnTo>
                  <a:lnTo>
                    <a:pt x="137160" y="4572"/>
                  </a:lnTo>
                  <a:lnTo>
                    <a:pt x="141732" y="4572"/>
                  </a:lnTo>
                  <a:lnTo>
                    <a:pt x="141732" y="0"/>
                  </a:lnTo>
                  <a:close/>
                </a:path>
                <a:path w="647700" h="5080">
                  <a:moveTo>
                    <a:pt x="147828" y="0"/>
                  </a:moveTo>
                  <a:lnTo>
                    <a:pt x="144780" y="0"/>
                  </a:lnTo>
                  <a:lnTo>
                    <a:pt x="144780" y="4572"/>
                  </a:lnTo>
                  <a:lnTo>
                    <a:pt x="147828" y="4572"/>
                  </a:lnTo>
                  <a:lnTo>
                    <a:pt x="147828" y="0"/>
                  </a:lnTo>
                  <a:close/>
                </a:path>
                <a:path w="647700" h="5080">
                  <a:moveTo>
                    <a:pt x="155448" y="0"/>
                  </a:moveTo>
                  <a:lnTo>
                    <a:pt x="150876" y="0"/>
                  </a:lnTo>
                  <a:lnTo>
                    <a:pt x="150876" y="4572"/>
                  </a:lnTo>
                  <a:lnTo>
                    <a:pt x="155448" y="4572"/>
                  </a:lnTo>
                  <a:lnTo>
                    <a:pt x="155448" y="0"/>
                  </a:lnTo>
                  <a:close/>
                </a:path>
                <a:path w="647700" h="5080">
                  <a:moveTo>
                    <a:pt x="161544" y="0"/>
                  </a:moveTo>
                  <a:lnTo>
                    <a:pt x="158496" y="0"/>
                  </a:lnTo>
                  <a:lnTo>
                    <a:pt x="158496" y="4572"/>
                  </a:lnTo>
                  <a:lnTo>
                    <a:pt x="161544" y="4572"/>
                  </a:lnTo>
                  <a:lnTo>
                    <a:pt x="161544" y="0"/>
                  </a:lnTo>
                  <a:close/>
                </a:path>
                <a:path w="647700" h="5080">
                  <a:moveTo>
                    <a:pt x="169164" y="0"/>
                  </a:moveTo>
                  <a:lnTo>
                    <a:pt x="164592" y="0"/>
                  </a:lnTo>
                  <a:lnTo>
                    <a:pt x="164592" y="4572"/>
                  </a:lnTo>
                  <a:lnTo>
                    <a:pt x="169164" y="4572"/>
                  </a:lnTo>
                  <a:lnTo>
                    <a:pt x="169164" y="0"/>
                  </a:lnTo>
                  <a:close/>
                </a:path>
                <a:path w="647700" h="5080">
                  <a:moveTo>
                    <a:pt x="175260" y="0"/>
                  </a:moveTo>
                  <a:lnTo>
                    <a:pt x="172212" y="0"/>
                  </a:lnTo>
                  <a:lnTo>
                    <a:pt x="172212" y="4572"/>
                  </a:lnTo>
                  <a:lnTo>
                    <a:pt x="175260" y="4572"/>
                  </a:lnTo>
                  <a:lnTo>
                    <a:pt x="175260" y="0"/>
                  </a:lnTo>
                  <a:close/>
                </a:path>
                <a:path w="647700" h="5080">
                  <a:moveTo>
                    <a:pt x="182880" y="0"/>
                  </a:moveTo>
                  <a:lnTo>
                    <a:pt x="178308" y="0"/>
                  </a:lnTo>
                  <a:lnTo>
                    <a:pt x="178308" y="4572"/>
                  </a:lnTo>
                  <a:lnTo>
                    <a:pt x="182880" y="4572"/>
                  </a:lnTo>
                  <a:lnTo>
                    <a:pt x="182880" y="0"/>
                  </a:lnTo>
                  <a:close/>
                </a:path>
                <a:path w="647700" h="5080">
                  <a:moveTo>
                    <a:pt x="188976" y="0"/>
                  </a:moveTo>
                  <a:lnTo>
                    <a:pt x="185928" y="0"/>
                  </a:lnTo>
                  <a:lnTo>
                    <a:pt x="185928" y="4572"/>
                  </a:lnTo>
                  <a:lnTo>
                    <a:pt x="188976" y="4572"/>
                  </a:lnTo>
                  <a:lnTo>
                    <a:pt x="188976" y="0"/>
                  </a:lnTo>
                  <a:close/>
                </a:path>
                <a:path w="647700" h="5080">
                  <a:moveTo>
                    <a:pt x="196596" y="0"/>
                  </a:moveTo>
                  <a:lnTo>
                    <a:pt x="192024" y="0"/>
                  </a:lnTo>
                  <a:lnTo>
                    <a:pt x="192024" y="4572"/>
                  </a:lnTo>
                  <a:lnTo>
                    <a:pt x="196596" y="4572"/>
                  </a:lnTo>
                  <a:lnTo>
                    <a:pt x="196596" y="0"/>
                  </a:lnTo>
                  <a:close/>
                </a:path>
                <a:path w="647700" h="5080">
                  <a:moveTo>
                    <a:pt x="202692" y="0"/>
                  </a:moveTo>
                  <a:lnTo>
                    <a:pt x="199644" y="0"/>
                  </a:lnTo>
                  <a:lnTo>
                    <a:pt x="199644" y="4572"/>
                  </a:lnTo>
                  <a:lnTo>
                    <a:pt x="202692" y="4572"/>
                  </a:lnTo>
                  <a:lnTo>
                    <a:pt x="202692" y="0"/>
                  </a:lnTo>
                  <a:close/>
                </a:path>
                <a:path w="647700" h="5080">
                  <a:moveTo>
                    <a:pt x="210312" y="0"/>
                  </a:moveTo>
                  <a:lnTo>
                    <a:pt x="205740" y="0"/>
                  </a:lnTo>
                  <a:lnTo>
                    <a:pt x="205740" y="4572"/>
                  </a:lnTo>
                  <a:lnTo>
                    <a:pt x="210312" y="4572"/>
                  </a:lnTo>
                  <a:lnTo>
                    <a:pt x="210312" y="0"/>
                  </a:lnTo>
                  <a:close/>
                </a:path>
                <a:path w="647700" h="5080">
                  <a:moveTo>
                    <a:pt x="216408" y="0"/>
                  </a:moveTo>
                  <a:lnTo>
                    <a:pt x="213360" y="0"/>
                  </a:lnTo>
                  <a:lnTo>
                    <a:pt x="213360" y="4572"/>
                  </a:lnTo>
                  <a:lnTo>
                    <a:pt x="216408" y="4572"/>
                  </a:lnTo>
                  <a:lnTo>
                    <a:pt x="216408" y="0"/>
                  </a:lnTo>
                  <a:close/>
                </a:path>
                <a:path w="647700" h="5080">
                  <a:moveTo>
                    <a:pt x="224028" y="0"/>
                  </a:moveTo>
                  <a:lnTo>
                    <a:pt x="219456" y="0"/>
                  </a:lnTo>
                  <a:lnTo>
                    <a:pt x="219456" y="4572"/>
                  </a:lnTo>
                  <a:lnTo>
                    <a:pt x="224028" y="4572"/>
                  </a:lnTo>
                  <a:lnTo>
                    <a:pt x="224028" y="0"/>
                  </a:lnTo>
                  <a:close/>
                </a:path>
                <a:path w="647700" h="5080">
                  <a:moveTo>
                    <a:pt x="230124" y="0"/>
                  </a:moveTo>
                  <a:lnTo>
                    <a:pt x="227076" y="0"/>
                  </a:lnTo>
                  <a:lnTo>
                    <a:pt x="227076" y="4572"/>
                  </a:lnTo>
                  <a:lnTo>
                    <a:pt x="230124" y="4572"/>
                  </a:lnTo>
                  <a:lnTo>
                    <a:pt x="230124" y="0"/>
                  </a:lnTo>
                  <a:close/>
                </a:path>
                <a:path w="647700" h="5080">
                  <a:moveTo>
                    <a:pt x="402336" y="0"/>
                  </a:moveTo>
                  <a:lnTo>
                    <a:pt x="400812" y="0"/>
                  </a:lnTo>
                  <a:lnTo>
                    <a:pt x="400812" y="4572"/>
                  </a:lnTo>
                  <a:lnTo>
                    <a:pt x="402336" y="4572"/>
                  </a:lnTo>
                  <a:lnTo>
                    <a:pt x="402336" y="0"/>
                  </a:lnTo>
                  <a:close/>
                </a:path>
                <a:path w="647700" h="5080">
                  <a:moveTo>
                    <a:pt x="408432" y="0"/>
                  </a:moveTo>
                  <a:lnTo>
                    <a:pt x="405384" y="0"/>
                  </a:lnTo>
                  <a:lnTo>
                    <a:pt x="405384" y="4572"/>
                  </a:lnTo>
                  <a:lnTo>
                    <a:pt x="408432" y="4572"/>
                  </a:lnTo>
                  <a:lnTo>
                    <a:pt x="408432" y="0"/>
                  </a:lnTo>
                  <a:close/>
                </a:path>
                <a:path w="647700" h="5080">
                  <a:moveTo>
                    <a:pt x="416052" y="0"/>
                  </a:moveTo>
                  <a:lnTo>
                    <a:pt x="411480" y="0"/>
                  </a:lnTo>
                  <a:lnTo>
                    <a:pt x="411480" y="4572"/>
                  </a:lnTo>
                  <a:lnTo>
                    <a:pt x="416052" y="4572"/>
                  </a:lnTo>
                  <a:lnTo>
                    <a:pt x="416052" y="0"/>
                  </a:lnTo>
                  <a:close/>
                </a:path>
                <a:path w="647700" h="5080">
                  <a:moveTo>
                    <a:pt x="422135" y="0"/>
                  </a:moveTo>
                  <a:lnTo>
                    <a:pt x="419100" y="0"/>
                  </a:lnTo>
                  <a:lnTo>
                    <a:pt x="419100" y="4572"/>
                  </a:lnTo>
                  <a:lnTo>
                    <a:pt x="422135" y="4572"/>
                  </a:lnTo>
                  <a:lnTo>
                    <a:pt x="422135" y="0"/>
                  </a:lnTo>
                  <a:close/>
                </a:path>
                <a:path w="647700" h="5080">
                  <a:moveTo>
                    <a:pt x="429768" y="0"/>
                  </a:moveTo>
                  <a:lnTo>
                    <a:pt x="425196" y="0"/>
                  </a:lnTo>
                  <a:lnTo>
                    <a:pt x="425196" y="4572"/>
                  </a:lnTo>
                  <a:lnTo>
                    <a:pt x="429768" y="4572"/>
                  </a:lnTo>
                  <a:lnTo>
                    <a:pt x="429768" y="0"/>
                  </a:lnTo>
                  <a:close/>
                </a:path>
                <a:path w="647700" h="5080">
                  <a:moveTo>
                    <a:pt x="435864" y="0"/>
                  </a:moveTo>
                  <a:lnTo>
                    <a:pt x="432816" y="0"/>
                  </a:lnTo>
                  <a:lnTo>
                    <a:pt x="432816" y="4572"/>
                  </a:lnTo>
                  <a:lnTo>
                    <a:pt x="435864" y="4572"/>
                  </a:lnTo>
                  <a:lnTo>
                    <a:pt x="435864" y="0"/>
                  </a:lnTo>
                  <a:close/>
                </a:path>
                <a:path w="647700" h="5080">
                  <a:moveTo>
                    <a:pt x="443484" y="0"/>
                  </a:moveTo>
                  <a:lnTo>
                    <a:pt x="438912" y="0"/>
                  </a:lnTo>
                  <a:lnTo>
                    <a:pt x="438912" y="4572"/>
                  </a:lnTo>
                  <a:lnTo>
                    <a:pt x="443484" y="4572"/>
                  </a:lnTo>
                  <a:lnTo>
                    <a:pt x="443484" y="0"/>
                  </a:lnTo>
                  <a:close/>
                </a:path>
                <a:path w="647700" h="5080">
                  <a:moveTo>
                    <a:pt x="449580" y="0"/>
                  </a:moveTo>
                  <a:lnTo>
                    <a:pt x="446532" y="0"/>
                  </a:lnTo>
                  <a:lnTo>
                    <a:pt x="446532" y="4572"/>
                  </a:lnTo>
                  <a:lnTo>
                    <a:pt x="449580" y="4572"/>
                  </a:lnTo>
                  <a:lnTo>
                    <a:pt x="449580" y="0"/>
                  </a:lnTo>
                  <a:close/>
                </a:path>
                <a:path w="647700" h="5080">
                  <a:moveTo>
                    <a:pt x="457187" y="0"/>
                  </a:moveTo>
                  <a:lnTo>
                    <a:pt x="452628" y="0"/>
                  </a:lnTo>
                  <a:lnTo>
                    <a:pt x="452628" y="4572"/>
                  </a:lnTo>
                  <a:lnTo>
                    <a:pt x="457187" y="4572"/>
                  </a:lnTo>
                  <a:lnTo>
                    <a:pt x="457187" y="0"/>
                  </a:lnTo>
                  <a:close/>
                </a:path>
                <a:path w="647700" h="5080">
                  <a:moveTo>
                    <a:pt x="463296" y="0"/>
                  </a:moveTo>
                  <a:lnTo>
                    <a:pt x="460235" y="0"/>
                  </a:lnTo>
                  <a:lnTo>
                    <a:pt x="460235" y="4572"/>
                  </a:lnTo>
                  <a:lnTo>
                    <a:pt x="463296" y="4572"/>
                  </a:lnTo>
                  <a:lnTo>
                    <a:pt x="463296" y="0"/>
                  </a:lnTo>
                  <a:close/>
                </a:path>
                <a:path w="647700" h="5080">
                  <a:moveTo>
                    <a:pt x="470916" y="0"/>
                  </a:moveTo>
                  <a:lnTo>
                    <a:pt x="466344" y="0"/>
                  </a:lnTo>
                  <a:lnTo>
                    <a:pt x="466344" y="4572"/>
                  </a:lnTo>
                  <a:lnTo>
                    <a:pt x="470916" y="4572"/>
                  </a:lnTo>
                  <a:lnTo>
                    <a:pt x="470916" y="0"/>
                  </a:lnTo>
                  <a:close/>
                </a:path>
                <a:path w="647700" h="5080">
                  <a:moveTo>
                    <a:pt x="477012" y="0"/>
                  </a:moveTo>
                  <a:lnTo>
                    <a:pt x="473964" y="0"/>
                  </a:lnTo>
                  <a:lnTo>
                    <a:pt x="473964" y="4572"/>
                  </a:lnTo>
                  <a:lnTo>
                    <a:pt x="477012" y="4572"/>
                  </a:lnTo>
                  <a:lnTo>
                    <a:pt x="477012" y="0"/>
                  </a:lnTo>
                  <a:close/>
                </a:path>
                <a:path w="647700" h="5080">
                  <a:moveTo>
                    <a:pt x="484632" y="0"/>
                  </a:moveTo>
                  <a:lnTo>
                    <a:pt x="480060" y="0"/>
                  </a:lnTo>
                  <a:lnTo>
                    <a:pt x="480060" y="4572"/>
                  </a:lnTo>
                  <a:lnTo>
                    <a:pt x="484632" y="4572"/>
                  </a:lnTo>
                  <a:lnTo>
                    <a:pt x="484632" y="0"/>
                  </a:lnTo>
                  <a:close/>
                </a:path>
                <a:path w="647700" h="5080">
                  <a:moveTo>
                    <a:pt x="490728" y="0"/>
                  </a:moveTo>
                  <a:lnTo>
                    <a:pt x="487680" y="0"/>
                  </a:lnTo>
                  <a:lnTo>
                    <a:pt x="487680" y="4572"/>
                  </a:lnTo>
                  <a:lnTo>
                    <a:pt x="490728" y="4572"/>
                  </a:lnTo>
                  <a:lnTo>
                    <a:pt x="490728" y="0"/>
                  </a:lnTo>
                  <a:close/>
                </a:path>
                <a:path w="647700" h="5080">
                  <a:moveTo>
                    <a:pt x="498335" y="0"/>
                  </a:moveTo>
                  <a:lnTo>
                    <a:pt x="493763" y="0"/>
                  </a:lnTo>
                  <a:lnTo>
                    <a:pt x="493763" y="4572"/>
                  </a:lnTo>
                  <a:lnTo>
                    <a:pt x="498335" y="4572"/>
                  </a:lnTo>
                  <a:lnTo>
                    <a:pt x="498335" y="0"/>
                  </a:lnTo>
                  <a:close/>
                </a:path>
                <a:path w="647700" h="5080">
                  <a:moveTo>
                    <a:pt x="504444" y="0"/>
                  </a:moveTo>
                  <a:lnTo>
                    <a:pt x="501396" y="0"/>
                  </a:lnTo>
                  <a:lnTo>
                    <a:pt x="501396" y="4572"/>
                  </a:lnTo>
                  <a:lnTo>
                    <a:pt x="504444" y="4572"/>
                  </a:lnTo>
                  <a:lnTo>
                    <a:pt x="504444" y="0"/>
                  </a:lnTo>
                  <a:close/>
                </a:path>
                <a:path w="647700" h="5080">
                  <a:moveTo>
                    <a:pt x="510540" y="0"/>
                  </a:moveTo>
                  <a:lnTo>
                    <a:pt x="507492" y="0"/>
                  </a:lnTo>
                  <a:lnTo>
                    <a:pt x="507492" y="4572"/>
                  </a:lnTo>
                  <a:lnTo>
                    <a:pt x="510540" y="4572"/>
                  </a:lnTo>
                  <a:lnTo>
                    <a:pt x="510540" y="0"/>
                  </a:lnTo>
                  <a:close/>
                </a:path>
                <a:path w="647700" h="5080">
                  <a:moveTo>
                    <a:pt x="518160" y="0"/>
                  </a:moveTo>
                  <a:lnTo>
                    <a:pt x="515112" y="0"/>
                  </a:lnTo>
                  <a:lnTo>
                    <a:pt x="515112" y="4572"/>
                  </a:lnTo>
                  <a:lnTo>
                    <a:pt x="518160" y="4572"/>
                  </a:lnTo>
                  <a:lnTo>
                    <a:pt x="518160" y="0"/>
                  </a:lnTo>
                  <a:close/>
                </a:path>
                <a:path w="647700" h="5080">
                  <a:moveTo>
                    <a:pt x="524256" y="0"/>
                  </a:moveTo>
                  <a:lnTo>
                    <a:pt x="521208" y="0"/>
                  </a:lnTo>
                  <a:lnTo>
                    <a:pt x="521208" y="4572"/>
                  </a:lnTo>
                  <a:lnTo>
                    <a:pt x="524256" y="4572"/>
                  </a:lnTo>
                  <a:lnTo>
                    <a:pt x="524256" y="0"/>
                  </a:lnTo>
                  <a:close/>
                </a:path>
                <a:path w="647700" h="5080">
                  <a:moveTo>
                    <a:pt x="531863" y="0"/>
                  </a:moveTo>
                  <a:lnTo>
                    <a:pt x="528828" y="0"/>
                  </a:lnTo>
                  <a:lnTo>
                    <a:pt x="528828" y="4572"/>
                  </a:lnTo>
                  <a:lnTo>
                    <a:pt x="531863" y="4572"/>
                  </a:lnTo>
                  <a:lnTo>
                    <a:pt x="531863" y="0"/>
                  </a:lnTo>
                  <a:close/>
                </a:path>
                <a:path w="647700" h="5080">
                  <a:moveTo>
                    <a:pt x="537959" y="0"/>
                  </a:moveTo>
                  <a:lnTo>
                    <a:pt x="534911" y="0"/>
                  </a:lnTo>
                  <a:lnTo>
                    <a:pt x="534911" y="4572"/>
                  </a:lnTo>
                  <a:lnTo>
                    <a:pt x="537959" y="4572"/>
                  </a:lnTo>
                  <a:lnTo>
                    <a:pt x="537959" y="0"/>
                  </a:lnTo>
                  <a:close/>
                </a:path>
                <a:path w="647700" h="5080">
                  <a:moveTo>
                    <a:pt x="545592" y="0"/>
                  </a:moveTo>
                  <a:lnTo>
                    <a:pt x="542544" y="0"/>
                  </a:lnTo>
                  <a:lnTo>
                    <a:pt x="542544" y="4572"/>
                  </a:lnTo>
                  <a:lnTo>
                    <a:pt x="545592" y="4572"/>
                  </a:lnTo>
                  <a:lnTo>
                    <a:pt x="545592" y="0"/>
                  </a:lnTo>
                  <a:close/>
                </a:path>
                <a:path w="647700" h="5080">
                  <a:moveTo>
                    <a:pt x="551688" y="0"/>
                  </a:moveTo>
                  <a:lnTo>
                    <a:pt x="548640" y="0"/>
                  </a:lnTo>
                  <a:lnTo>
                    <a:pt x="548640" y="4572"/>
                  </a:lnTo>
                  <a:lnTo>
                    <a:pt x="551688" y="4572"/>
                  </a:lnTo>
                  <a:lnTo>
                    <a:pt x="551688" y="0"/>
                  </a:lnTo>
                  <a:close/>
                </a:path>
                <a:path w="647700" h="5080">
                  <a:moveTo>
                    <a:pt x="559308" y="0"/>
                  </a:moveTo>
                  <a:lnTo>
                    <a:pt x="556260" y="0"/>
                  </a:lnTo>
                  <a:lnTo>
                    <a:pt x="556260" y="4572"/>
                  </a:lnTo>
                  <a:lnTo>
                    <a:pt x="559308" y="4572"/>
                  </a:lnTo>
                  <a:lnTo>
                    <a:pt x="559308" y="0"/>
                  </a:lnTo>
                  <a:close/>
                </a:path>
                <a:path w="647700" h="5080">
                  <a:moveTo>
                    <a:pt x="565404" y="0"/>
                  </a:moveTo>
                  <a:lnTo>
                    <a:pt x="562356" y="0"/>
                  </a:lnTo>
                  <a:lnTo>
                    <a:pt x="562356" y="4572"/>
                  </a:lnTo>
                  <a:lnTo>
                    <a:pt x="565404" y="4572"/>
                  </a:lnTo>
                  <a:lnTo>
                    <a:pt x="565404" y="0"/>
                  </a:lnTo>
                  <a:close/>
                </a:path>
                <a:path w="647700" h="5080">
                  <a:moveTo>
                    <a:pt x="573011" y="0"/>
                  </a:moveTo>
                  <a:lnTo>
                    <a:pt x="569963" y="0"/>
                  </a:lnTo>
                  <a:lnTo>
                    <a:pt x="569963" y="4572"/>
                  </a:lnTo>
                  <a:lnTo>
                    <a:pt x="573011" y="4572"/>
                  </a:lnTo>
                  <a:lnTo>
                    <a:pt x="573011" y="0"/>
                  </a:lnTo>
                  <a:close/>
                </a:path>
                <a:path w="647700" h="5080">
                  <a:moveTo>
                    <a:pt x="579120" y="0"/>
                  </a:moveTo>
                  <a:lnTo>
                    <a:pt x="576059" y="0"/>
                  </a:lnTo>
                  <a:lnTo>
                    <a:pt x="576059" y="4572"/>
                  </a:lnTo>
                  <a:lnTo>
                    <a:pt x="579120" y="4572"/>
                  </a:lnTo>
                  <a:lnTo>
                    <a:pt x="579120" y="0"/>
                  </a:lnTo>
                  <a:close/>
                </a:path>
                <a:path w="647700" h="5080">
                  <a:moveTo>
                    <a:pt x="586740" y="0"/>
                  </a:moveTo>
                  <a:lnTo>
                    <a:pt x="583692" y="0"/>
                  </a:lnTo>
                  <a:lnTo>
                    <a:pt x="583692" y="4572"/>
                  </a:lnTo>
                  <a:lnTo>
                    <a:pt x="586740" y="4572"/>
                  </a:lnTo>
                  <a:lnTo>
                    <a:pt x="586740" y="0"/>
                  </a:lnTo>
                  <a:close/>
                </a:path>
                <a:path w="647700" h="5080">
                  <a:moveTo>
                    <a:pt x="592836" y="0"/>
                  </a:moveTo>
                  <a:lnTo>
                    <a:pt x="589788" y="0"/>
                  </a:lnTo>
                  <a:lnTo>
                    <a:pt x="589788" y="4572"/>
                  </a:lnTo>
                  <a:lnTo>
                    <a:pt x="592836" y="4572"/>
                  </a:lnTo>
                  <a:lnTo>
                    <a:pt x="592836" y="0"/>
                  </a:lnTo>
                  <a:close/>
                </a:path>
                <a:path w="647700" h="5080">
                  <a:moveTo>
                    <a:pt x="600456" y="0"/>
                  </a:moveTo>
                  <a:lnTo>
                    <a:pt x="597408" y="0"/>
                  </a:lnTo>
                  <a:lnTo>
                    <a:pt x="597408" y="4572"/>
                  </a:lnTo>
                  <a:lnTo>
                    <a:pt x="600456" y="4572"/>
                  </a:lnTo>
                  <a:lnTo>
                    <a:pt x="600456" y="0"/>
                  </a:lnTo>
                  <a:close/>
                </a:path>
                <a:path w="647700" h="5080">
                  <a:moveTo>
                    <a:pt x="606552" y="0"/>
                  </a:moveTo>
                  <a:lnTo>
                    <a:pt x="603504" y="0"/>
                  </a:lnTo>
                  <a:lnTo>
                    <a:pt x="603504" y="4572"/>
                  </a:lnTo>
                  <a:lnTo>
                    <a:pt x="606552" y="4572"/>
                  </a:lnTo>
                  <a:lnTo>
                    <a:pt x="606552" y="0"/>
                  </a:lnTo>
                  <a:close/>
                </a:path>
                <a:path w="647700" h="5080">
                  <a:moveTo>
                    <a:pt x="614172" y="0"/>
                  </a:moveTo>
                  <a:lnTo>
                    <a:pt x="611124" y="0"/>
                  </a:lnTo>
                  <a:lnTo>
                    <a:pt x="611124" y="4572"/>
                  </a:lnTo>
                  <a:lnTo>
                    <a:pt x="614172" y="4572"/>
                  </a:lnTo>
                  <a:lnTo>
                    <a:pt x="614172" y="0"/>
                  </a:lnTo>
                  <a:close/>
                </a:path>
                <a:path w="647700" h="5080">
                  <a:moveTo>
                    <a:pt x="620268" y="0"/>
                  </a:moveTo>
                  <a:lnTo>
                    <a:pt x="617220" y="0"/>
                  </a:lnTo>
                  <a:lnTo>
                    <a:pt x="617220" y="4572"/>
                  </a:lnTo>
                  <a:lnTo>
                    <a:pt x="620268" y="4572"/>
                  </a:lnTo>
                  <a:lnTo>
                    <a:pt x="620268" y="0"/>
                  </a:lnTo>
                  <a:close/>
                </a:path>
                <a:path w="647700" h="5080">
                  <a:moveTo>
                    <a:pt x="627888" y="0"/>
                  </a:moveTo>
                  <a:lnTo>
                    <a:pt x="624840" y="0"/>
                  </a:lnTo>
                  <a:lnTo>
                    <a:pt x="624840" y="4572"/>
                  </a:lnTo>
                  <a:lnTo>
                    <a:pt x="627888" y="4572"/>
                  </a:lnTo>
                  <a:lnTo>
                    <a:pt x="627888" y="0"/>
                  </a:lnTo>
                  <a:close/>
                </a:path>
                <a:path w="647700" h="5080">
                  <a:moveTo>
                    <a:pt x="633984" y="0"/>
                  </a:moveTo>
                  <a:lnTo>
                    <a:pt x="630936" y="0"/>
                  </a:lnTo>
                  <a:lnTo>
                    <a:pt x="630936" y="4572"/>
                  </a:lnTo>
                  <a:lnTo>
                    <a:pt x="633984" y="4572"/>
                  </a:lnTo>
                  <a:lnTo>
                    <a:pt x="633984" y="0"/>
                  </a:lnTo>
                  <a:close/>
                </a:path>
                <a:path w="647700" h="5080">
                  <a:moveTo>
                    <a:pt x="641604" y="0"/>
                  </a:moveTo>
                  <a:lnTo>
                    <a:pt x="638556" y="0"/>
                  </a:lnTo>
                  <a:lnTo>
                    <a:pt x="638556" y="4572"/>
                  </a:lnTo>
                  <a:lnTo>
                    <a:pt x="641604" y="4572"/>
                  </a:lnTo>
                  <a:lnTo>
                    <a:pt x="641604" y="0"/>
                  </a:lnTo>
                  <a:close/>
                </a:path>
                <a:path w="647700" h="5080">
                  <a:moveTo>
                    <a:pt x="647700" y="0"/>
                  </a:moveTo>
                  <a:lnTo>
                    <a:pt x="644652" y="0"/>
                  </a:lnTo>
                  <a:lnTo>
                    <a:pt x="644652" y="4572"/>
                  </a:lnTo>
                  <a:lnTo>
                    <a:pt x="647700" y="4572"/>
                  </a:lnTo>
                  <a:lnTo>
                    <a:pt x="647700" y="0"/>
                  </a:lnTo>
                  <a:close/>
                </a:path>
              </a:pathLst>
            </a:custGeom>
            <a:solidFill>
              <a:srgbClr val="D8D8D8"/>
            </a:solidFill>
          </p:spPr>
          <p:txBody>
            <a:bodyPr wrap="square" lIns="0" tIns="0" rIns="0" bIns="0" rtlCol="0"/>
            <a:lstStyle/>
            <a:p>
              <a:endParaRPr sz="1539"/>
            </a:p>
          </p:txBody>
        </p:sp>
        <p:sp>
          <p:nvSpPr>
            <p:cNvPr id="129" name="object 129"/>
            <p:cNvSpPr/>
            <p:nvPr/>
          </p:nvSpPr>
          <p:spPr>
            <a:xfrm>
              <a:off x="6725412" y="2284475"/>
              <a:ext cx="820419" cy="5080"/>
            </a:xfrm>
            <a:custGeom>
              <a:avLst/>
              <a:gdLst/>
              <a:ahLst/>
              <a:cxnLst/>
              <a:rect l="l" t="t" r="r" b="b"/>
              <a:pathLst>
                <a:path w="820420" h="5080">
                  <a:moveTo>
                    <a:pt x="3048" y="0"/>
                  </a:moveTo>
                  <a:lnTo>
                    <a:pt x="0" y="0"/>
                  </a:lnTo>
                  <a:lnTo>
                    <a:pt x="0" y="4572"/>
                  </a:lnTo>
                  <a:lnTo>
                    <a:pt x="3048" y="4572"/>
                  </a:lnTo>
                  <a:lnTo>
                    <a:pt x="3048" y="0"/>
                  </a:lnTo>
                  <a:close/>
                </a:path>
                <a:path w="820420" h="5080">
                  <a:moveTo>
                    <a:pt x="10668" y="0"/>
                  </a:moveTo>
                  <a:lnTo>
                    <a:pt x="7620" y="0"/>
                  </a:lnTo>
                  <a:lnTo>
                    <a:pt x="7620" y="4572"/>
                  </a:lnTo>
                  <a:lnTo>
                    <a:pt x="10668" y="4572"/>
                  </a:lnTo>
                  <a:lnTo>
                    <a:pt x="10668" y="0"/>
                  </a:lnTo>
                  <a:close/>
                </a:path>
                <a:path w="820420" h="5080">
                  <a:moveTo>
                    <a:pt x="188976" y="0"/>
                  </a:moveTo>
                  <a:lnTo>
                    <a:pt x="185928" y="0"/>
                  </a:lnTo>
                  <a:lnTo>
                    <a:pt x="185928" y="4572"/>
                  </a:lnTo>
                  <a:lnTo>
                    <a:pt x="188976" y="4572"/>
                  </a:lnTo>
                  <a:lnTo>
                    <a:pt x="188976" y="0"/>
                  </a:lnTo>
                  <a:close/>
                </a:path>
                <a:path w="820420" h="5080">
                  <a:moveTo>
                    <a:pt x="195072" y="0"/>
                  </a:moveTo>
                  <a:lnTo>
                    <a:pt x="192024" y="0"/>
                  </a:lnTo>
                  <a:lnTo>
                    <a:pt x="192024" y="4572"/>
                  </a:lnTo>
                  <a:lnTo>
                    <a:pt x="195072" y="4572"/>
                  </a:lnTo>
                  <a:lnTo>
                    <a:pt x="195072" y="0"/>
                  </a:lnTo>
                  <a:close/>
                </a:path>
                <a:path w="820420" h="5080">
                  <a:moveTo>
                    <a:pt x="202692" y="0"/>
                  </a:moveTo>
                  <a:lnTo>
                    <a:pt x="199644" y="0"/>
                  </a:lnTo>
                  <a:lnTo>
                    <a:pt x="199644" y="4572"/>
                  </a:lnTo>
                  <a:lnTo>
                    <a:pt x="202692" y="4572"/>
                  </a:lnTo>
                  <a:lnTo>
                    <a:pt x="202692" y="0"/>
                  </a:lnTo>
                  <a:close/>
                </a:path>
                <a:path w="820420" h="5080">
                  <a:moveTo>
                    <a:pt x="208788" y="0"/>
                  </a:moveTo>
                  <a:lnTo>
                    <a:pt x="205740" y="0"/>
                  </a:lnTo>
                  <a:lnTo>
                    <a:pt x="205740" y="4572"/>
                  </a:lnTo>
                  <a:lnTo>
                    <a:pt x="208788" y="4572"/>
                  </a:lnTo>
                  <a:lnTo>
                    <a:pt x="208788" y="0"/>
                  </a:lnTo>
                  <a:close/>
                </a:path>
                <a:path w="820420" h="5080">
                  <a:moveTo>
                    <a:pt x="216408" y="0"/>
                  </a:moveTo>
                  <a:lnTo>
                    <a:pt x="213360" y="0"/>
                  </a:lnTo>
                  <a:lnTo>
                    <a:pt x="213360" y="4572"/>
                  </a:lnTo>
                  <a:lnTo>
                    <a:pt x="216408" y="4572"/>
                  </a:lnTo>
                  <a:lnTo>
                    <a:pt x="216408" y="0"/>
                  </a:lnTo>
                  <a:close/>
                </a:path>
                <a:path w="820420" h="5080">
                  <a:moveTo>
                    <a:pt x="222504" y="0"/>
                  </a:moveTo>
                  <a:lnTo>
                    <a:pt x="219456" y="0"/>
                  </a:lnTo>
                  <a:lnTo>
                    <a:pt x="219456" y="4572"/>
                  </a:lnTo>
                  <a:lnTo>
                    <a:pt x="222504" y="4572"/>
                  </a:lnTo>
                  <a:lnTo>
                    <a:pt x="222504" y="0"/>
                  </a:lnTo>
                  <a:close/>
                </a:path>
                <a:path w="820420" h="5080">
                  <a:moveTo>
                    <a:pt x="230124" y="0"/>
                  </a:moveTo>
                  <a:lnTo>
                    <a:pt x="227076" y="0"/>
                  </a:lnTo>
                  <a:lnTo>
                    <a:pt x="227076" y="4572"/>
                  </a:lnTo>
                  <a:lnTo>
                    <a:pt x="230124" y="4572"/>
                  </a:lnTo>
                  <a:lnTo>
                    <a:pt x="230124" y="0"/>
                  </a:lnTo>
                  <a:close/>
                </a:path>
                <a:path w="820420" h="5080">
                  <a:moveTo>
                    <a:pt x="236220" y="0"/>
                  </a:moveTo>
                  <a:lnTo>
                    <a:pt x="233172" y="0"/>
                  </a:lnTo>
                  <a:lnTo>
                    <a:pt x="233172" y="4572"/>
                  </a:lnTo>
                  <a:lnTo>
                    <a:pt x="236220" y="4572"/>
                  </a:lnTo>
                  <a:lnTo>
                    <a:pt x="236220" y="0"/>
                  </a:lnTo>
                  <a:close/>
                </a:path>
                <a:path w="820420" h="5080">
                  <a:moveTo>
                    <a:pt x="243840" y="0"/>
                  </a:moveTo>
                  <a:lnTo>
                    <a:pt x="240792" y="0"/>
                  </a:lnTo>
                  <a:lnTo>
                    <a:pt x="240792" y="4572"/>
                  </a:lnTo>
                  <a:lnTo>
                    <a:pt x="243840" y="4572"/>
                  </a:lnTo>
                  <a:lnTo>
                    <a:pt x="243840" y="0"/>
                  </a:lnTo>
                  <a:close/>
                </a:path>
                <a:path w="820420" h="5080">
                  <a:moveTo>
                    <a:pt x="249936" y="0"/>
                  </a:moveTo>
                  <a:lnTo>
                    <a:pt x="246888" y="0"/>
                  </a:lnTo>
                  <a:lnTo>
                    <a:pt x="246888" y="4572"/>
                  </a:lnTo>
                  <a:lnTo>
                    <a:pt x="249936" y="4572"/>
                  </a:lnTo>
                  <a:lnTo>
                    <a:pt x="249936" y="0"/>
                  </a:lnTo>
                  <a:close/>
                </a:path>
                <a:path w="820420" h="5080">
                  <a:moveTo>
                    <a:pt x="257556" y="0"/>
                  </a:moveTo>
                  <a:lnTo>
                    <a:pt x="254508" y="0"/>
                  </a:lnTo>
                  <a:lnTo>
                    <a:pt x="254508" y="4572"/>
                  </a:lnTo>
                  <a:lnTo>
                    <a:pt x="257556" y="4572"/>
                  </a:lnTo>
                  <a:lnTo>
                    <a:pt x="257556" y="0"/>
                  </a:lnTo>
                  <a:close/>
                </a:path>
                <a:path w="820420" h="5080">
                  <a:moveTo>
                    <a:pt x="263652" y="0"/>
                  </a:moveTo>
                  <a:lnTo>
                    <a:pt x="260604" y="0"/>
                  </a:lnTo>
                  <a:lnTo>
                    <a:pt x="260604" y="4572"/>
                  </a:lnTo>
                  <a:lnTo>
                    <a:pt x="263652" y="4572"/>
                  </a:lnTo>
                  <a:lnTo>
                    <a:pt x="263652" y="0"/>
                  </a:lnTo>
                  <a:close/>
                </a:path>
                <a:path w="820420" h="5080">
                  <a:moveTo>
                    <a:pt x="271272" y="0"/>
                  </a:moveTo>
                  <a:lnTo>
                    <a:pt x="268224" y="0"/>
                  </a:lnTo>
                  <a:lnTo>
                    <a:pt x="268224" y="4572"/>
                  </a:lnTo>
                  <a:lnTo>
                    <a:pt x="271272" y="4572"/>
                  </a:lnTo>
                  <a:lnTo>
                    <a:pt x="271272" y="0"/>
                  </a:lnTo>
                  <a:close/>
                </a:path>
                <a:path w="820420" h="5080">
                  <a:moveTo>
                    <a:pt x="277368" y="0"/>
                  </a:moveTo>
                  <a:lnTo>
                    <a:pt x="274320" y="0"/>
                  </a:lnTo>
                  <a:lnTo>
                    <a:pt x="274320" y="4572"/>
                  </a:lnTo>
                  <a:lnTo>
                    <a:pt x="277368" y="4572"/>
                  </a:lnTo>
                  <a:lnTo>
                    <a:pt x="277368" y="0"/>
                  </a:lnTo>
                  <a:close/>
                </a:path>
                <a:path w="820420" h="5080">
                  <a:moveTo>
                    <a:pt x="284988" y="0"/>
                  </a:moveTo>
                  <a:lnTo>
                    <a:pt x="281940" y="0"/>
                  </a:lnTo>
                  <a:lnTo>
                    <a:pt x="281940" y="4572"/>
                  </a:lnTo>
                  <a:lnTo>
                    <a:pt x="284988" y="4572"/>
                  </a:lnTo>
                  <a:lnTo>
                    <a:pt x="284988" y="0"/>
                  </a:lnTo>
                  <a:close/>
                </a:path>
                <a:path w="820420" h="5080">
                  <a:moveTo>
                    <a:pt x="291084" y="0"/>
                  </a:moveTo>
                  <a:lnTo>
                    <a:pt x="288036" y="0"/>
                  </a:lnTo>
                  <a:lnTo>
                    <a:pt x="288036" y="4572"/>
                  </a:lnTo>
                  <a:lnTo>
                    <a:pt x="291084" y="4572"/>
                  </a:lnTo>
                  <a:lnTo>
                    <a:pt x="291084" y="0"/>
                  </a:lnTo>
                  <a:close/>
                </a:path>
                <a:path w="820420" h="5080">
                  <a:moveTo>
                    <a:pt x="298704" y="0"/>
                  </a:moveTo>
                  <a:lnTo>
                    <a:pt x="295656" y="0"/>
                  </a:lnTo>
                  <a:lnTo>
                    <a:pt x="295656" y="4572"/>
                  </a:lnTo>
                  <a:lnTo>
                    <a:pt x="298704" y="4572"/>
                  </a:lnTo>
                  <a:lnTo>
                    <a:pt x="298704" y="0"/>
                  </a:lnTo>
                  <a:close/>
                </a:path>
                <a:path w="820420" h="5080">
                  <a:moveTo>
                    <a:pt x="304800" y="0"/>
                  </a:moveTo>
                  <a:lnTo>
                    <a:pt x="301752" y="0"/>
                  </a:lnTo>
                  <a:lnTo>
                    <a:pt x="301752" y="4572"/>
                  </a:lnTo>
                  <a:lnTo>
                    <a:pt x="304800" y="4572"/>
                  </a:lnTo>
                  <a:lnTo>
                    <a:pt x="304800" y="0"/>
                  </a:lnTo>
                  <a:close/>
                </a:path>
                <a:path w="820420" h="5080">
                  <a:moveTo>
                    <a:pt x="312420" y="0"/>
                  </a:moveTo>
                  <a:lnTo>
                    <a:pt x="309372" y="0"/>
                  </a:lnTo>
                  <a:lnTo>
                    <a:pt x="309372" y="4572"/>
                  </a:lnTo>
                  <a:lnTo>
                    <a:pt x="312420" y="4572"/>
                  </a:lnTo>
                  <a:lnTo>
                    <a:pt x="312420" y="0"/>
                  </a:lnTo>
                  <a:close/>
                </a:path>
                <a:path w="820420" h="5080">
                  <a:moveTo>
                    <a:pt x="318516" y="0"/>
                  </a:moveTo>
                  <a:lnTo>
                    <a:pt x="315468" y="0"/>
                  </a:lnTo>
                  <a:lnTo>
                    <a:pt x="315468" y="4572"/>
                  </a:lnTo>
                  <a:lnTo>
                    <a:pt x="318516" y="4572"/>
                  </a:lnTo>
                  <a:lnTo>
                    <a:pt x="318516" y="0"/>
                  </a:lnTo>
                  <a:close/>
                </a:path>
                <a:path w="820420" h="5080">
                  <a:moveTo>
                    <a:pt x="326136" y="0"/>
                  </a:moveTo>
                  <a:lnTo>
                    <a:pt x="323088" y="0"/>
                  </a:lnTo>
                  <a:lnTo>
                    <a:pt x="323088" y="4572"/>
                  </a:lnTo>
                  <a:lnTo>
                    <a:pt x="326136" y="4572"/>
                  </a:lnTo>
                  <a:lnTo>
                    <a:pt x="326136" y="0"/>
                  </a:lnTo>
                  <a:close/>
                </a:path>
                <a:path w="820420" h="5080">
                  <a:moveTo>
                    <a:pt x="332232" y="0"/>
                  </a:moveTo>
                  <a:lnTo>
                    <a:pt x="329184" y="0"/>
                  </a:lnTo>
                  <a:lnTo>
                    <a:pt x="329184" y="4572"/>
                  </a:lnTo>
                  <a:lnTo>
                    <a:pt x="332232" y="4572"/>
                  </a:lnTo>
                  <a:lnTo>
                    <a:pt x="332232" y="0"/>
                  </a:lnTo>
                  <a:close/>
                </a:path>
                <a:path w="820420" h="5080">
                  <a:moveTo>
                    <a:pt x="339852" y="0"/>
                  </a:moveTo>
                  <a:lnTo>
                    <a:pt x="336804" y="0"/>
                  </a:lnTo>
                  <a:lnTo>
                    <a:pt x="336804" y="4572"/>
                  </a:lnTo>
                  <a:lnTo>
                    <a:pt x="339852" y="4572"/>
                  </a:lnTo>
                  <a:lnTo>
                    <a:pt x="339852" y="0"/>
                  </a:lnTo>
                  <a:close/>
                </a:path>
                <a:path w="820420" h="5080">
                  <a:moveTo>
                    <a:pt x="345948" y="0"/>
                  </a:moveTo>
                  <a:lnTo>
                    <a:pt x="342900" y="0"/>
                  </a:lnTo>
                  <a:lnTo>
                    <a:pt x="342900" y="4572"/>
                  </a:lnTo>
                  <a:lnTo>
                    <a:pt x="345948" y="4572"/>
                  </a:lnTo>
                  <a:lnTo>
                    <a:pt x="345948" y="0"/>
                  </a:lnTo>
                  <a:close/>
                </a:path>
                <a:path w="820420" h="5080">
                  <a:moveTo>
                    <a:pt x="353568" y="0"/>
                  </a:moveTo>
                  <a:lnTo>
                    <a:pt x="350520" y="0"/>
                  </a:lnTo>
                  <a:lnTo>
                    <a:pt x="350520" y="4572"/>
                  </a:lnTo>
                  <a:lnTo>
                    <a:pt x="353568" y="4572"/>
                  </a:lnTo>
                  <a:lnTo>
                    <a:pt x="353568" y="0"/>
                  </a:lnTo>
                  <a:close/>
                </a:path>
                <a:path w="820420" h="5080">
                  <a:moveTo>
                    <a:pt x="359664" y="0"/>
                  </a:moveTo>
                  <a:lnTo>
                    <a:pt x="356616" y="0"/>
                  </a:lnTo>
                  <a:lnTo>
                    <a:pt x="356616" y="4572"/>
                  </a:lnTo>
                  <a:lnTo>
                    <a:pt x="359664" y="4572"/>
                  </a:lnTo>
                  <a:lnTo>
                    <a:pt x="359664" y="0"/>
                  </a:lnTo>
                  <a:close/>
                </a:path>
                <a:path w="820420" h="5080">
                  <a:moveTo>
                    <a:pt x="367284" y="0"/>
                  </a:moveTo>
                  <a:lnTo>
                    <a:pt x="364236" y="0"/>
                  </a:lnTo>
                  <a:lnTo>
                    <a:pt x="364236" y="4572"/>
                  </a:lnTo>
                  <a:lnTo>
                    <a:pt x="367284" y="4572"/>
                  </a:lnTo>
                  <a:lnTo>
                    <a:pt x="367284" y="0"/>
                  </a:lnTo>
                  <a:close/>
                </a:path>
                <a:path w="820420" h="5080">
                  <a:moveTo>
                    <a:pt x="373380" y="0"/>
                  </a:moveTo>
                  <a:lnTo>
                    <a:pt x="370332" y="0"/>
                  </a:lnTo>
                  <a:lnTo>
                    <a:pt x="370332" y="4572"/>
                  </a:lnTo>
                  <a:lnTo>
                    <a:pt x="373380" y="4572"/>
                  </a:lnTo>
                  <a:lnTo>
                    <a:pt x="373380" y="0"/>
                  </a:lnTo>
                  <a:close/>
                </a:path>
                <a:path w="820420" h="5080">
                  <a:moveTo>
                    <a:pt x="381000" y="0"/>
                  </a:moveTo>
                  <a:lnTo>
                    <a:pt x="377952" y="0"/>
                  </a:lnTo>
                  <a:lnTo>
                    <a:pt x="377952" y="4572"/>
                  </a:lnTo>
                  <a:lnTo>
                    <a:pt x="381000" y="4572"/>
                  </a:lnTo>
                  <a:lnTo>
                    <a:pt x="381000" y="0"/>
                  </a:lnTo>
                  <a:close/>
                </a:path>
                <a:path w="820420" h="5080">
                  <a:moveTo>
                    <a:pt x="387096" y="0"/>
                  </a:moveTo>
                  <a:lnTo>
                    <a:pt x="384048" y="0"/>
                  </a:lnTo>
                  <a:lnTo>
                    <a:pt x="384048" y="4572"/>
                  </a:lnTo>
                  <a:lnTo>
                    <a:pt x="387096" y="4572"/>
                  </a:lnTo>
                  <a:lnTo>
                    <a:pt x="387096" y="0"/>
                  </a:lnTo>
                  <a:close/>
                </a:path>
                <a:path w="820420" h="5080">
                  <a:moveTo>
                    <a:pt x="394716" y="0"/>
                  </a:moveTo>
                  <a:lnTo>
                    <a:pt x="391668" y="0"/>
                  </a:lnTo>
                  <a:lnTo>
                    <a:pt x="391668" y="4572"/>
                  </a:lnTo>
                  <a:lnTo>
                    <a:pt x="394716" y="4572"/>
                  </a:lnTo>
                  <a:lnTo>
                    <a:pt x="394716" y="0"/>
                  </a:lnTo>
                  <a:close/>
                </a:path>
                <a:path w="820420" h="5080">
                  <a:moveTo>
                    <a:pt x="400812" y="0"/>
                  </a:moveTo>
                  <a:lnTo>
                    <a:pt x="397764" y="0"/>
                  </a:lnTo>
                  <a:lnTo>
                    <a:pt x="397764" y="4572"/>
                  </a:lnTo>
                  <a:lnTo>
                    <a:pt x="400812" y="4572"/>
                  </a:lnTo>
                  <a:lnTo>
                    <a:pt x="400812" y="0"/>
                  </a:lnTo>
                  <a:close/>
                </a:path>
                <a:path w="820420" h="5080">
                  <a:moveTo>
                    <a:pt x="408432" y="0"/>
                  </a:moveTo>
                  <a:lnTo>
                    <a:pt x="405384" y="0"/>
                  </a:lnTo>
                  <a:lnTo>
                    <a:pt x="405384" y="4572"/>
                  </a:lnTo>
                  <a:lnTo>
                    <a:pt x="408432" y="4572"/>
                  </a:lnTo>
                  <a:lnTo>
                    <a:pt x="408432" y="0"/>
                  </a:lnTo>
                  <a:close/>
                </a:path>
                <a:path w="820420" h="5080">
                  <a:moveTo>
                    <a:pt x="414528" y="0"/>
                  </a:moveTo>
                  <a:lnTo>
                    <a:pt x="411480" y="0"/>
                  </a:lnTo>
                  <a:lnTo>
                    <a:pt x="411480" y="4572"/>
                  </a:lnTo>
                  <a:lnTo>
                    <a:pt x="414528" y="4572"/>
                  </a:lnTo>
                  <a:lnTo>
                    <a:pt x="414528" y="0"/>
                  </a:lnTo>
                  <a:close/>
                </a:path>
                <a:path w="820420" h="5080">
                  <a:moveTo>
                    <a:pt x="422148" y="0"/>
                  </a:moveTo>
                  <a:lnTo>
                    <a:pt x="419100" y="0"/>
                  </a:lnTo>
                  <a:lnTo>
                    <a:pt x="419100" y="4572"/>
                  </a:lnTo>
                  <a:lnTo>
                    <a:pt x="422148" y="4572"/>
                  </a:lnTo>
                  <a:lnTo>
                    <a:pt x="422148" y="0"/>
                  </a:lnTo>
                  <a:close/>
                </a:path>
                <a:path w="820420" h="5080">
                  <a:moveTo>
                    <a:pt x="428244" y="0"/>
                  </a:moveTo>
                  <a:lnTo>
                    <a:pt x="425196" y="0"/>
                  </a:lnTo>
                  <a:lnTo>
                    <a:pt x="425196" y="4572"/>
                  </a:lnTo>
                  <a:lnTo>
                    <a:pt x="428244" y="4572"/>
                  </a:lnTo>
                  <a:lnTo>
                    <a:pt x="428244" y="0"/>
                  </a:lnTo>
                  <a:close/>
                </a:path>
                <a:path w="820420" h="5080">
                  <a:moveTo>
                    <a:pt x="435864" y="0"/>
                  </a:moveTo>
                  <a:lnTo>
                    <a:pt x="432816" y="0"/>
                  </a:lnTo>
                  <a:lnTo>
                    <a:pt x="432816" y="4572"/>
                  </a:lnTo>
                  <a:lnTo>
                    <a:pt x="435864" y="4572"/>
                  </a:lnTo>
                  <a:lnTo>
                    <a:pt x="435864" y="0"/>
                  </a:lnTo>
                  <a:close/>
                </a:path>
                <a:path w="820420" h="5080">
                  <a:moveTo>
                    <a:pt x="606552" y="0"/>
                  </a:moveTo>
                  <a:lnTo>
                    <a:pt x="605028" y="0"/>
                  </a:lnTo>
                  <a:lnTo>
                    <a:pt x="605028" y="4572"/>
                  </a:lnTo>
                  <a:lnTo>
                    <a:pt x="606552" y="4572"/>
                  </a:lnTo>
                  <a:lnTo>
                    <a:pt x="606552" y="0"/>
                  </a:lnTo>
                  <a:close/>
                </a:path>
                <a:path w="820420" h="5080">
                  <a:moveTo>
                    <a:pt x="614172" y="0"/>
                  </a:moveTo>
                  <a:lnTo>
                    <a:pt x="609600" y="0"/>
                  </a:lnTo>
                  <a:lnTo>
                    <a:pt x="609600" y="4572"/>
                  </a:lnTo>
                  <a:lnTo>
                    <a:pt x="614172" y="4572"/>
                  </a:lnTo>
                  <a:lnTo>
                    <a:pt x="614172" y="0"/>
                  </a:lnTo>
                  <a:close/>
                </a:path>
                <a:path w="820420" h="5080">
                  <a:moveTo>
                    <a:pt x="620268" y="0"/>
                  </a:moveTo>
                  <a:lnTo>
                    <a:pt x="617220" y="0"/>
                  </a:lnTo>
                  <a:lnTo>
                    <a:pt x="617220" y="4572"/>
                  </a:lnTo>
                  <a:lnTo>
                    <a:pt x="620268" y="4572"/>
                  </a:lnTo>
                  <a:lnTo>
                    <a:pt x="620268" y="0"/>
                  </a:lnTo>
                  <a:close/>
                </a:path>
                <a:path w="820420" h="5080">
                  <a:moveTo>
                    <a:pt x="627888" y="0"/>
                  </a:moveTo>
                  <a:lnTo>
                    <a:pt x="623316" y="0"/>
                  </a:lnTo>
                  <a:lnTo>
                    <a:pt x="623316" y="4572"/>
                  </a:lnTo>
                  <a:lnTo>
                    <a:pt x="627888" y="4572"/>
                  </a:lnTo>
                  <a:lnTo>
                    <a:pt x="627888" y="0"/>
                  </a:lnTo>
                  <a:close/>
                </a:path>
                <a:path w="820420" h="5080">
                  <a:moveTo>
                    <a:pt x="633984" y="0"/>
                  </a:moveTo>
                  <a:lnTo>
                    <a:pt x="630936" y="0"/>
                  </a:lnTo>
                  <a:lnTo>
                    <a:pt x="630936" y="4572"/>
                  </a:lnTo>
                  <a:lnTo>
                    <a:pt x="633984" y="4572"/>
                  </a:lnTo>
                  <a:lnTo>
                    <a:pt x="633984" y="0"/>
                  </a:lnTo>
                  <a:close/>
                </a:path>
                <a:path w="820420" h="5080">
                  <a:moveTo>
                    <a:pt x="641604" y="0"/>
                  </a:moveTo>
                  <a:lnTo>
                    <a:pt x="637032" y="0"/>
                  </a:lnTo>
                  <a:lnTo>
                    <a:pt x="637032" y="4572"/>
                  </a:lnTo>
                  <a:lnTo>
                    <a:pt x="641604" y="4572"/>
                  </a:lnTo>
                  <a:lnTo>
                    <a:pt x="641604" y="0"/>
                  </a:lnTo>
                  <a:close/>
                </a:path>
                <a:path w="820420" h="5080">
                  <a:moveTo>
                    <a:pt x="647700" y="0"/>
                  </a:moveTo>
                  <a:lnTo>
                    <a:pt x="644652" y="0"/>
                  </a:lnTo>
                  <a:lnTo>
                    <a:pt x="644652" y="4572"/>
                  </a:lnTo>
                  <a:lnTo>
                    <a:pt x="647700" y="4572"/>
                  </a:lnTo>
                  <a:lnTo>
                    <a:pt x="647700" y="0"/>
                  </a:lnTo>
                  <a:close/>
                </a:path>
                <a:path w="820420" h="5080">
                  <a:moveTo>
                    <a:pt x="655320" y="0"/>
                  </a:moveTo>
                  <a:lnTo>
                    <a:pt x="650748" y="0"/>
                  </a:lnTo>
                  <a:lnTo>
                    <a:pt x="650748" y="4572"/>
                  </a:lnTo>
                  <a:lnTo>
                    <a:pt x="655320" y="4572"/>
                  </a:lnTo>
                  <a:lnTo>
                    <a:pt x="655320" y="0"/>
                  </a:lnTo>
                  <a:close/>
                </a:path>
                <a:path w="820420" h="5080">
                  <a:moveTo>
                    <a:pt x="661416" y="0"/>
                  </a:moveTo>
                  <a:lnTo>
                    <a:pt x="658368" y="0"/>
                  </a:lnTo>
                  <a:lnTo>
                    <a:pt x="658368" y="4572"/>
                  </a:lnTo>
                  <a:lnTo>
                    <a:pt x="661416" y="4572"/>
                  </a:lnTo>
                  <a:lnTo>
                    <a:pt x="661416" y="0"/>
                  </a:lnTo>
                  <a:close/>
                </a:path>
                <a:path w="820420" h="5080">
                  <a:moveTo>
                    <a:pt x="669036" y="0"/>
                  </a:moveTo>
                  <a:lnTo>
                    <a:pt x="664464" y="0"/>
                  </a:lnTo>
                  <a:lnTo>
                    <a:pt x="664464" y="4572"/>
                  </a:lnTo>
                  <a:lnTo>
                    <a:pt x="669036" y="4572"/>
                  </a:lnTo>
                  <a:lnTo>
                    <a:pt x="669036" y="0"/>
                  </a:lnTo>
                  <a:close/>
                </a:path>
                <a:path w="820420" h="5080">
                  <a:moveTo>
                    <a:pt x="675132" y="0"/>
                  </a:moveTo>
                  <a:lnTo>
                    <a:pt x="672084" y="0"/>
                  </a:lnTo>
                  <a:lnTo>
                    <a:pt x="672084" y="4572"/>
                  </a:lnTo>
                  <a:lnTo>
                    <a:pt x="675132" y="4572"/>
                  </a:lnTo>
                  <a:lnTo>
                    <a:pt x="675132" y="0"/>
                  </a:lnTo>
                  <a:close/>
                </a:path>
                <a:path w="820420" h="5080">
                  <a:moveTo>
                    <a:pt x="682752" y="0"/>
                  </a:moveTo>
                  <a:lnTo>
                    <a:pt x="678180" y="0"/>
                  </a:lnTo>
                  <a:lnTo>
                    <a:pt x="678180" y="4572"/>
                  </a:lnTo>
                  <a:lnTo>
                    <a:pt x="682752" y="4572"/>
                  </a:lnTo>
                  <a:lnTo>
                    <a:pt x="682752" y="0"/>
                  </a:lnTo>
                  <a:close/>
                </a:path>
                <a:path w="820420" h="5080">
                  <a:moveTo>
                    <a:pt x="688848" y="0"/>
                  </a:moveTo>
                  <a:lnTo>
                    <a:pt x="685800" y="0"/>
                  </a:lnTo>
                  <a:lnTo>
                    <a:pt x="685800" y="4572"/>
                  </a:lnTo>
                  <a:lnTo>
                    <a:pt x="688848" y="4572"/>
                  </a:lnTo>
                  <a:lnTo>
                    <a:pt x="688848" y="0"/>
                  </a:lnTo>
                  <a:close/>
                </a:path>
                <a:path w="820420" h="5080">
                  <a:moveTo>
                    <a:pt x="696468" y="0"/>
                  </a:moveTo>
                  <a:lnTo>
                    <a:pt x="691896" y="0"/>
                  </a:lnTo>
                  <a:lnTo>
                    <a:pt x="691896" y="4572"/>
                  </a:lnTo>
                  <a:lnTo>
                    <a:pt x="696468" y="4572"/>
                  </a:lnTo>
                  <a:lnTo>
                    <a:pt x="696468" y="0"/>
                  </a:lnTo>
                  <a:close/>
                </a:path>
                <a:path w="820420" h="5080">
                  <a:moveTo>
                    <a:pt x="702564" y="0"/>
                  </a:moveTo>
                  <a:lnTo>
                    <a:pt x="699516" y="0"/>
                  </a:lnTo>
                  <a:lnTo>
                    <a:pt x="699516" y="4572"/>
                  </a:lnTo>
                  <a:lnTo>
                    <a:pt x="702564" y="4572"/>
                  </a:lnTo>
                  <a:lnTo>
                    <a:pt x="702564" y="0"/>
                  </a:lnTo>
                  <a:close/>
                </a:path>
                <a:path w="820420" h="5080">
                  <a:moveTo>
                    <a:pt x="710184" y="0"/>
                  </a:moveTo>
                  <a:lnTo>
                    <a:pt x="705612" y="0"/>
                  </a:lnTo>
                  <a:lnTo>
                    <a:pt x="705612" y="4572"/>
                  </a:lnTo>
                  <a:lnTo>
                    <a:pt x="710184" y="4572"/>
                  </a:lnTo>
                  <a:lnTo>
                    <a:pt x="710184" y="0"/>
                  </a:lnTo>
                  <a:close/>
                </a:path>
                <a:path w="820420" h="5080">
                  <a:moveTo>
                    <a:pt x="716280" y="0"/>
                  </a:moveTo>
                  <a:lnTo>
                    <a:pt x="713232" y="0"/>
                  </a:lnTo>
                  <a:lnTo>
                    <a:pt x="713232" y="4572"/>
                  </a:lnTo>
                  <a:lnTo>
                    <a:pt x="716280" y="4572"/>
                  </a:lnTo>
                  <a:lnTo>
                    <a:pt x="716280" y="0"/>
                  </a:lnTo>
                  <a:close/>
                </a:path>
                <a:path w="820420" h="5080">
                  <a:moveTo>
                    <a:pt x="723900" y="0"/>
                  </a:moveTo>
                  <a:lnTo>
                    <a:pt x="719328" y="0"/>
                  </a:lnTo>
                  <a:lnTo>
                    <a:pt x="719328" y="4572"/>
                  </a:lnTo>
                  <a:lnTo>
                    <a:pt x="723900" y="4572"/>
                  </a:lnTo>
                  <a:lnTo>
                    <a:pt x="723900" y="0"/>
                  </a:lnTo>
                  <a:close/>
                </a:path>
                <a:path w="820420" h="5080">
                  <a:moveTo>
                    <a:pt x="729996" y="0"/>
                  </a:moveTo>
                  <a:lnTo>
                    <a:pt x="726948" y="0"/>
                  </a:lnTo>
                  <a:lnTo>
                    <a:pt x="726948" y="4572"/>
                  </a:lnTo>
                  <a:lnTo>
                    <a:pt x="729996" y="4572"/>
                  </a:lnTo>
                  <a:lnTo>
                    <a:pt x="729996" y="0"/>
                  </a:lnTo>
                  <a:close/>
                </a:path>
                <a:path w="820420" h="5080">
                  <a:moveTo>
                    <a:pt x="737616" y="0"/>
                  </a:moveTo>
                  <a:lnTo>
                    <a:pt x="733044" y="0"/>
                  </a:lnTo>
                  <a:lnTo>
                    <a:pt x="733044" y="4572"/>
                  </a:lnTo>
                  <a:lnTo>
                    <a:pt x="737616" y="4572"/>
                  </a:lnTo>
                  <a:lnTo>
                    <a:pt x="737616" y="0"/>
                  </a:lnTo>
                  <a:close/>
                </a:path>
                <a:path w="820420" h="5080">
                  <a:moveTo>
                    <a:pt x="743712" y="0"/>
                  </a:moveTo>
                  <a:lnTo>
                    <a:pt x="740664" y="0"/>
                  </a:lnTo>
                  <a:lnTo>
                    <a:pt x="740664" y="4572"/>
                  </a:lnTo>
                  <a:lnTo>
                    <a:pt x="743712" y="4572"/>
                  </a:lnTo>
                  <a:lnTo>
                    <a:pt x="743712" y="0"/>
                  </a:lnTo>
                  <a:close/>
                </a:path>
                <a:path w="820420" h="5080">
                  <a:moveTo>
                    <a:pt x="751332" y="0"/>
                  </a:moveTo>
                  <a:lnTo>
                    <a:pt x="746760" y="0"/>
                  </a:lnTo>
                  <a:lnTo>
                    <a:pt x="746760" y="4572"/>
                  </a:lnTo>
                  <a:lnTo>
                    <a:pt x="751332" y="4572"/>
                  </a:lnTo>
                  <a:lnTo>
                    <a:pt x="751332" y="0"/>
                  </a:lnTo>
                  <a:close/>
                </a:path>
                <a:path w="820420" h="5080">
                  <a:moveTo>
                    <a:pt x="757428" y="0"/>
                  </a:moveTo>
                  <a:lnTo>
                    <a:pt x="754380" y="0"/>
                  </a:lnTo>
                  <a:lnTo>
                    <a:pt x="754380" y="4572"/>
                  </a:lnTo>
                  <a:lnTo>
                    <a:pt x="757428" y="4572"/>
                  </a:lnTo>
                  <a:lnTo>
                    <a:pt x="757428" y="0"/>
                  </a:lnTo>
                  <a:close/>
                </a:path>
                <a:path w="820420" h="5080">
                  <a:moveTo>
                    <a:pt x="765048" y="0"/>
                  </a:moveTo>
                  <a:lnTo>
                    <a:pt x="760476" y="0"/>
                  </a:lnTo>
                  <a:lnTo>
                    <a:pt x="760476" y="4572"/>
                  </a:lnTo>
                  <a:lnTo>
                    <a:pt x="765048" y="4572"/>
                  </a:lnTo>
                  <a:lnTo>
                    <a:pt x="765048" y="0"/>
                  </a:lnTo>
                  <a:close/>
                </a:path>
                <a:path w="820420" h="5080">
                  <a:moveTo>
                    <a:pt x="771144" y="0"/>
                  </a:moveTo>
                  <a:lnTo>
                    <a:pt x="768096" y="0"/>
                  </a:lnTo>
                  <a:lnTo>
                    <a:pt x="768096" y="4572"/>
                  </a:lnTo>
                  <a:lnTo>
                    <a:pt x="771144" y="4572"/>
                  </a:lnTo>
                  <a:lnTo>
                    <a:pt x="771144" y="0"/>
                  </a:lnTo>
                  <a:close/>
                </a:path>
                <a:path w="820420" h="5080">
                  <a:moveTo>
                    <a:pt x="778764" y="0"/>
                  </a:moveTo>
                  <a:lnTo>
                    <a:pt x="774192" y="0"/>
                  </a:lnTo>
                  <a:lnTo>
                    <a:pt x="774192" y="4572"/>
                  </a:lnTo>
                  <a:lnTo>
                    <a:pt x="778764" y="4572"/>
                  </a:lnTo>
                  <a:lnTo>
                    <a:pt x="778764" y="0"/>
                  </a:lnTo>
                  <a:close/>
                </a:path>
                <a:path w="820420" h="5080">
                  <a:moveTo>
                    <a:pt x="784860" y="0"/>
                  </a:moveTo>
                  <a:lnTo>
                    <a:pt x="781812" y="0"/>
                  </a:lnTo>
                  <a:lnTo>
                    <a:pt x="781812" y="4572"/>
                  </a:lnTo>
                  <a:lnTo>
                    <a:pt x="784860" y="4572"/>
                  </a:lnTo>
                  <a:lnTo>
                    <a:pt x="784860" y="0"/>
                  </a:lnTo>
                  <a:close/>
                </a:path>
                <a:path w="820420" h="5080">
                  <a:moveTo>
                    <a:pt x="792480" y="0"/>
                  </a:moveTo>
                  <a:lnTo>
                    <a:pt x="787908" y="0"/>
                  </a:lnTo>
                  <a:lnTo>
                    <a:pt x="787908" y="4572"/>
                  </a:lnTo>
                  <a:lnTo>
                    <a:pt x="792480" y="4572"/>
                  </a:lnTo>
                  <a:lnTo>
                    <a:pt x="792480" y="0"/>
                  </a:lnTo>
                  <a:close/>
                </a:path>
                <a:path w="820420" h="5080">
                  <a:moveTo>
                    <a:pt x="798576" y="0"/>
                  </a:moveTo>
                  <a:lnTo>
                    <a:pt x="795528" y="0"/>
                  </a:lnTo>
                  <a:lnTo>
                    <a:pt x="795528" y="4572"/>
                  </a:lnTo>
                  <a:lnTo>
                    <a:pt x="798576" y="4572"/>
                  </a:lnTo>
                  <a:lnTo>
                    <a:pt x="798576" y="0"/>
                  </a:lnTo>
                  <a:close/>
                </a:path>
                <a:path w="820420" h="5080">
                  <a:moveTo>
                    <a:pt x="806196" y="0"/>
                  </a:moveTo>
                  <a:lnTo>
                    <a:pt x="801624" y="0"/>
                  </a:lnTo>
                  <a:lnTo>
                    <a:pt x="801624" y="4572"/>
                  </a:lnTo>
                  <a:lnTo>
                    <a:pt x="806196" y="4572"/>
                  </a:lnTo>
                  <a:lnTo>
                    <a:pt x="806196" y="0"/>
                  </a:lnTo>
                  <a:close/>
                </a:path>
                <a:path w="820420" h="5080">
                  <a:moveTo>
                    <a:pt x="812292" y="0"/>
                  </a:moveTo>
                  <a:lnTo>
                    <a:pt x="809244" y="0"/>
                  </a:lnTo>
                  <a:lnTo>
                    <a:pt x="809244" y="4572"/>
                  </a:lnTo>
                  <a:lnTo>
                    <a:pt x="812292" y="4572"/>
                  </a:lnTo>
                  <a:lnTo>
                    <a:pt x="812292" y="0"/>
                  </a:lnTo>
                  <a:close/>
                </a:path>
                <a:path w="820420" h="5080">
                  <a:moveTo>
                    <a:pt x="819912" y="0"/>
                  </a:moveTo>
                  <a:lnTo>
                    <a:pt x="815340" y="0"/>
                  </a:lnTo>
                  <a:lnTo>
                    <a:pt x="815340" y="4572"/>
                  </a:lnTo>
                  <a:lnTo>
                    <a:pt x="819912" y="4572"/>
                  </a:lnTo>
                  <a:lnTo>
                    <a:pt x="819912" y="0"/>
                  </a:lnTo>
                  <a:close/>
                </a:path>
              </a:pathLst>
            </a:custGeom>
            <a:solidFill>
              <a:srgbClr val="D8D8D8"/>
            </a:solidFill>
          </p:spPr>
          <p:txBody>
            <a:bodyPr wrap="square" lIns="0" tIns="0" rIns="0" bIns="0" rtlCol="0"/>
            <a:lstStyle/>
            <a:p>
              <a:endParaRPr sz="1539"/>
            </a:p>
          </p:txBody>
        </p:sp>
        <p:sp>
          <p:nvSpPr>
            <p:cNvPr id="130" name="object 130"/>
            <p:cNvSpPr/>
            <p:nvPr/>
          </p:nvSpPr>
          <p:spPr>
            <a:xfrm>
              <a:off x="7540752" y="2284475"/>
              <a:ext cx="647700" cy="5080"/>
            </a:xfrm>
            <a:custGeom>
              <a:avLst/>
              <a:gdLst/>
              <a:ahLst/>
              <a:cxnLst/>
              <a:rect l="l" t="t" r="r" b="b"/>
              <a:pathLst>
                <a:path w="647700" h="5080">
                  <a:moveTo>
                    <a:pt x="4572" y="0"/>
                  </a:moveTo>
                  <a:lnTo>
                    <a:pt x="0" y="0"/>
                  </a:lnTo>
                  <a:lnTo>
                    <a:pt x="0" y="4572"/>
                  </a:lnTo>
                  <a:lnTo>
                    <a:pt x="4572" y="4572"/>
                  </a:lnTo>
                  <a:lnTo>
                    <a:pt x="4572" y="0"/>
                  </a:lnTo>
                  <a:close/>
                </a:path>
                <a:path w="647700" h="5080">
                  <a:moveTo>
                    <a:pt x="10668" y="0"/>
                  </a:moveTo>
                  <a:lnTo>
                    <a:pt x="7620" y="0"/>
                  </a:lnTo>
                  <a:lnTo>
                    <a:pt x="7620" y="4572"/>
                  </a:lnTo>
                  <a:lnTo>
                    <a:pt x="10668" y="4572"/>
                  </a:lnTo>
                  <a:lnTo>
                    <a:pt x="10668" y="0"/>
                  </a:lnTo>
                  <a:close/>
                </a:path>
                <a:path w="647700" h="5080">
                  <a:moveTo>
                    <a:pt x="18288" y="0"/>
                  </a:moveTo>
                  <a:lnTo>
                    <a:pt x="13716" y="0"/>
                  </a:lnTo>
                  <a:lnTo>
                    <a:pt x="13716" y="4572"/>
                  </a:lnTo>
                  <a:lnTo>
                    <a:pt x="18288" y="4572"/>
                  </a:lnTo>
                  <a:lnTo>
                    <a:pt x="18288" y="0"/>
                  </a:lnTo>
                  <a:close/>
                </a:path>
                <a:path w="647700" h="5080">
                  <a:moveTo>
                    <a:pt x="24384" y="0"/>
                  </a:moveTo>
                  <a:lnTo>
                    <a:pt x="21336" y="0"/>
                  </a:lnTo>
                  <a:lnTo>
                    <a:pt x="21336" y="4572"/>
                  </a:lnTo>
                  <a:lnTo>
                    <a:pt x="24384" y="4572"/>
                  </a:lnTo>
                  <a:lnTo>
                    <a:pt x="24384" y="0"/>
                  </a:lnTo>
                  <a:close/>
                </a:path>
                <a:path w="647700" h="5080">
                  <a:moveTo>
                    <a:pt x="32004" y="0"/>
                  </a:moveTo>
                  <a:lnTo>
                    <a:pt x="27432" y="0"/>
                  </a:lnTo>
                  <a:lnTo>
                    <a:pt x="27432" y="4572"/>
                  </a:lnTo>
                  <a:lnTo>
                    <a:pt x="32004" y="4572"/>
                  </a:lnTo>
                  <a:lnTo>
                    <a:pt x="32004" y="0"/>
                  </a:lnTo>
                  <a:close/>
                </a:path>
                <a:path w="647700" h="5080">
                  <a:moveTo>
                    <a:pt x="38100" y="0"/>
                  </a:moveTo>
                  <a:lnTo>
                    <a:pt x="35052" y="0"/>
                  </a:lnTo>
                  <a:lnTo>
                    <a:pt x="35052" y="4572"/>
                  </a:lnTo>
                  <a:lnTo>
                    <a:pt x="38100" y="4572"/>
                  </a:lnTo>
                  <a:lnTo>
                    <a:pt x="38100" y="0"/>
                  </a:lnTo>
                  <a:close/>
                </a:path>
                <a:path w="647700" h="5080">
                  <a:moveTo>
                    <a:pt x="45720" y="0"/>
                  </a:moveTo>
                  <a:lnTo>
                    <a:pt x="41148" y="0"/>
                  </a:lnTo>
                  <a:lnTo>
                    <a:pt x="41148" y="4572"/>
                  </a:lnTo>
                  <a:lnTo>
                    <a:pt x="45720" y="4572"/>
                  </a:lnTo>
                  <a:lnTo>
                    <a:pt x="45720" y="0"/>
                  </a:lnTo>
                  <a:close/>
                </a:path>
                <a:path w="647700" h="5080">
                  <a:moveTo>
                    <a:pt x="216408" y="0"/>
                  </a:moveTo>
                  <a:lnTo>
                    <a:pt x="214884" y="0"/>
                  </a:lnTo>
                  <a:lnTo>
                    <a:pt x="214884" y="4572"/>
                  </a:lnTo>
                  <a:lnTo>
                    <a:pt x="216408" y="4572"/>
                  </a:lnTo>
                  <a:lnTo>
                    <a:pt x="216408" y="0"/>
                  </a:lnTo>
                  <a:close/>
                </a:path>
                <a:path w="647700" h="5080">
                  <a:moveTo>
                    <a:pt x="224028" y="0"/>
                  </a:moveTo>
                  <a:lnTo>
                    <a:pt x="219456" y="0"/>
                  </a:lnTo>
                  <a:lnTo>
                    <a:pt x="219456" y="4572"/>
                  </a:lnTo>
                  <a:lnTo>
                    <a:pt x="224028" y="4572"/>
                  </a:lnTo>
                  <a:lnTo>
                    <a:pt x="224028" y="0"/>
                  </a:lnTo>
                  <a:close/>
                </a:path>
                <a:path w="647700" h="5080">
                  <a:moveTo>
                    <a:pt x="230124" y="0"/>
                  </a:moveTo>
                  <a:lnTo>
                    <a:pt x="227076" y="0"/>
                  </a:lnTo>
                  <a:lnTo>
                    <a:pt x="227076" y="4572"/>
                  </a:lnTo>
                  <a:lnTo>
                    <a:pt x="230124" y="4572"/>
                  </a:lnTo>
                  <a:lnTo>
                    <a:pt x="230124" y="0"/>
                  </a:lnTo>
                  <a:close/>
                </a:path>
                <a:path w="647700" h="5080">
                  <a:moveTo>
                    <a:pt x="237744" y="0"/>
                  </a:moveTo>
                  <a:lnTo>
                    <a:pt x="233172" y="0"/>
                  </a:lnTo>
                  <a:lnTo>
                    <a:pt x="233172" y="4572"/>
                  </a:lnTo>
                  <a:lnTo>
                    <a:pt x="237744" y="4572"/>
                  </a:lnTo>
                  <a:lnTo>
                    <a:pt x="237744" y="0"/>
                  </a:lnTo>
                  <a:close/>
                </a:path>
                <a:path w="647700" h="5080">
                  <a:moveTo>
                    <a:pt x="243840" y="0"/>
                  </a:moveTo>
                  <a:lnTo>
                    <a:pt x="240792" y="0"/>
                  </a:lnTo>
                  <a:lnTo>
                    <a:pt x="240792" y="4572"/>
                  </a:lnTo>
                  <a:lnTo>
                    <a:pt x="243840" y="4572"/>
                  </a:lnTo>
                  <a:lnTo>
                    <a:pt x="243840" y="0"/>
                  </a:lnTo>
                  <a:close/>
                </a:path>
                <a:path w="647700" h="5080">
                  <a:moveTo>
                    <a:pt x="251460" y="0"/>
                  </a:moveTo>
                  <a:lnTo>
                    <a:pt x="246888" y="0"/>
                  </a:lnTo>
                  <a:lnTo>
                    <a:pt x="246888" y="4572"/>
                  </a:lnTo>
                  <a:lnTo>
                    <a:pt x="251460" y="4572"/>
                  </a:lnTo>
                  <a:lnTo>
                    <a:pt x="251460" y="0"/>
                  </a:lnTo>
                  <a:close/>
                </a:path>
                <a:path w="647700" h="5080">
                  <a:moveTo>
                    <a:pt x="257556" y="0"/>
                  </a:moveTo>
                  <a:lnTo>
                    <a:pt x="254508" y="0"/>
                  </a:lnTo>
                  <a:lnTo>
                    <a:pt x="254508" y="4572"/>
                  </a:lnTo>
                  <a:lnTo>
                    <a:pt x="257556" y="4572"/>
                  </a:lnTo>
                  <a:lnTo>
                    <a:pt x="257556" y="0"/>
                  </a:lnTo>
                  <a:close/>
                </a:path>
                <a:path w="647700" h="5080">
                  <a:moveTo>
                    <a:pt x="263652" y="0"/>
                  </a:moveTo>
                  <a:lnTo>
                    <a:pt x="260604" y="0"/>
                  </a:lnTo>
                  <a:lnTo>
                    <a:pt x="260604" y="4572"/>
                  </a:lnTo>
                  <a:lnTo>
                    <a:pt x="263652" y="4572"/>
                  </a:lnTo>
                  <a:lnTo>
                    <a:pt x="263652" y="0"/>
                  </a:lnTo>
                  <a:close/>
                </a:path>
                <a:path w="647700" h="5080">
                  <a:moveTo>
                    <a:pt x="271272" y="0"/>
                  </a:moveTo>
                  <a:lnTo>
                    <a:pt x="268224" y="0"/>
                  </a:lnTo>
                  <a:lnTo>
                    <a:pt x="268224" y="4572"/>
                  </a:lnTo>
                  <a:lnTo>
                    <a:pt x="271272" y="4572"/>
                  </a:lnTo>
                  <a:lnTo>
                    <a:pt x="271272" y="0"/>
                  </a:lnTo>
                  <a:close/>
                </a:path>
                <a:path w="647700" h="5080">
                  <a:moveTo>
                    <a:pt x="277368" y="0"/>
                  </a:moveTo>
                  <a:lnTo>
                    <a:pt x="274320" y="0"/>
                  </a:lnTo>
                  <a:lnTo>
                    <a:pt x="274320" y="4572"/>
                  </a:lnTo>
                  <a:lnTo>
                    <a:pt x="277368" y="4572"/>
                  </a:lnTo>
                  <a:lnTo>
                    <a:pt x="277368" y="0"/>
                  </a:lnTo>
                  <a:close/>
                </a:path>
                <a:path w="647700" h="5080">
                  <a:moveTo>
                    <a:pt x="284988" y="0"/>
                  </a:moveTo>
                  <a:lnTo>
                    <a:pt x="281940" y="0"/>
                  </a:lnTo>
                  <a:lnTo>
                    <a:pt x="281940" y="4572"/>
                  </a:lnTo>
                  <a:lnTo>
                    <a:pt x="284988" y="4572"/>
                  </a:lnTo>
                  <a:lnTo>
                    <a:pt x="284988" y="0"/>
                  </a:lnTo>
                  <a:close/>
                </a:path>
                <a:path w="647700" h="5080">
                  <a:moveTo>
                    <a:pt x="291084" y="0"/>
                  </a:moveTo>
                  <a:lnTo>
                    <a:pt x="288036" y="0"/>
                  </a:lnTo>
                  <a:lnTo>
                    <a:pt x="288036" y="4572"/>
                  </a:lnTo>
                  <a:lnTo>
                    <a:pt x="291084" y="4572"/>
                  </a:lnTo>
                  <a:lnTo>
                    <a:pt x="291084" y="0"/>
                  </a:lnTo>
                  <a:close/>
                </a:path>
                <a:path w="647700" h="5080">
                  <a:moveTo>
                    <a:pt x="298704" y="0"/>
                  </a:moveTo>
                  <a:lnTo>
                    <a:pt x="295656" y="0"/>
                  </a:lnTo>
                  <a:lnTo>
                    <a:pt x="295656" y="4572"/>
                  </a:lnTo>
                  <a:lnTo>
                    <a:pt x="298704" y="4572"/>
                  </a:lnTo>
                  <a:lnTo>
                    <a:pt x="298704" y="0"/>
                  </a:lnTo>
                  <a:close/>
                </a:path>
                <a:path w="647700" h="5080">
                  <a:moveTo>
                    <a:pt x="304800" y="0"/>
                  </a:moveTo>
                  <a:lnTo>
                    <a:pt x="301752" y="0"/>
                  </a:lnTo>
                  <a:lnTo>
                    <a:pt x="301752" y="4572"/>
                  </a:lnTo>
                  <a:lnTo>
                    <a:pt x="304800" y="4572"/>
                  </a:lnTo>
                  <a:lnTo>
                    <a:pt x="304800" y="0"/>
                  </a:lnTo>
                  <a:close/>
                </a:path>
                <a:path w="647700" h="5080">
                  <a:moveTo>
                    <a:pt x="312420" y="0"/>
                  </a:moveTo>
                  <a:lnTo>
                    <a:pt x="309372" y="0"/>
                  </a:lnTo>
                  <a:lnTo>
                    <a:pt x="309372" y="4572"/>
                  </a:lnTo>
                  <a:lnTo>
                    <a:pt x="312420" y="4572"/>
                  </a:lnTo>
                  <a:lnTo>
                    <a:pt x="312420" y="0"/>
                  </a:lnTo>
                  <a:close/>
                </a:path>
                <a:path w="647700" h="5080">
                  <a:moveTo>
                    <a:pt x="318516" y="0"/>
                  </a:moveTo>
                  <a:lnTo>
                    <a:pt x="315468" y="0"/>
                  </a:lnTo>
                  <a:lnTo>
                    <a:pt x="315468" y="4572"/>
                  </a:lnTo>
                  <a:lnTo>
                    <a:pt x="318516" y="4572"/>
                  </a:lnTo>
                  <a:lnTo>
                    <a:pt x="318516" y="0"/>
                  </a:lnTo>
                  <a:close/>
                </a:path>
                <a:path w="647700" h="5080">
                  <a:moveTo>
                    <a:pt x="326136" y="0"/>
                  </a:moveTo>
                  <a:lnTo>
                    <a:pt x="323088" y="0"/>
                  </a:lnTo>
                  <a:lnTo>
                    <a:pt x="323088" y="4572"/>
                  </a:lnTo>
                  <a:lnTo>
                    <a:pt x="326136" y="4572"/>
                  </a:lnTo>
                  <a:lnTo>
                    <a:pt x="326136" y="0"/>
                  </a:lnTo>
                  <a:close/>
                </a:path>
                <a:path w="647700" h="5080">
                  <a:moveTo>
                    <a:pt x="332232" y="0"/>
                  </a:moveTo>
                  <a:lnTo>
                    <a:pt x="329184" y="0"/>
                  </a:lnTo>
                  <a:lnTo>
                    <a:pt x="329184" y="4572"/>
                  </a:lnTo>
                  <a:lnTo>
                    <a:pt x="332232" y="4572"/>
                  </a:lnTo>
                  <a:lnTo>
                    <a:pt x="332232" y="0"/>
                  </a:lnTo>
                  <a:close/>
                </a:path>
                <a:path w="647700" h="5080">
                  <a:moveTo>
                    <a:pt x="339852" y="0"/>
                  </a:moveTo>
                  <a:lnTo>
                    <a:pt x="336804" y="0"/>
                  </a:lnTo>
                  <a:lnTo>
                    <a:pt x="336804" y="4572"/>
                  </a:lnTo>
                  <a:lnTo>
                    <a:pt x="339852" y="4572"/>
                  </a:lnTo>
                  <a:lnTo>
                    <a:pt x="339852" y="0"/>
                  </a:lnTo>
                  <a:close/>
                </a:path>
                <a:path w="647700" h="5080">
                  <a:moveTo>
                    <a:pt x="345948" y="0"/>
                  </a:moveTo>
                  <a:lnTo>
                    <a:pt x="342900" y="0"/>
                  </a:lnTo>
                  <a:lnTo>
                    <a:pt x="342900" y="4572"/>
                  </a:lnTo>
                  <a:lnTo>
                    <a:pt x="345948" y="4572"/>
                  </a:lnTo>
                  <a:lnTo>
                    <a:pt x="345948" y="0"/>
                  </a:lnTo>
                  <a:close/>
                </a:path>
                <a:path w="647700" h="5080">
                  <a:moveTo>
                    <a:pt x="353568" y="0"/>
                  </a:moveTo>
                  <a:lnTo>
                    <a:pt x="350520" y="0"/>
                  </a:lnTo>
                  <a:lnTo>
                    <a:pt x="350520" y="4572"/>
                  </a:lnTo>
                  <a:lnTo>
                    <a:pt x="353568" y="4572"/>
                  </a:lnTo>
                  <a:lnTo>
                    <a:pt x="353568" y="0"/>
                  </a:lnTo>
                  <a:close/>
                </a:path>
                <a:path w="647700" h="5080">
                  <a:moveTo>
                    <a:pt x="359664" y="0"/>
                  </a:moveTo>
                  <a:lnTo>
                    <a:pt x="356616" y="0"/>
                  </a:lnTo>
                  <a:lnTo>
                    <a:pt x="356616" y="4572"/>
                  </a:lnTo>
                  <a:lnTo>
                    <a:pt x="359664" y="4572"/>
                  </a:lnTo>
                  <a:lnTo>
                    <a:pt x="359664" y="0"/>
                  </a:lnTo>
                  <a:close/>
                </a:path>
                <a:path w="647700" h="5080">
                  <a:moveTo>
                    <a:pt x="367284" y="0"/>
                  </a:moveTo>
                  <a:lnTo>
                    <a:pt x="364236" y="0"/>
                  </a:lnTo>
                  <a:lnTo>
                    <a:pt x="364236" y="4572"/>
                  </a:lnTo>
                  <a:lnTo>
                    <a:pt x="367284" y="4572"/>
                  </a:lnTo>
                  <a:lnTo>
                    <a:pt x="367284" y="0"/>
                  </a:lnTo>
                  <a:close/>
                </a:path>
                <a:path w="647700" h="5080">
                  <a:moveTo>
                    <a:pt x="373380" y="0"/>
                  </a:moveTo>
                  <a:lnTo>
                    <a:pt x="370332" y="0"/>
                  </a:lnTo>
                  <a:lnTo>
                    <a:pt x="370332" y="4572"/>
                  </a:lnTo>
                  <a:lnTo>
                    <a:pt x="373380" y="4572"/>
                  </a:lnTo>
                  <a:lnTo>
                    <a:pt x="373380" y="0"/>
                  </a:lnTo>
                  <a:close/>
                </a:path>
                <a:path w="647700" h="5080">
                  <a:moveTo>
                    <a:pt x="381000" y="0"/>
                  </a:moveTo>
                  <a:lnTo>
                    <a:pt x="377952" y="0"/>
                  </a:lnTo>
                  <a:lnTo>
                    <a:pt x="377952" y="4572"/>
                  </a:lnTo>
                  <a:lnTo>
                    <a:pt x="381000" y="4572"/>
                  </a:lnTo>
                  <a:lnTo>
                    <a:pt x="381000" y="0"/>
                  </a:lnTo>
                  <a:close/>
                </a:path>
                <a:path w="647700" h="5080">
                  <a:moveTo>
                    <a:pt x="387096" y="0"/>
                  </a:moveTo>
                  <a:lnTo>
                    <a:pt x="384048" y="0"/>
                  </a:lnTo>
                  <a:lnTo>
                    <a:pt x="384048" y="4572"/>
                  </a:lnTo>
                  <a:lnTo>
                    <a:pt x="387096" y="4572"/>
                  </a:lnTo>
                  <a:lnTo>
                    <a:pt x="387096" y="0"/>
                  </a:lnTo>
                  <a:close/>
                </a:path>
                <a:path w="647700" h="5080">
                  <a:moveTo>
                    <a:pt x="394716" y="0"/>
                  </a:moveTo>
                  <a:lnTo>
                    <a:pt x="391668" y="0"/>
                  </a:lnTo>
                  <a:lnTo>
                    <a:pt x="391668" y="4572"/>
                  </a:lnTo>
                  <a:lnTo>
                    <a:pt x="394716" y="4572"/>
                  </a:lnTo>
                  <a:lnTo>
                    <a:pt x="394716" y="0"/>
                  </a:lnTo>
                  <a:close/>
                </a:path>
                <a:path w="647700" h="5080">
                  <a:moveTo>
                    <a:pt x="400812" y="0"/>
                  </a:moveTo>
                  <a:lnTo>
                    <a:pt x="397764" y="0"/>
                  </a:lnTo>
                  <a:lnTo>
                    <a:pt x="397764" y="4572"/>
                  </a:lnTo>
                  <a:lnTo>
                    <a:pt x="400812" y="4572"/>
                  </a:lnTo>
                  <a:lnTo>
                    <a:pt x="400812" y="0"/>
                  </a:lnTo>
                  <a:close/>
                </a:path>
                <a:path w="647700" h="5080">
                  <a:moveTo>
                    <a:pt x="408432" y="0"/>
                  </a:moveTo>
                  <a:lnTo>
                    <a:pt x="405384" y="0"/>
                  </a:lnTo>
                  <a:lnTo>
                    <a:pt x="405384" y="4572"/>
                  </a:lnTo>
                  <a:lnTo>
                    <a:pt x="408432" y="4572"/>
                  </a:lnTo>
                  <a:lnTo>
                    <a:pt x="408432" y="0"/>
                  </a:lnTo>
                  <a:close/>
                </a:path>
                <a:path w="647700" h="5080">
                  <a:moveTo>
                    <a:pt x="414528" y="0"/>
                  </a:moveTo>
                  <a:lnTo>
                    <a:pt x="411480" y="0"/>
                  </a:lnTo>
                  <a:lnTo>
                    <a:pt x="411480" y="4572"/>
                  </a:lnTo>
                  <a:lnTo>
                    <a:pt x="414528" y="4572"/>
                  </a:lnTo>
                  <a:lnTo>
                    <a:pt x="414528" y="0"/>
                  </a:lnTo>
                  <a:close/>
                </a:path>
                <a:path w="647700" h="5080">
                  <a:moveTo>
                    <a:pt x="422148" y="0"/>
                  </a:moveTo>
                  <a:lnTo>
                    <a:pt x="419100" y="0"/>
                  </a:lnTo>
                  <a:lnTo>
                    <a:pt x="419100" y="4572"/>
                  </a:lnTo>
                  <a:lnTo>
                    <a:pt x="422148" y="4572"/>
                  </a:lnTo>
                  <a:lnTo>
                    <a:pt x="422148" y="0"/>
                  </a:lnTo>
                  <a:close/>
                </a:path>
                <a:path w="647700" h="5080">
                  <a:moveTo>
                    <a:pt x="428244" y="0"/>
                  </a:moveTo>
                  <a:lnTo>
                    <a:pt x="425196" y="0"/>
                  </a:lnTo>
                  <a:lnTo>
                    <a:pt x="425196" y="4572"/>
                  </a:lnTo>
                  <a:lnTo>
                    <a:pt x="428244" y="4572"/>
                  </a:lnTo>
                  <a:lnTo>
                    <a:pt x="428244" y="0"/>
                  </a:lnTo>
                  <a:close/>
                </a:path>
                <a:path w="647700" h="5080">
                  <a:moveTo>
                    <a:pt x="435864" y="0"/>
                  </a:moveTo>
                  <a:lnTo>
                    <a:pt x="432816" y="0"/>
                  </a:lnTo>
                  <a:lnTo>
                    <a:pt x="432816" y="4572"/>
                  </a:lnTo>
                  <a:lnTo>
                    <a:pt x="435864" y="4572"/>
                  </a:lnTo>
                  <a:lnTo>
                    <a:pt x="435864" y="0"/>
                  </a:lnTo>
                  <a:close/>
                </a:path>
                <a:path w="647700" h="5080">
                  <a:moveTo>
                    <a:pt x="441960" y="0"/>
                  </a:moveTo>
                  <a:lnTo>
                    <a:pt x="438912" y="0"/>
                  </a:lnTo>
                  <a:lnTo>
                    <a:pt x="438912" y="4572"/>
                  </a:lnTo>
                  <a:lnTo>
                    <a:pt x="441960" y="4572"/>
                  </a:lnTo>
                  <a:lnTo>
                    <a:pt x="441960" y="0"/>
                  </a:lnTo>
                  <a:close/>
                </a:path>
                <a:path w="647700" h="5080">
                  <a:moveTo>
                    <a:pt x="449580" y="0"/>
                  </a:moveTo>
                  <a:lnTo>
                    <a:pt x="446532" y="0"/>
                  </a:lnTo>
                  <a:lnTo>
                    <a:pt x="446532" y="4572"/>
                  </a:lnTo>
                  <a:lnTo>
                    <a:pt x="449580" y="4572"/>
                  </a:lnTo>
                  <a:lnTo>
                    <a:pt x="449580" y="0"/>
                  </a:lnTo>
                  <a:close/>
                </a:path>
                <a:path w="647700" h="5080">
                  <a:moveTo>
                    <a:pt x="455676" y="0"/>
                  </a:moveTo>
                  <a:lnTo>
                    <a:pt x="452628" y="0"/>
                  </a:lnTo>
                  <a:lnTo>
                    <a:pt x="452628" y="4572"/>
                  </a:lnTo>
                  <a:lnTo>
                    <a:pt x="455676" y="4572"/>
                  </a:lnTo>
                  <a:lnTo>
                    <a:pt x="455676" y="0"/>
                  </a:lnTo>
                  <a:close/>
                </a:path>
                <a:path w="647700" h="5080">
                  <a:moveTo>
                    <a:pt x="463296" y="0"/>
                  </a:moveTo>
                  <a:lnTo>
                    <a:pt x="460248" y="0"/>
                  </a:lnTo>
                  <a:lnTo>
                    <a:pt x="460248" y="4572"/>
                  </a:lnTo>
                  <a:lnTo>
                    <a:pt x="463296" y="4572"/>
                  </a:lnTo>
                  <a:lnTo>
                    <a:pt x="463296" y="0"/>
                  </a:lnTo>
                  <a:close/>
                </a:path>
                <a:path w="647700" h="5080">
                  <a:moveTo>
                    <a:pt x="469392" y="0"/>
                  </a:moveTo>
                  <a:lnTo>
                    <a:pt x="466344" y="0"/>
                  </a:lnTo>
                  <a:lnTo>
                    <a:pt x="466344" y="4572"/>
                  </a:lnTo>
                  <a:lnTo>
                    <a:pt x="469392" y="4572"/>
                  </a:lnTo>
                  <a:lnTo>
                    <a:pt x="469392" y="0"/>
                  </a:lnTo>
                  <a:close/>
                </a:path>
                <a:path w="647700" h="5080">
                  <a:moveTo>
                    <a:pt x="477012" y="0"/>
                  </a:moveTo>
                  <a:lnTo>
                    <a:pt x="473964" y="0"/>
                  </a:lnTo>
                  <a:lnTo>
                    <a:pt x="473964" y="4572"/>
                  </a:lnTo>
                  <a:lnTo>
                    <a:pt x="477012" y="4572"/>
                  </a:lnTo>
                  <a:lnTo>
                    <a:pt x="477012" y="0"/>
                  </a:lnTo>
                  <a:close/>
                </a:path>
                <a:path w="647700" h="5080">
                  <a:moveTo>
                    <a:pt x="483108" y="0"/>
                  </a:moveTo>
                  <a:lnTo>
                    <a:pt x="480060" y="0"/>
                  </a:lnTo>
                  <a:lnTo>
                    <a:pt x="480060" y="4572"/>
                  </a:lnTo>
                  <a:lnTo>
                    <a:pt x="483108" y="4572"/>
                  </a:lnTo>
                  <a:lnTo>
                    <a:pt x="483108" y="0"/>
                  </a:lnTo>
                  <a:close/>
                </a:path>
                <a:path w="647700" h="5080">
                  <a:moveTo>
                    <a:pt x="490728" y="0"/>
                  </a:moveTo>
                  <a:lnTo>
                    <a:pt x="487680" y="0"/>
                  </a:lnTo>
                  <a:lnTo>
                    <a:pt x="487680" y="4572"/>
                  </a:lnTo>
                  <a:lnTo>
                    <a:pt x="490728" y="4572"/>
                  </a:lnTo>
                  <a:lnTo>
                    <a:pt x="490728" y="0"/>
                  </a:lnTo>
                  <a:close/>
                </a:path>
                <a:path w="647700" h="5080">
                  <a:moveTo>
                    <a:pt x="496824" y="0"/>
                  </a:moveTo>
                  <a:lnTo>
                    <a:pt x="493776" y="0"/>
                  </a:lnTo>
                  <a:lnTo>
                    <a:pt x="493776" y="4572"/>
                  </a:lnTo>
                  <a:lnTo>
                    <a:pt x="496824" y="4572"/>
                  </a:lnTo>
                  <a:lnTo>
                    <a:pt x="496824" y="0"/>
                  </a:lnTo>
                  <a:close/>
                </a:path>
                <a:path w="647700" h="5080">
                  <a:moveTo>
                    <a:pt x="504444" y="0"/>
                  </a:moveTo>
                  <a:lnTo>
                    <a:pt x="501396" y="0"/>
                  </a:lnTo>
                  <a:lnTo>
                    <a:pt x="501396" y="4572"/>
                  </a:lnTo>
                  <a:lnTo>
                    <a:pt x="504444" y="4572"/>
                  </a:lnTo>
                  <a:lnTo>
                    <a:pt x="504444" y="0"/>
                  </a:lnTo>
                  <a:close/>
                </a:path>
                <a:path w="647700" h="5080">
                  <a:moveTo>
                    <a:pt x="510540" y="0"/>
                  </a:moveTo>
                  <a:lnTo>
                    <a:pt x="507492" y="0"/>
                  </a:lnTo>
                  <a:lnTo>
                    <a:pt x="507492" y="4572"/>
                  </a:lnTo>
                  <a:lnTo>
                    <a:pt x="510540" y="4572"/>
                  </a:lnTo>
                  <a:lnTo>
                    <a:pt x="510540" y="0"/>
                  </a:lnTo>
                  <a:close/>
                </a:path>
                <a:path w="647700" h="5080">
                  <a:moveTo>
                    <a:pt x="518160" y="0"/>
                  </a:moveTo>
                  <a:lnTo>
                    <a:pt x="515112" y="0"/>
                  </a:lnTo>
                  <a:lnTo>
                    <a:pt x="515112" y="4572"/>
                  </a:lnTo>
                  <a:lnTo>
                    <a:pt x="518160" y="4572"/>
                  </a:lnTo>
                  <a:lnTo>
                    <a:pt x="518160" y="0"/>
                  </a:lnTo>
                  <a:close/>
                </a:path>
                <a:path w="647700" h="5080">
                  <a:moveTo>
                    <a:pt x="524256" y="0"/>
                  </a:moveTo>
                  <a:lnTo>
                    <a:pt x="521208" y="0"/>
                  </a:lnTo>
                  <a:lnTo>
                    <a:pt x="521208" y="4572"/>
                  </a:lnTo>
                  <a:lnTo>
                    <a:pt x="524256" y="4572"/>
                  </a:lnTo>
                  <a:lnTo>
                    <a:pt x="524256" y="0"/>
                  </a:lnTo>
                  <a:close/>
                </a:path>
                <a:path w="647700" h="5080">
                  <a:moveTo>
                    <a:pt x="531876" y="0"/>
                  </a:moveTo>
                  <a:lnTo>
                    <a:pt x="528828" y="0"/>
                  </a:lnTo>
                  <a:lnTo>
                    <a:pt x="528828" y="4572"/>
                  </a:lnTo>
                  <a:lnTo>
                    <a:pt x="531876" y="4572"/>
                  </a:lnTo>
                  <a:lnTo>
                    <a:pt x="531876" y="0"/>
                  </a:lnTo>
                  <a:close/>
                </a:path>
                <a:path w="647700" h="5080">
                  <a:moveTo>
                    <a:pt x="537972" y="0"/>
                  </a:moveTo>
                  <a:lnTo>
                    <a:pt x="534924" y="0"/>
                  </a:lnTo>
                  <a:lnTo>
                    <a:pt x="534924" y="4572"/>
                  </a:lnTo>
                  <a:lnTo>
                    <a:pt x="537972" y="4572"/>
                  </a:lnTo>
                  <a:lnTo>
                    <a:pt x="537972" y="0"/>
                  </a:lnTo>
                  <a:close/>
                </a:path>
                <a:path w="647700" h="5080">
                  <a:moveTo>
                    <a:pt x="545592" y="0"/>
                  </a:moveTo>
                  <a:lnTo>
                    <a:pt x="542544" y="0"/>
                  </a:lnTo>
                  <a:lnTo>
                    <a:pt x="542544" y="4572"/>
                  </a:lnTo>
                  <a:lnTo>
                    <a:pt x="545592" y="4572"/>
                  </a:lnTo>
                  <a:lnTo>
                    <a:pt x="545592" y="0"/>
                  </a:lnTo>
                  <a:close/>
                </a:path>
                <a:path w="647700" h="5080">
                  <a:moveTo>
                    <a:pt x="551688" y="0"/>
                  </a:moveTo>
                  <a:lnTo>
                    <a:pt x="548640" y="0"/>
                  </a:lnTo>
                  <a:lnTo>
                    <a:pt x="548640" y="4572"/>
                  </a:lnTo>
                  <a:lnTo>
                    <a:pt x="551688" y="4572"/>
                  </a:lnTo>
                  <a:lnTo>
                    <a:pt x="551688" y="0"/>
                  </a:lnTo>
                  <a:close/>
                </a:path>
                <a:path w="647700" h="5080">
                  <a:moveTo>
                    <a:pt x="559308" y="0"/>
                  </a:moveTo>
                  <a:lnTo>
                    <a:pt x="556260" y="0"/>
                  </a:lnTo>
                  <a:lnTo>
                    <a:pt x="556260" y="4572"/>
                  </a:lnTo>
                  <a:lnTo>
                    <a:pt x="559308" y="4572"/>
                  </a:lnTo>
                  <a:lnTo>
                    <a:pt x="559308" y="0"/>
                  </a:lnTo>
                  <a:close/>
                </a:path>
                <a:path w="647700" h="5080">
                  <a:moveTo>
                    <a:pt x="565404" y="0"/>
                  </a:moveTo>
                  <a:lnTo>
                    <a:pt x="562356" y="0"/>
                  </a:lnTo>
                  <a:lnTo>
                    <a:pt x="562356" y="4572"/>
                  </a:lnTo>
                  <a:lnTo>
                    <a:pt x="565404" y="4572"/>
                  </a:lnTo>
                  <a:lnTo>
                    <a:pt x="565404" y="0"/>
                  </a:lnTo>
                  <a:close/>
                </a:path>
                <a:path w="647700" h="5080">
                  <a:moveTo>
                    <a:pt x="573024" y="0"/>
                  </a:moveTo>
                  <a:lnTo>
                    <a:pt x="569976" y="0"/>
                  </a:lnTo>
                  <a:lnTo>
                    <a:pt x="569976" y="4572"/>
                  </a:lnTo>
                  <a:lnTo>
                    <a:pt x="573024" y="4572"/>
                  </a:lnTo>
                  <a:lnTo>
                    <a:pt x="573024" y="0"/>
                  </a:lnTo>
                  <a:close/>
                </a:path>
                <a:path w="647700" h="5080">
                  <a:moveTo>
                    <a:pt x="579120" y="0"/>
                  </a:moveTo>
                  <a:lnTo>
                    <a:pt x="576072" y="0"/>
                  </a:lnTo>
                  <a:lnTo>
                    <a:pt x="576072" y="4572"/>
                  </a:lnTo>
                  <a:lnTo>
                    <a:pt x="579120" y="4572"/>
                  </a:lnTo>
                  <a:lnTo>
                    <a:pt x="579120" y="0"/>
                  </a:lnTo>
                  <a:close/>
                </a:path>
                <a:path w="647700" h="5080">
                  <a:moveTo>
                    <a:pt x="586740" y="0"/>
                  </a:moveTo>
                  <a:lnTo>
                    <a:pt x="583692" y="0"/>
                  </a:lnTo>
                  <a:lnTo>
                    <a:pt x="583692" y="4572"/>
                  </a:lnTo>
                  <a:lnTo>
                    <a:pt x="586740" y="4572"/>
                  </a:lnTo>
                  <a:lnTo>
                    <a:pt x="586740" y="0"/>
                  </a:lnTo>
                  <a:close/>
                </a:path>
                <a:path w="647700" h="5080">
                  <a:moveTo>
                    <a:pt x="592836" y="0"/>
                  </a:moveTo>
                  <a:lnTo>
                    <a:pt x="589788" y="0"/>
                  </a:lnTo>
                  <a:lnTo>
                    <a:pt x="589788" y="4572"/>
                  </a:lnTo>
                  <a:lnTo>
                    <a:pt x="592836" y="4572"/>
                  </a:lnTo>
                  <a:lnTo>
                    <a:pt x="592836" y="0"/>
                  </a:lnTo>
                  <a:close/>
                </a:path>
                <a:path w="647700" h="5080">
                  <a:moveTo>
                    <a:pt x="600456" y="0"/>
                  </a:moveTo>
                  <a:lnTo>
                    <a:pt x="597408" y="0"/>
                  </a:lnTo>
                  <a:lnTo>
                    <a:pt x="597408" y="4572"/>
                  </a:lnTo>
                  <a:lnTo>
                    <a:pt x="600456" y="4572"/>
                  </a:lnTo>
                  <a:lnTo>
                    <a:pt x="600456" y="0"/>
                  </a:lnTo>
                  <a:close/>
                </a:path>
                <a:path w="647700" h="5080">
                  <a:moveTo>
                    <a:pt x="606552" y="0"/>
                  </a:moveTo>
                  <a:lnTo>
                    <a:pt x="603504" y="0"/>
                  </a:lnTo>
                  <a:lnTo>
                    <a:pt x="603504" y="4572"/>
                  </a:lnTo>
                  <a:lnTo>
                    <a:pt x="606552" y="4572"/>
                  </a:lnTo>
                  <a:lnTo>
                    <a:pt x="606552" y="0"/>
                  </a:lnTo>
                  <a:close/>
                </a:path>
                <a:path w="647700" h="5080">
                  <a:moveTo>
                    <a:pt x="614172" y="0"/>
                  </a:moveTo>
                  <a:lnTo>
                    <a:pt x="611124" y="0"/>
                  </a:lnTo>
                  <a:lnTo>
                    <a:pt x="611124" y="4572"/>
                  </a:lnTo>
                  <a:lnTo>
                    <a:pt x="614172" y="4572"/>
                  </a:lnTo>
                  <a:lnTo>
                    <a:pt x="614172" y="0"/>
                  </a:lnTo>
                  <a:close/>
                </a:path>
                <a:path w="647700" h="5080">
                  <a:moveTo>
                    <a:pt x="620268" y="0"/>
                  </a:moveTo>
                  <a:lnTo>
                    <a:pt x="617220" y="0"/>
                  </a:lnTo>
                  <a:lnTo>
                    <a:pt x="617220" y="4572"/>
                  </a:lnTo>
                  <a:lnTo>
                    <a:pt x="620268" y="4572"/>
                  </a:lnTo>
                  <a:lnTo>
                    <a:pt x="620268" y="0"/>
                  </a:lnTo>
                  <a:close/>
                </a:path>
                <a:path w="647700" h="5080">
                  <a:moveTo>
                    <a:pt x="627888" y="0"/>
                  </a:moveTo>
                  <a:lnTo>
                    <a:pt x="624840" y="0"/>
                  </a:lnTo>
                  <a:lnTo>
                    <a:pt x="624840" y="4572"/>
                  </a:lnTo>
                  <a:lnTo>
                    <a:pt x="627888" y="4572"/>
                  </a:lnTo>
                  <a:lnTo>
                    <a:pt x="627888" y="0"/>
                  </a:lnTo>
                  <a:close/>
                </a:path>
                <a:path w="647700" h="5080">
                  <a:moveTo>
                    <a:pt x="633984" y="0"/>
                  </a:moveTo>
                  <a:lnTo>
                    <a:pt x="630936" y="0"/>
                  </a:lnTo>
                  <a:lnTo>
                    <a:pt x="630936" y="4572"/>
                  </a:lnTo>
                  <a:lnTo>
                    <a:pt x="633984" y="4572"/>
                  </a:lnTo>
                  <a:lnTo>
                    <a:pt x="633984" y="0"/>
                  </a:lnTo>
                  <a:close/>
                </a:path>
                <a:path w="647700" h="5080">
                  <a:moveTo>
                    <a:pt x="641604" y="0"/>
                  </a:moveTo>
                  <a:lnTo>
                    <a:pt x="638556" y="0"/>
                  </a:lnTo>
                  <a:lnTo>
                    <a:pt x="638556" y="4572"/>
                  </a:lnTo>
                  <a:lnTo>
                    <a:pt x="641604" y="4572"/>
                  </a:lnTo>
                  <a:lnTo>
                    <a:pt x="641604" y="0"/>
                  </a:lnTo>
                  <a:close/>
                </a:path>
                <a:path w="647700" h="5080">
                  <a:moveTo>
                    <a:pt x="647700" y="0"/>
                  </a:moveTo>
                  <a:lnTo>
                    <a:pt x="644652" y="0"/>
                  </a:lnTo>
                  <a:lnTo>
                    <a:pt x="644652" y="4572"/>
                  </a:lnTo>
                  <a:lnTo>
                    <a:pt x="647700" y="4572"/>
                  </a:lnTo>
                  <a:lnTo>
                    <a:pt x="647700" y="0"/>
                  </a:lnTo>
                  <a:close/>
                </a:path>
              </a:pathLst>
            </a:custGeom>
            <a:solidFill>
              <a:srgbClr val="D8D8D8"/>
            </a:solidFill>
          </p:spPr>
          <p:txBody>
            <a:bodyPr wrap="square" lIns="0" tIns="0" rIns="0" bIns="0" rtlCol="0"/>
            <a:lstStyle/>
            <a:p>
              <a:endParaRPr sz="1539"/>
            </a:p>
          </p:txBody>
        </p:sp>
        <p:sp>
          <p:nvSpPr>
            <p:cNvPr id="131" name="object 131"/>
            <p:cNvSpPr/>
            <p:nvPr/>
          </p:nvSpPr>
          <p:spPr>
            <a:xfrm>
              <a:off x="8185404" y="2284475"/>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10668" y="0"/>
                  </a:moveTo>
                  <a:lnTo>
                    <a:pt x="7620" y="0"/>
                  </a:lnTo>
                  <a:lnTo>
                    <a:pt x="7620" y="4572"/>
                  </a:lnTo>
                  <a:lnTo>
                    <a:pt x="10668" y="4572"/>
                  </a:lnTo>
                  <a:lnTo>
                    <a:pt x="10668" y="0"/>
                  </a:lnTo>
                  <a:close/>
                </a:path>
                <a:path w="483234" h="5080">
                  <a:moveTo>
                    <a:pt x="16764" y="0"/>
                  </a:moveTo>
                  <a:lnTo>
                    <a:pt x="13716" y="0"/>
                  </a:lnTo>
                  <a:lnTo>
                    <a:pt x="13716" y="4572"/>
                  </a:lnTo>
                  <a:lnTo>
                    <a:pt x="16764" y="4572"/>
                  </a:lnTo>
                  <a:lnTo>
                    <a:pt x="16764" y="0"/>
                  </a:lnTo>
                  <a:close/>
                </a:path>
                <a:path w="483234" h="5080">
                  <a:moveTo>
                    <a:pt x="24384" y="0"/>
                  </a:moveTo>
                  <a:lnTo>
                    <a:pt x="21336" y="0"/>
                  </a:lnTo>
                  <a:lnTo>
                    <a:pt x="21336" y="4572"/>
                  </a:lnTo>
                  <a:lnTo>
                    <a:pt x="24384" y="4572"/>
                  </a:lnTo>
                  <a:lnTo>
                    <a:pt x="24384" y="0"/>
                  </a:lnTo>
                  <a:close/>
                </a:path>
                <a:path w="483234" h="5080">
                  <a:moveTo>
                    <a:pt x="30480" y="0"/>
                  </a:moveTo>
                  <a:lnTo>
                    <a:pt x="27432" y="0"/>
                  </a:lnTo>
                  <a:lnTo>
                    <a:pt x="27432" y="4572"/>
                  </a:lnTo>
                  <a:lnTo>
                    <a:pt x="30480" y="4572"/>
                  </a:lnTo>
                  <a:lnTo>
                    <a:pt x="30480" y="0"/>
                  </a:lnTo>
                  <a:close/>
                </a:path>
                <a:path w="483234" h="5080">
                  <a:moveTo>
                    <a:pt x="38100" y="0"/>
                  </a:moveTo>
                  <a:lnTo>
                    <a:pt x="35052" y="0"/>
                  </a:lnTo>
                  <a:lnTo>
                    <a:pt x="35052" y="4572"/>
                  </a:lnTo>
                  <a:lnTo>
                    <a:pt x="38100" y="4572"/>
                  </a:lnTo>
                  <a:lnTo>
                    <a:pt x="38100" y="0"/>
                  </a:lnTo>
                  <a:close/>
                </a:path>
                <a:path w="483234" h="5080">
                  <a:moveTo>
                    <a:pt x="44196" y="0"/>
                  </a:moveTo>
                  <a:lnTo>
                    <a:pt x="41148" y="0"/>
                  </a:lnTo>
                  <a:lnTo>
                    <a:pt x="41148" y="4572"/>
                  </a:lnTo>
                  <a:lnTo>
                    <a:pt x="44196" y="4572"/>
                  </a:lnTo>
                  <a:lnTo>
                    <a:pt x="44196" y="0"/>
                  </a:lnTo>
                  <a:close/>
                </a:path>
                <a:path w="483234" h="5080">
                  <a:moveTo>
                    <a:pt x="51816" y="0"/>
                  </a:moveTo>
                  <a:lnTo>
                    <a:pt x="48768" y="0"/>
                  </a:lnTo>
                  <a:lnTo>
                    <a:pt x="48768" y="4572"/>
                  </a:lnTo>
                  <a:lnTo>
                    <a:pt x="51816" y="4572"/>
                  </a:lnTo>
                  <a:lnTo>
                    <a:pt x="51816" y="0"/>
                  </a:lnTo>
                  <a:close/>
                </a:path>
                <a:path w="483234" h="5080">
                  <a:moveTo>
                    <a:pt x="57912" y="0"/>
                  </a:moveTo>
                  <a:lnTo>
                    <a:pt x="54864" y="0"/>
                  </a:lnTo>
                  <a:lnTo>
                    <a:pt x="54864" y="4572"/>
                  </a:lnTo>
                  <a:lnTo>
                    <a:pt x="57912" y="4572"/>
                  </a:lnTo>
                  <a:lnTo>
                    <a:pt x="57912" y="0"/>
                  </a:lnTo>
                  <a:close/>
                </a:path>
                <a:path w="483234" h="5080">
                  <a:moveTo>
                    <a:pt x="65532" y="0"/>
                  </a:moveTo>
                  <a:lnTo>
                    <a:pt x="62484" y="0"/>
                  </a:lnTo>
                  <a:lnTo>
                    <a:pt x="62484" y="4572"/>
                  </a:lnTo>
                  <a:lnTo>
                    <a:pt x="65532" y="4572"/>
                  </a:lnTo>
                  <a:lnTo>
                    <a:pt x="65532" y="0"/>
                  </a:lnTo>
                  <a:close/>
                </a:path>
                <a:path w="483234" h="5080">
                  <a:moveTo>
                    <a:pt x="71628" y="0"/>
                  </a:moveTo>
                  <a:lnTo>
                    <a:pt x="68580" y="0"/>
                  </a:lnTo>
                  <a:lnTo>
                    <a:pt x="68580" y="4572"/>
                  </a:lnTo>
                  <a:lnTo>
                    <a:pt x="71628" y="4572"/>
                  </a:lnTo>
                  <a:lnTo>
                    <a:pt x="71628" y="0"/>
                  </a:lnTo>
                  <a:close/>
                </a:path>
                <a:path w="483234" h="5080">
                  <a:moveTo>
                    <a:pt x="79248" y="0"/>
                  </a:moveTo>
                  <a:lnTo>
                    <a:pt x="76200" y="0"/>
                  </a:lnTo>
                  <a:lnTo>
                    <a:pt x="76200" y="4572"/>
                  </a:lnTo>
                  <a:lnTo>
                    <a:pt x="79248" y="4572"/>
                  </a:lnTo>
                  <a:lnTo>
                    <a:pt x="79248" y="0"/>
                  </a:lnTo>
                  <a:close/>
                </a:path>
                <a:path w="483234" h="5080">
                  <a:moveTo>
                    <a:pt x="85344" y="0"/>
                  </a:moveTo>
                  <a:lnTo>
                    <a:pt x="82296" y="0"/>
                  </a:lnTo>
                  <a:lnTo>
                    <a:pt x="82296" y="4572"/>
                  </a:lnTo>
                  <a:lnTo>
                    <a:pt x="85344" y="4572"/>
                  </a:lnTo>
                  <a:lnTo>
                    <a:pt x="85344" y="0"/>
                  </a:lnTo>
                  <a:close/>
                </a:path>
                <a:path w="483234" h="5080">
                  <a:moveTo>
                    <a:pt x="92964" y="0"/>
                  </a:moveTo>
                  <a:lnTo>
                    <a:pt x="89916" y="0"/>
                  </a:lnTo>
                  <a:lnTo>
                    <a:pt x="89916"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3632" y="0"/>
                  </a:lnTo>
                  <a:lnTo>
                    <a:pt x="103632"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96" y="0"/>
                  </a:moveTo>
                  <a:lnTo>
                    <a:pt x="117348" y="0"/>
                  </a:lnTo>
                  <a:lnTo>
                    <a:pt x="117348" y="4572"/>
                  </a:lnTo>
                  <a:lnTo>
                    <a:pt x="120396" y="4572"/>
                  </a:lnTo>
                  <a:lnTo>
                    <a:pt x="120396" y="0"/>
                  </a:lnTo>
                  <a:close/>
                </a:path>
                <a:path w="483234" h="5080">
                  <a:moveTo>
                    <a:pt x="126492" y="0"/>
                  </a:moveTo>
                  <a:lnTo>
                    <a:pt x="123444" y="0"/>
                  </a:lnTo>
                  <a:lnTo>
                    <a:pt x="123444" y="4572"/>
                  </a:lnTo>
                  <a:lnTo>
                    <a:pt x="126492" y="4572"/>
                  </a:lnTo>
                  <a:lnTo>
                    <a:pt x="126492" y="0"/>
                  </a:lnTo>
                  <a:close/>
                </a:path>
                <a:path w="483234" h="5080">
                  <a:moveTo>
                    <a:pt x="134112" y="0"/>
                  </a:moveTo>
                  <a:lnTo>
                    <a:pt x="131064" y="0"/>
                  </a:lnTo>
                  <a:lnTo>
                    <a:pt x="131064"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4780" y="0"/>
                  </a:lnTo>
                  <a:lnTo>
                    <a:pt x="144780"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8496" y="0"/>
                  </a:lnTo>
                  <a:lnTo>
                    <a:pt x="158496"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2212" y="0"/>
                  </a:lnTo>
                  <a:lnTo>
                    <a:pt x="172212"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5928" y="0"/>
                  </a:lnTo>
                  <a:lnTo>
                    <a:pt x="185928"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9644" y="0"/>
                  </a:lnTo>
                  <a:lnTo>
                    <a:pt x="199644"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3360" y="0"/>
                  </a:lnTo>
                  <a:lnTo>
                    <a:pt x="213360"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7076" y="0"/>
                  </a:lnTo>
                  <a:lnTo>
                    <a:pt x="227076"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39268" y="0"/>
                  </a:lnTo>
                  <a:lnTo>
                    <a:pt x="239268"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2984" y="0"/>
                  </a:lnTo>
                  <a:lnTo>
                    <a:pt x="252984"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6700" y="0"/>
                  </a:lnTo>
                  <a:lnTo>
                    <a:pt x="266700"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0416" y="0"/>
                  </a:lnTo>
                  <a:lnTo>
                    <a:pt x="280416"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4132" y="0"/>
                  </a:lnTo>
                  <a:lnTo>
                    <a:pt x="294132"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7848" y="0"/>
                  </a:lnTo>
                  <a:lnTo>
                    <a:pt x="307848"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1564" y="0"/>
                  </a:lnTo>
                  <a:lnTo>
                    <a:pt x="321564"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5280" y="0"/>
                  </a:lnTo>
                  <a:lnTo>
                    <a:pt x="335280"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48996" y="0"/>
                  </a:lnTo>
                  <a:lnTo>
                    <a:pt x="348996"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7284" y="0"/>
                  </a:moveTo>
                  <a:lnTo>
                    <a:pt x="362712" y="0"/>
                  </a:lnTo>
                  <a:lnTo>
                    <a:pt x="362712" y="4572"/>
                  </a:lnTo>
                  <a:lnTo>
                    <a:pt x="367284" y="4572"/>
                  </a:lnTo>
                  <a:lnTo>
                    <a:pt x="367284" y="0"/>
                  </a:lnTo>
                  <a:close/>
                </a:path>
                <a:path w="483234" h="5080">
                  <a:moveTo>
                    <a:pt x="373380" y="0"/>
                  </a:moveTo>
                  <a:lnTo>
                    <a:pt x="370332" y="0"/>
                  </a:lnTo>
                  <a:lnTo>
                    <a:pt x="370332" y="4572"/>
                  </a:lnTo>
                  <a:lnTo>
                    <a:pt x="373380" y="4572"/>
                  </a:lnTo>
                  <a:lnTo>
                    <a:pt x="373380" y="0"/>
                  </a:lnTo>
                  <a:close/>
                </a:path>
                <a:path w="483234" h="5080">
                  <a:moveTo>
                    <a:pt x="381000" y="0"/>
                  </a:moveTo>
                  <a:lnTo>
                    <a:pt x="376428" y="0"/>
                  </a:lnTo>
                  <a:lnTo>
                    <a:pt x="376428" y="4572"/>
                  </a:lnTo>
                  <a:lnTo>
                    <a:pt x="381000" y="4572"/>
                  </a:lnTo>
                  <a:lnTo>
                    <a:pt x="381000" y="0"/>
                  </a:lnTo>
                  <a:close/>
                </a:path>
                <a:path w="483234" h="5080">
                  <a:moveTo>
                    <a:pt x="387096" y="0"/>
                  </a:moveTo>
                  <a:lnTo>
                    <a:pt x="384048" y="0"/>
                  </a:lnTo>
                  <a:lnTo>
                    <a:pt x="384048" y="4572"/>
                  </a:lnTo>
                  <a:lnTo>
                    <a:pt x="387096" y="4572"/>
                  </a:lnTo>
                  <a:lnTo>
                    <a:pt x="387096" y="0"/>
                  </a:lnTo>
                  <a:close/>
                </a:path>
                <a:path w="483234" h="5080">
                  <a:moveTo>
                    <a:pt x="394716" y="0"/>
                  </a:moveTo>
                  <a:lnTo>
                    <a:pt x="390144" y="0"/>
                  </a:lnTo>
                  <a:lnTo>
                    <a:pt x="390144" y="4572"/>
                  </a:lnTo>
                  <a:lnTo>
                    <a:pt x="394716" y="4572"/>
                  </a:lnTo>
                  <a:lnTo>
                    <a:pt x="394716" y="0"/>
                  </a:lnTo>
                  <a:close/>
                </a:path>
                <a:path w="483234" h="5080">
                  <a:moveTo>
                    <a:pt x="400812" y="0"/>
                  </a:moveTo>
                  <a:lnTo>
                    <a:pt x="397764" y="0"/>
                  </a:lnTo>
                  <a:lnTo>
                    <a:pt x="397764" y="4572"/>
                  </a:lnTo>
                  <a:lnTo>
                    <a:pt x="400812" y="4572"/>
                  </a:lnTo>
                  <a:lnTo>
                    <a:pt x="400812" y="0"/>
                  </a:lnTo>
                  <a:close/>
                </a:path>
                <a:path w="483234" h="5080">
                  <a:moveTo>
                    <a:pt x="408432" y="0"/>
                  </a:moveTo>
                  <a:lnTo>
                    <a:pt x="403860" y="0"/>
                  </a:lnTo>
                  <a:lnTo>
                    <a:pt x="403860" y="4572"/>
                  </a:lnTo>
                  <a:lnTo>
                    <a:pt x="408432" y="4572"/>
                  </a:lnTo>
                  <a:lnTo>
                    <a:pt x="408432" y="0"/>
                  </a:lnTo>
                  <a:close/>
                </a:path>
                <a:path w="483234" h="5080">
                  <a:moveTo>
                    <a:pt x="414528" y="0"/>
                  </a:moveTo>
                  <a:lnTo>
                    <a:pt x="411480" y="0"/>
                  </a:lnTo>
                  <a:lnTo>
                    <a:pt x="411480" y="4572"/>
                  </a:lnTo>
                  <a:lnTo>
                    <a:pt x="414528" y="4572"/>
                  </a:lnTo>
                  <a:lnTo>
                    <a:pt x="414528" y="0"/>
                  </a:lnTo>
                  <a:close/>
                </a:path>
                <a:path w="483234" h="5080">
                  <a:moveTo>
                    <a:pt x="422148" y="0"/>
                  </a:moveTo>
                  <a:lnTo>
                    <a:pt x="417576" y="0"/>
                  </a:lnTo>
                  <a:lnTo>
                    <a:pt x="417576" y="4572"/>
                  </a:lnTo>
                  <a:lnTo>
                    <a:pt x="422148" y="4572"/>
                  </a:lnTo>
                  <a:lnTo>
                    <a:pt x="422148" y="0"/>
                  </a:lnTo>
                  <a:close/>
                </a:path>
                <a:path w="483234" h="5080">
                  <a:moveTo>
                    <a:pt x="428244" y="0"/>
                  </a:moveTo>
                  <a:lnTo>
                    <a:pt x="425196" y="0"/>
                  </a:lnTo>
                  <a:lnTo>
                    <a:pt x="425196" y="4572"/>
                  </a:lnTo>
                  <a:lnTo>
                    <a:pt x="428244" y="4572"/>
                  </a:lnTo>
                  <a:lnTo>
                    <a:pt x="428244" y="0"/>
                  </a:lnTo>
                  <a:close/>
                </a:path>
                <a:path w="483234" h="5080">
                  <a:moveTo>
                    <a:pt x="435864" y="0"/>
                  </a:moveTo>
                  <a:lnTo>
                    <a:pt x="431292" y="0"/>
                  </a:lnTo>
                  <a:lnTo>
                    <a:pt x="431292" y="4572"/>
                  </a:lnTo>
                  <a:lnTo>
                    <a:pt x="435864" y="4572"/>
                  </a:lnTo>
                  <a:lnTo>
                    <a:pt x="435864" y="0"/>
                  </a:lnTo>
                  <a:close/>
                </a:path>
                <a:path w="483234" h="5080">
                  <a:moveTo>
                    <a:pt x="441960" y="0"/>
                  </a:moveTo>
                  <a:lnTo>
                    <a:pt x="438912" y="0"/>
                  </a:lnTo>
                  <a:lnTo>
                    <a:pt x="438912" y="4572"/>
                  </a:lnTo>
                  <a:lnTo>
                    <a:pt x="441960" y="4572"/>
                  </a:lnTo>
                  <a:lnTo>
                    <a:pt x="441960" y="0"/>
                  </a:lnTo>
                  <a:close/>
                </a:path>
                <a:path w="483234" h="5080">
                  <a:moveTo>
                    <a:pt x="449580" y="0"/>
                  </a:moveTo>
                  <a:lnTo>
                    <a:pt x="445008" y="0"/>
                  </a:lnTo>
                  <a:lnTo>
                    <a:pt x="445008" y="4572"/>
                  </a:lnTo>
                  <a:lnTo>
                    <a:pt x="449580" y="4572"/>
                  </a:lnTo>
                  <a:lnTo>
                    <a:pt x="449580" y="0"/>
                  </a:lnTo>
                  <a:close/>
                </a:path>
                <a:path w="483234" h="5080">
                  <a:moveTo>
                    <a:pt x="455676" y="0"/>
                  </a:moveTo>
                  <a:lnTo>
                    <a:pt x="452628" y="0"/>
                  </a:lnTo>
                  <a:lnTo>
                    <a:pt x="452628" y="4572"/>
                  </a:lnTo>
                  <a:lnTo>
                    <a:pt x="455676" y="4572"/>
                  </a:lnTo>
                  <a:lnTo>
                    <a:pt x="455676" y="0"/>
                  </a:lnTo>
                  <a:close/>
                </a:path>
                <a:path w="483234" h="5080">
                  <a:moveTo>
                    <a:pt x="463296" y="0"/>
                  </a:moveTo>
                  <a:lnTo>
                    <a:pt x="458724" y="0"/>
                  </a:lnTo>
                  <a:lnTo>
                    <a:pt x="458724" y="4572"/>
                  </a:lnTo>
                  <a:lnTo>
                    <a:pt x="463296" y="4572"/>
                  </a:lnTo>
                  <a:lnTo>
                    <a:pt x="463296" y="0"/>
                  </a:lnTo>
                  <a:close/>
                </a:path>
                <a:path w="483234" h="5080">
                  <a:moveTo>
                    <a:pt x="469392" y="0"/>
                  </a:moveTo>
                  <a:lnTo>
                    <a:pt x="466344" y="0"/>
                  </a:lnTo>
                  <a:lnTo>
                    <a:pt x="466344" y="4572"/>
                  </a:lnTo>
                  <a:lnTo>
                    <a:pt x="469392" y="4572"/>
                  </a:lnTo>
                  <a:lnTo>
                    <a:pt x="469392" y="0"/>
                  </a:lnTo>
                  <a:close/>
                </a:path>
                <a:path w="483234" h="5080">
                  <a:moveTo>
                    <a:pt x="477012" y="0"/>
                  </a:moveTo>
                  <a:lnTo>
                    <a:pt x="472440" y="0"/>
                  </a:lnTo>
                  <a:lnTo>
                    <a:pt x="472440" y="4572"/>
                  </a:lnTo>
                  <a:lnTo>
                    <a:pt x="477012" y="4572"/>
                  </a:lnTo>
                  <a:lnTo>
                    <a:pt x="477012"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32" name="object 132"/>
            <p:cNvSpPr/>
            <p:nvPr/>
          </p:nvSpPr>
          <p:spPr>
            <a:xfrm>
              <a:off x="8665464" y="2284475"/>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10668" y="0"/>
                  </a:moveTo>
                  <a:lnTo>
                    <a:pt x="6096" y="0"/>
                  </a:lnTo>
                  <a:lnTo>
                    <a:pt x="6096" y="4572"/>
                  </a:lnTo>
                  <a:lnTo>
                    <a:pt x="10668" y="4572"/>
                  </a:lnTo>
                  <a:lnTo>
                    <a:pt x="10668" y="0"/>
                  </a:lnTo>
                  <a:close/>
                </a:path>
                <a:path w="483234" h="5080">
                  <a:moveTo>
                    <a:pt x="16764" y="0"/>
                  </a:moveTo>
                  <a:lnTo>
                    <a:pt x="13716" y="0"/>
                  </a:lnTo>
                  <a:lnTo>
                    <a:pt x="13716" y="4572"/>
                  </a:lnTo>
                  <a:lnTo>
                    <a:pt x="16764" y="4572"/>
                  </a:lnTo>
                  <a:lnTo>
                    <a:pt x="16764" y="0"/>
                  </a:lnTo>
                  <a:close/>
                </a:path>
                <a:path w="483234" h="5080">
                  <a:moveTo>
                    <a:pt x="24384" y="0"/>
                  </a:moveTo>
                  <a:lnTo>
                    <a:pt x="19812" y="0"/>
                  </a:lnTo>
                  <a:lnTo>
                    <a:pt x="19812" y="4572"/>
                  </a:lnTo>
                  <a:lnTo>
                    <a:pt x="24384" y="4572"/>
                  </a:lnTo>
                  <a:lnTo>
                    <a:pt x="24384" y="0"/>
                  </a:lnTo>
                  <a:close/>
                </a:path>
                <a:path w="483234" h="5080">
                  <a:moveTo>
                    <a:pt x="30480" y="0"/>
                  </a:moveTo>
                  <a:lnTo>
                    <a:pt x="27432" y="0"/>
                  </a:lnTo>
                  <a:lnTo>
                    <a:pt x="27432" y="4572"/>
                  </a:lnTo>
                  <a:lnTo>
                    <a:pt x="30480" y="4572"/>
                  </a:lnTo>
                  <a:lnTo>
                    <a:pt x="30480" y="0"/>
                  </a:lnTo>
                  <a:close/>
                </a:path>
                <a:path w="483234" h="5080">
                  <a:moveTo>
                    <a:pt x="38100" y="0"/>
                  </a:moveTo>
                  <a:lnTo>
                    <a:pt x="33528" y="0"/>
                  </a:lnTo>
                  <a:lnTo>
                    <a:pt x="33528" y="4572"/>
                  </a:lnTo>
                  <a:lnTo>
                    <a:pt x="38100" y="4572"/>
                  </a:lnTo>
                  <a:lnTo>
                    <a:pt x="38100" y="0"/>
                  </a:lnTo>
                  <a:close/>
                </a:path>
                <a:path w="483234" h="5080">
                  <a:moveTo>
                    <a:pt x="44196" y="0"/>
                  </a:moveTo>
                  <a:lnTo>
                    <a:pt x="41148" y="0"/>
                  </a:lnTo>
                  <a:lnTo>
                    <a:pt x="41148" y="4572"/>
                  </a:lnTo>
                  <a:lnTo>
                    <a:pt x="44196" y="4572"/>
                  </a:lnTo>
                  <a:lnTo>
                    <a:pt x="44196" y="0"/>
                  </a:lnTo>
                  <a:close/>
                </a:path>
                <a:path w="483234" h="5080">
                  <a:moveTo>
                    <a:pt x="51816" y="0"/>
                  </a:moveTo>
                  <a:lnTo>
                    <a:pt x="47244" y="0"/>
                  </a:lnTo>
                  <a:lnTo>
                    <a:pt x="47244" y="4572"/>
                  </a:lnTo>
                  <a:lnTo>
                    <a:pt x="51816" y="4572"/>
                  </a:lnTo>
                  <a:lnTo>
                    <a:pt x="51816" y="0"/>
                  </a:lnTo>
                  <a:close/>
                </a:path>
                <a:path w="483234" h="5080">
                  <a:moveTo>
                    <a:pt x="57912" y="0"/>
                  </a:moveTo>
                  <a:lnTo>
                    <a:pt x="54864" y="0"/>
                  </a:lnTo>
                  <a:lnTo>
                    <a:pt x="54864" y="4572"/>
                  </a:lnTo>
                  <a:lnTo>
                    <a:pt x="57912" y="4572"/>
                  </a:lnTo>
                  <a:lnTo>
                    <a:pt x="57912" y="0"/>
                  </a:lnTo>
                  <a:close/>
                </a:path>
                <a:path w="483234" h="5080">
                  <a:moveTo>
                    <a:pt x="65532" y="0"/>
                  </a:moveTo>
                  <a:lnTo>
                    <a:pt x="60960" y="0"/>
                  </a:lnTo>
                  <a:lnTo>
                    <a:pt x="60960" y="4572"/>
                  </a:lnTo>
                  <a:lnTo>
                    <a:pt x="65532" y="4572"/>
                  </a:lnTo>
                  <a:lnTo>
                    <a:pt x="65532" y="0"/>
                  </a:lnTo>
                  <a:close/>
                </a:path>
                <a:path w="483234" h="5080">
                  <a:moveTo>
                    <a:pt x="71628" y="0"/>
                  </a:moveTo>
                  <a:lnTo>
                    <a:pt x="68580" y="0"/>
                  </a:lnTo>
                  <a:lnTo>
                    <a:pt x="68580" y="4572"/>
                  </a:lnTo>
                  <a:lnTo>
                    <a:pt x="71628" y="4572"/>
                  </a:lnTo>
                  <a:lnTo>
                    <a:pt x="71628" y="0"/>
                  </a:lnTo>
                  <a:close/>
                </a:path>
                <a:path w="483234" h="5080">
                  <a:moveTo>
                    <a:pt x="79248" y="0"/>
                  </a:moveTo>
                  <a:lnTo>
                    <a:pt x="74676" y="0"/>
                  </a:lnTo>
                  <a:lnTo>
                    <a:pt x="74676" y="4572"/>
                  </a:lnTo>
                  <a:lnTo>
                    <a:pt x="79248" y="4572"/>
                  </a:lnTo>
                  <a:lnTo>
                    <a:pt x="79248" y="0"/>
                  </a:lnTo>
                  <a:close/>
                </a:path>
                <a:path w="483234" h="5080">
                  <a:moveTo>
                    <a:pt x="85344" y="0"/>
                  </a:moveTo>
                  <a:lnTo>
                    <a:pt x="82296" y="0"/>
                  </a:lnTo>
                  <a:lnTo>
                    <a:pt x="82296" y="4572"/>
                  </a:lnTo>
                  <a:lnTo>
                    <a:pt x="85344" y="4572"/>
                  </a:lnTo>
                  <a:lnTo>
                    <a:pt x="85344" y="0"/>
                  </a:lnTo>
                  <a:close/>
                </a:path>
                <a:path w="483234" h="5080">
                  <a:moveTo>
                    <a:pt x="92964" y="0"/>
                  </a:moveTo>
                  <a:lnTo>
                    <a:pt x="88392" y="0"/>
                  </a:lnTo>
                  <a:lnTo>
                    <a:pt x="88392"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2108" y="0"/>
                  </a:lnTo>
                  <a:lnTo>
                    <a:pt x="102108"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96" y="0"/>
                  </a:moveTo>
                  <a:lnTo>
                    <a:pt x="115824" y="0"/>
                  </a:lnTo>
                  <a:lnTo>
                    <a:pt x="115824" y="4572"/>
                  </a:lnTo>
                  <a:lnTo>
                    <a:pt x="120396" y="4572"/>
                  </a:lnTo>
                  <a:lnTo>
                    <a:pt x="120396" y="0"/>
                  </a:lnTo>
                  <a:close/>
                </a:path>
                <a:path w="483234" h="5080">
                  <a:moveTo>
                    <a:pt x="126492" y="0"/>
                  </a:moveTo>
                  <a:lnTo>
                    <a:pt x="123444" y="0"/>
                  </a:lnTo>
                  <a:lnTo>
                    <a:pt x="123444" y="4572"/>
                  </a:lnTo>
                  <a:lnTo>
                    <a:pt x="126492" y="4572"/>
                  </a:lnTo>
                  <a:lnTo>
                    <a:pt x="126492" y="0"/>
                  </a:lnTo>
                  <a:close/>
                </a:path>
                <a:path w="483234" h="5080">
                  <a:moveTo>
                    <a:pt x="134112" y="0"/>
                  </a:moveTo>
                  <a:lnTo>
                    <a:pt x="129540" y="0"/>
                  </a:lnTo>
                  <a:lnTo>
                    <a:pt x="129540"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3256" y="0"/>
                  </a:lnTo>
                  <a:lnTo>
                    <a:pt x="143256"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6972" y="0"/>
                  </a:lnTo>
                  <a:lnTo>
                    <a:pt x="156972"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0688" y="0"/>
                  </a:lnTo>
                  <a:lnTo>
                    <a:pt x="170688"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4404" y="0"/>
                  </a:lnTo>
                  <a:lnTo>
                    <a:pt x="184404"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8120" y="0"/>
                  </a:lnTo>
                  <a:lnTo>
                    <a:pt x="198120"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1836" y="0"/>
                  </a:lnTo>
                  <a:lnTo>
                    <a:pt x="211836"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5552" y="0"/>
                  </a:lnTo>
                  <a:lnTo>
                    <a:pt x="225552"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39268" y="0"/>
                  </a:lnTo>
                  <a:lnTo>
                    <a:pt x="239268"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2984" y="0"/>
                  </a:lnTo>
                  <a:lnTo>
                    <a:pt x="252984"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6700" y="0"/>
                  </a:lnTo>
                  <a:lnTo>
                    <a:pt x="266700"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0416" y="0"/>
                  </a:lnTo>
                  <a:lnTo>
                    <a:pt x="280416"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4132" y="0"/>
                  </a:lnTo>
                  <a:lnTo>
                    <a:pt x="294132"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7848" y="0"/>
                  </a:lnTo>
                  <a:lnTo>
                    <a:pt x="307848"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1564" y="0"/>
                  </a:lnTo>
                  <a:lnTo>
                    <a:pt x="321564"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5280" y="0"/>
                  </a:lnTo>
                  <a:lnTo>
                    <a:pt x="335280"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48996" y="0"/>
                  </a:lnTo>
                  <a:lnTo>
                    <a:pt x="348996"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70332" y="0"/>
                  </a:lnTo>
                  <a:lnTo>
                    <a:pt x="370332"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4048" y="0"/>
                  </a:lnTo>
                  <a:lnTo>
                    <a:pt x="384048"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7764" y="0"/>
                  </a:lnTo>
                  <a:lnTo>
                    <a:pt x="397764"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11480" y="0"/>
                  </a:lnTo>
                  <a:lnTo>
                    <a:pt x="411480"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5196" y="0"/>
                  </a:lnTo>
                  <a:lnTo>
                    <a:pt x="425196"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8912" y="0"/>
                  </a:lnTo>
                  <a:lnTo>
                    <a:pt x="438912"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2628" y="0"/>
                  </a:lnTo>
                  <a:lnTo>
                    <a:pt x="452628"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6344" y="0"/>
                  </a:lnTo>
                  <a:lnTo>
                    <a:pt x="466344"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33" name="object 133"/>
            <p:cNvSpPr/>
            <p:nvPr/>
          </p:nvSpPr>
          <p:spPr>
            <a:xfrm>
              <a:off x="9145524" y="2284475"/>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9144" y="0"/>
                  </a:moveTo>
                  <a:lnTo>
                    <a:pt x="6096" y="0"/>
                  </a:lnTo>
                  <a:lnTo>
                    <a:pt x="6096" y="4572"/>
                  </a:lnTo>
                  <a:lnTo>
                    <a:pt x="9144" y="4572"/>
                  </a:lnTo>
                  <a:lnTo>
                    <a:pt x="9144" y="0"/>
                  </a:lnTo>
                  <a:close/>
                </a:path>
                <a:path w="483234" h="5080">
                  <a:moveTo>
                    <a:pt x="16764" y="0"/>
                  </a:moveTo>
                  <a:lnTo>
                    <a:pt x="13716" y="0"/>
                  </a:lnTo>
                  <a:lnTo>
                    <a:pt x="13716" y="4572"/>
                  </a:lnTo>
                  <a:lnTo>
                    <a:pt x="16764" y="4572"/>
                  </a:lnTo>
                  <a:lnTo>
                    <a:pt x="16764" y="0"/>
                  </a:lnTo>
                  <a:close/>
                </a:path>
                <a:path w="483234" h="5080">
                  <a:moveTo>
                    <a:pt x="22860" y="0"/>
                  </a:moveTo>
                  <a:lnTo>
                    <a:pt x="19812" y="0"/>
                  </a:lnTo>
                  <a:lnTo>
                    <a:pt x="19812" y="4572"/>
                  </a:lnTo>
                  <a:lnTo>
                    <a:pt x="22860" y="4572"/>
                  </a:lnTo>
                  <a:lnTo>
                    <a:pt x="22860" y="0"/>
                  </a:lnTo>
                  <a:close/>
                </a:path>
                <a:path w="483234" h="5080">
                  <a:moveTo>
                    <a:pt x="30480" y="0"/>
                  </a:moveTo>
                  <a:lnTo>
                    <a:pt x="27432" y="0"/>
                  </a:lnTo>
                  <a:lnTo>
                    <a:pt x="27432" y="4572"/>
                  </a:lnTo>
                  <a:lnTo>
                    <a:pt x="30480" y="4572"/>
                  </a:lnTo>
                  <a:lnTo>
                    <a:pt x="30480" y="0"/>
                  </a:lnTo>
                  <a:close/>
                </a:path>
                <a:path w="483234" h="5080">
                  <a:moveTo>
                    <a:pt x="36576" y="0"/>
                  </a:moveTo>
                  <a:lnTo>
                    <a:pt x="33528" y="0"/>
                  </a:lnTo>
                  <a:lnTo>
                    <a:pt x="33528" y="4572"/>
                  </a:lnTo>
                  <a:lnTo>
                    <a:pt x="36576" y="4572"/>
                  </a:lnTo>
                  <a:lnTo>
                    <a:pt x="36576" y="0"/>
                  </a:lnTo>
                  <a:close/>
                </a:path>
                <a:path w="483234" h="5080">
                  <a:moveTo>
                    <a:pt x="44196" y="0"/>
                  </a:moveTo>
                  <a:lnTo>
                    <a:pt x="41148" y="0"/>
                  </a:lnTo>
                  <a:lnTo>
                    <a:pt x="41148" y="4572"/>
                  </a:lnTo>
                  <a:lnTo>
                    <a:pt x="44196" y="4572"/>
                  </a:lnTo>
                  <a:lnTo>
                    <a:pt x="44196" y="0"/>
                  </a:lnTo>
                  <a:close/>
                </a:path>
                <a:path w="483234" h="5080">
                  <a:moveTo>
                    <a:pt x="50292" y="0"/>
                  </a:moveTo>
                  <a:lnTo>
                    <a:pt x="47244" y="0"/>
                  </a:lnTo>
                  <a:lnTo>
                    <a:pt x="47244" y="4572"/>
                  </a:lnTo>
                  <a:lnTo>
                    <a:pt x="50292" y="4572"/>
                  </a:lnTo>
                  <a:lnTo>
                    <a:pt x="50292" y="0"/>
                  </a:lnTo>
                  <a:close/>
                </a:path>
                <a:path w="483234" h="5080">
                  <a:moveTo>
                    <a:pt x="57912" y="0"/>
                  </a:moveTo>
                  <a:lnTo>
                    <a:pt x="54864" y="0"/>
                  </a:lnTo>
                  <a:lnTo>
                    <a:pt x="54864" y="4572"/>
                  </a:lnTo>
                  <a:lnTo>
                    <a:pt x="57912" y="4572"/>
                  </a:lnTo>
                  <a:lnTo>
                    <a:pt x="57912" y="0"/>
                  </a:lnTo>
                  <a:close/>
                </a:path>
                <a:path w="483234" h="5080">
                  <a:moveTo>
                    <a:pt x="64008" y="0"/>
                  </a:moveTo>
                  <a:lnTo>
                    <a:pt x="60960" y="0"/>
                  </a:lnTo>
                  <a:lnTo>
                    <a:pt x="60960" y="4572"/>
                  </a:lnTo>
                  <a:lnTo>
                    <a:pt x="64008" y="4572"/>
                  </a:lnTo>
                  <a:lnTo>
                    <a:pt x="64008" y="0"/>
                  </a:lnTo>
                  <a:close/>
                </a:path>
                <a:path w="483234" h="5080">
                  <a:moveTo>
                    <a:pt x="71628" y="0"/>
                  </a:moveTo>
                  <a:lnTo>
                    <a:pt x="68580" y="0"/>
                  </a:lnTo>
                  <a:lnTo>
                    <a:pt x="68580" y="4572"/>
                  </a:lnTo>
                  <a:lnTo>
                    <a:pt x="71628" y="4572"/>
                  </a:lnTo>
                  <a:lnTo>
                    <a:pt x="71628" y="0"/>
                  </a:lnTo>
                  <a:close/>
                </a:path>
                <a:path w="483234" h="5080">
                  <a:moveTo>
                    <a:pt x="77724" y="0"/>
                  </a:moveTo>
                  <a:lnTo>
                    <a:pt x="74676" y="0"/>
                  </a:lnTo>
                  <a:lnTo>
                    <a:pt x="74676" y="4572"/>
                  </a:lnTo>
                  <a:lnTo>
                    <a:pt x="77724" y="4572"/>
                  </a:lnTo>
                  <a:lnTo>
                    <a:pt x="77724" y="0"/>
                  </a:lnTo>
                  <a:close/>
                </a:path>
                <a:path w="483234" h="5080">
                  <a:moveTo>
                    <a:pt x="85344" y="0"/>
                  </a:moveTo>
                  <a:lnTo>
                    <a:pt x="82296" y="0"/>
                  </a:lnTo>
                  <a:lnTo>
                    <a:pt x="82296" y="4572"/>
                  </a:lnTo>
                  <a:lnTo>
                    <a:pt x="85344" y="4572"/>
                  </a:lnTo>
                  <a:lnTo>
                    <a:pt x="85344" y="0"/>
                  </a:lnTo>
                  <a:close/>
                </a:path>
                <a:path w="483234" h="5080">
                  <a:moveTo>
                    <a:pt x="91440" y="0"/>
                  </a:moveTo>
                  <a:lnTo>
                    <a:pt x="88392" y="0"/>
                  </a:lnTo>
                  <a:lnTo>
                    <a:pt x="88392" y="4572"/>
                  </a:lnTo>
                  <a:lnTo>
                    <a:pt x="91440" y="4572"/>
                  </a:lnTo>
                  <a:lnTo>
                    <a:pt x="91440" y="0"/>
                  </a:lnTo>
                  <a:close/>
                </a:path>
                <a:path w="483234" h="5080">
                  <a:moveTo>
                    <a:pt x="99060" y="0"/>
                  </a:moveTo>
                  <a:lnTo>
                    <a:pt x="96012" y="0"/>
                  </a:lnTo>
                  <a:lnTo>
                    <a:pt x="96012" y="4572"/>
                  </a:lnTo>
                  <a:lnTo>
                    <a:pt x="99060" y="4572"/>
                  </a:lnTo>
                  <a:lnTo>
                    <a:pt x="99060" y="0"/>
                  </a:lnTo>
                  <a:close/>
                </a:path>
                <a:path w="483234" h="5080">
                  <a:moveTo>
                    <a:pt x="105156" y="0"/>
                  </a:moveTo>
                  <a:lnTo>
                    <a:pt x="102108" y="0"/>
                  </a:lnTo>
                  <a:lnTo>
                    <a:pt x="102108" y="4572"/>
                  </a:lnTo>
                  <a:lnTo>
                    <a:pt x="105156" y="4572"/>
                  </a:lnTo>
                  <a:lnTo>
                    <a:pt x="105156" y="0"/>
                  </a:lnTo>
                  <a:close/>
                </a:path>
                <a:path w="483234" h="5080">
                  <a:moveTo>
                    <a:pt x="112776" y="0"/>
                  </a:moveTo>
                  <a:lnTo>
                    <a:pt x="109728" y="0"/>
                  </a:lnTo>
                  <a:lnTo>
                    <a:pt x="109728" y="4572"/>
                  </a:lnTo>
                  <a:lnTo>
                    <a:pt x="112776" y="4572"/>
                  </a:lnTo>
                  <a:lnTo>
                    <a:pt x="112776" y="0"/>
                  </a:lnTo>
                  <a:close/>
                </a:path>
                <a:path w="483234" h="5080">
                  <a:moveTo>
                    <a:pt x="118872" y="0"/>
                  </a:moveTo>
                  <a:lnTo>
                    <a:pt x="115824" y="0"/>
                  </a:lnTo>
                  <a:lnTo>
                    <a:pt x="115824" y="4572"/>
                  </a:lnTo>
                  <a:lnTo>
                    <a:pt x="118872" y="4572"/>
                  </a:lnTo>
                  <a:lnTo>
                    <a:pt x="118872" y="0"/>
                  </a:lnTo>
                  <a:close/>
                </a:path>
                <a:path w="483234" h="5080">
                  <a:moveTo>
                    <a:pt x="126492" y="0"/>
                  </a:moveTo>
                  <a:lnTo>
                    <a:pt x="123444" y="0"/>
                  </a:lnTo>
                  <a:lnTo>
                    <a:pt x="123444" y="4572"/>
                  </a:lnTo>
                  <a:lnTo>
                    <a:pt x="126492" y="4572"/>
                  </a:lnTo>
                  <a:lnTo>
                    <a:pt x="126492" y="0"/>
                  </a:lnTo>
                  <a:close/>
                </a:path>
                <a:path w="483234" h="5080">
                  <a:moveTo>
                    <a:pt x="132588" y="0"/>
                  </a:moveTo>
                  <a:lnTo>
                    <a:pt x="129540" y="0"/>
                  </a:lnTo>
                  <a:lnTo>
                    <a:pt x="129540" y="4572"/>
                  </a:lnTo>
                  <a:lnTo>
                    <a:pt x="132588" y="4572"/>
                  </a:lnTo>
                  <a:lnTo>
                    <a:pt x="132588" y="0"/>
                  </a:lnTo>
                  <a:close/>
                </a:path>
                <a:path w="483234" h="5080">
                  <a:moveTo>
                    <a:pt x="140208" y="0"/>
                  </a:moveTo>
                  <a:lnTo>
                    <a:pt x="137160" y="0"/>
                  </a:lnTo>
                  <a:lnTo>
                    <a:pt x="137160" y="4572"/>
                  </a:lnTo>
                  <a:lnTo>
                    <a:pt x="140208" y="4572"/>
                  </a:lnTo>
                  <a:lnTo>
                    <a:pt x="140208" y="0"/>
                  </a:lnTo>
                  <a:close/>
                </a:path>
                <a:path w="483234" h="5080">
                  <a:moveTo>
                    <a:pt x="146304" y="0"/>
                  </a:moveTo>
                  <a:lnTo>
                    <a:pt x="143256" y="0"/>
                  </a:lnTo>
                  <a:lnTo>
                    <a:pt x="143256" y="4572"/>
                  </a:lnTo>
                  <a:lnTo>
                    <a:pt x="146304" y="4572"/>
                  </a:lnTo>
                  <a:lnTo>
                    <a:pt x="146304" y="0"/>
                  </a:lnTo>
                  <a:close/>
                </a:path>
                <a:path w="483234" h="5080">
                  <a:moveTo>
                    <a:pt x="153924" y="0"/>
                  </a:moveTo>
                  <a:lnTo>
                    <a:pt x="150876" y="0"/>
                  </a:lnTo>
                  <a:lnTo>
                    <a:pt x="150876" y="4572"/>
                  </a:lnTo>
                  <a:lnTo>
                    <a:pt x="153924" y="4572"/>
                  </a:lnTo>
                  <a:lnTo>
                    <a:pt x="153924" y="0"/>
                  </a:lnTo>
                  <a:close/>
                </a:path>
                <a:path w="483234" h="5080">
                  <a:moveTo>
                    <a:pt x="160020" y="0"/>
                  </a:moveTo>
                  <a:lnTo>
                    <a:pt x="156972" y="0"/>
                  </a:lnTo>
                  <a:lnTo>
                    <a:pt x="156972" y="4572"/>
                  </a:lnTo>
                  <a:lnTo>
                    <a:pt x="160020" y="4572"/>
                  </a:lnTo>
                  <a:lnTo>
                    <a:pt x="160020" y="0"/>
                  </a:lnTo>
                  <a:close/>
                </a:path>
                <a:path w="483234" h="5080">
                  <a:moveTo>
                    <a:pt x="167640" y="0"/>
                  </a:moveTo>
                  <a:lnTo>
                    <a:pt x="164592" y="0"/>
                  </a:lnTo>
                  <a:lnTo>
                    <a:pt x="164592" y="4572"/>
                  </a:lnTo>
                  <a:lnTo>
                    <a:pt x="167640" y="4572"/>
                  </a:lnTo>
                  <a:lnTo>
                    <a:pt x="167640" y="0"/>
                  </a:lnTo>
                  <a:close/>
                </a:path>
                <a:path w="483234" h="5080">
                  <a:moveTo>
                    <a:pt x="173736" y="0"/>
                  </a:moveTo>
                  <a:lnTo>
                    <a:pt x="170688" y="0"/>
                  </a:lnTo>
                  <a:lnTo>
                    <a:pt x="170688" y="4572"/>
                  </a:lnTo>
                  <a:lnTo>
                    <a:pt x="173736" y="4572"/>
                  </a:lnTo>
                  <a:lnTo>
                    <a:pt x="173736" y="0"/>
                  </a:lnTo>
                  <a:close/>
                </a:path>
                <a:path w="483234" h="5080">
                  <a:moveTo>
                    <a:pt x="181356" y="0"/>
                  </a:moveTo>
                  <a:lnTo>
                    <a:pt x="178308" y="0"/>
                  </a:lnTo>
                  <a:lnTo>
                    <a:pt x="178308" y="4572"/>
                  </a:lnTo>
                  <a:lnTo>
                    <a:pt x="181356" y="4572"/>
                  </a:lnTo>
                  <a:lnTo>
                    <a:pt x="181356" y="0"/>
                  </a:lnTo>
                  <a:close/>
                </a:path>
                <a:path w="483234" h="5080">
                  <a:moveTo>
                    <a:pt x="187452" y="0"/>
                  </a:moveTo>
                  <a:lnTo>
                    <a:pt x="184404" y="0"/>
                  </a:lnTo>
                  <a:lnTo>
                    <a:pt x="184404" y="4572"/>
                  </a:lnTo>
                  <a:lnTo>
                    <a:pt x="187452" y="4572"/>
                  </a:lnTo>
                  <a:lnTo>
                    <a:pt x="187452" y="0"/>
                  </a:lnTo>
                  <a:close/>
                </a:path>
                <a:path w="483234" h="5080">
                  <a:moveTo>
                    <a:pt x="195072" y="0"/>
                  </a:moveTo>
                  <a:lnTo>
                    <a:pt x="192024" y="0"/>
                  </a:lnTo>
                  <a:lnTo>
                    <a:pt x="192024" y="4572"/>
                  </a:lnTo>
                  <a:lnTo>
                    <a:pt x="195072" y="4572"/>
                  </a:lnTo>
                  <a:lnTo>
                    <a:pt x="195072" y="0"/>
                  </a:lnTo>
                  <a:close/>
                </a:path>
                <a:path w="483234" h="5080">
                  <a:moveTo>
                    <a:pt x="201168" y="0"/>
                  </a:moveTo>
                  <a:lnTo>
                    <a:pt x="198120" y="0"/>
                  </a:lnTo>
                  <a:lnTo>
                    <a:pt x="198120" y="4572"/>
                  </a:lnTo>
                  <a:lnTo>
                    <a:pt x="201168" y="4572"/>
                  </a:lnTo>
                  <a:lnTo>
                    <a:pt x="201168" y="0"/>
                  </a:lnTo>
                  <a:close/>
                </a:path>
                <a:path w="483234" h="5080">
                  <a:moveTo>
                    <a:pt x="208788" y="0"/>
                  </a:moveTo>
                  <a:lnTo>
                    <a:pt x="205740" y="0"/>
                  </a:lnTo>
                  <a:lnTo>
                    <a:pt x="205740" y="4572"/>
                  </a:lnTo>
                  <a:lnTo>
                    <a:pt x="208788" y="4572"/>
                  </a:lnTo>
                  <a:lnTo>
                    <a:pt x="208788" y="0"/>
                  </a:lnTo>
                  <a:close/>
                </a:path>
                <a:path w="483234" h="5080">
                  <a:moveTo>
                    <a:pt x="214884" y="0"/>
                  </a:moveTo>
                  <a:lnTo>
                    <a:pt x="211836" y="0"/>
                  </a:lnTo>
                  <a:lnTo>
                    <a:pt x="211836" y="4572"/>
                  </a:lnTo>
                  <a:lnTo>
                    <a:pt x="214884" y="4572"/>
                  </a:lnTo>
                  <a:lnTo>
                    <a:pt x="214884" y="0"/>
                  </a:lnTo>
                  <a:close/>
                </a:path>
                <a:path w="483234" h="5080">
                  <a:moveTo>
                    <a:pt x="222504" y="0"/>
                  </a:moveTo>
                  <a:lnTo>
                    <a:pt x="219456" y="0"/>
                  </a:lnTo>
                  <a:lnTo>
                    <a:pt x="219456" y="4572"/>
                  </a:lnTo>
                  <a:lnTo>
                    <a:pt x="222504" y="4572"/>
                  </a:lnTo>
                  <a:lnTo>
                    <a:pt x="222504" y="0"/>
                  </a:lnTo>
                  <a:close/>
                </a:path>
                <a:path w="483234" h="5080">
                  <a:moveTo>
                    <a:pt x="228600" y="0"/>
                  </a:moveTo>
                  <a:lnTo>
                    <a:pt x="225552" y="0"/>
                  </a:lnTo>
                  <a:lnTo>
                    <a:pt x="225552" y="4572"/>
                  </a:lnTo>
                  <a:lnTo>
                    <a:pt x="228600" y="4572"/>
                  </a:lnTo>
                  <a:lnTo>
                    <a:pt x="228600" y="0"/>
                  </a:lnTo>
                  <a:close/>
                </a:path>
                <a:path w="483234" h="5080">
                  <a:moveTo>
                    <a:pt x="236220" y="0"/>
                  </a:moveTo>
                  <a:lnTo>
                    <a:pt x="233172" y="0"/>
                  </a:lnTo>
                  <a:lnTo>
                    <a:pt x="233172" y="4572"/>
                  </a:lnTo>
                  <a:lnTo>
                    <a:pt x="236220" y="4572"/>
                  </a:lnTo>
                  <a:lnTo>
                    <a:pt x="236220" y="0"/>
                  </a:lnTo>
                  <a:close/>
                </a:path>
                <a:path w="483234" h="5080">
                  <a:moveTo>
                    <a:pt x="242316" y="0"/>
                  </a:moveTo>
                  <a:lnTo>
                    <a:pt x="239268" y="0"/>
                  </a:lnTo>
                  <a:lnTo>
                    <a:pt x="239268" y="4572"/>
                  </a:lnTo>
                  <a:lnTo>
                    <a:pt x="242316" y="4572"/>
                  </a:lnTo>
                  <a:lnTo>
                    <a:pt x="242316" y="0"/>
                  </a:lnTo>
                  <a:close/>
                </a:path>
                <a:path w="483234" h="5080">
                  <a:moveTo>
                    <a:pt x="249936" y="0"/>
                  </a:moveTo>
                  <a:lnTo>
                    <a:pt x="246888" y="0"/>
                  </a:lnTo>
                  <a:lnTo>
                    <a:pt x="246888" y="4572"/>
                  </a:lnTo>
                  <a:lnTo>
                    <a:pt x="249936" y="4572"/>
                  </a:lnTo>
                  <a:lnTo>
                    <a:pt x="249936" y="0"/>
                  </a:lnTo>
                  <a:close/>
                </a:path>
                <a:path w="483234" h="5080">
                  <a:moveTo>
                    <a:pt x="256032" y="0"/>
                  </a:moveTo>
                  <a:lnTo>
                    <a:pt x="252984" y="0"/>
                  </a:lnTo>
                  <a:lnTo>
                    <a:pt x="252984" y="4572"/>
                  </a:lnTo>
                  <a:lnTo>
                    <a:pt x="256032" y="4572"/>
                  </a:lnTo>
                  <a:lnTo>
                    <a:pt x="256032" y="0"/>
                  </a:lnTo>
                  <a:close/>
                </a:path>
                <a:path w="483234" h="5080">
                  <a:moveTo>
                    <a:pt x="263652" y="0"/>
                  </a:moveTo>
                  <a:lnTo>
                    <a:pt x="260604" y="0"/>
                  </a:lnTo>
                  <a:lnTo>
                    <a:pt x="260604" y="4572"/>
                  </a:lnTo>
                  <a:lnTo>
                    <a:pt x="263652" y="4572"/>
                  </a:lnTo>
                  <a:lnTo>
                    <a:pt x="263652" y="0"/>
                  </a:lnTo>
                  <a:close/>
                </a:path>
                <a:path w="483234" h="5080">
                  <a:moveTo>
                    <a:pt x="269748" y="0"/>
                  </a:moveTo>
                  <a:lnTo>
                    <a:pt x="266700" y="0"/>
                  </a:lnTo>
                  <a:lnTo>
                    <a:pt x="266700" y="4572"/>
                  </a:lnTo>
                  <a:lnTo>
                    <a:pt x="269748" y="4572"/>
                  </a:lnTo>
                  <a:lnTo>
                    <a:pt x="269748" y="0"/>
                  </a:lnTo>
                  <a:close/>
                </a:path>
                <a:path w="483234" h="5080">
                  <a:moveTo>
                    <a:pt x="277368" y="0"/>
                  </a:moveTo>
                  <a:lnTo>
                    <a:pt x="274320" y="0"/>
                  </a:lnTo>
                  <a:lnTo>
                    <a:pt x="274320" y="4572"/>
                  </a:lnTo>
                  <a:lnTo>
                    <a:pt x="277368" y="4572"/>
                  </a:lnTo>
                  <a:lnTo>
                    <a:pt x="277368" y="0"/>
                  </a:lnTo>
                  <a:close/>
                </a:path>
                <a:path w="483234" h="5080">
                  <a:moveTo>
                    <a:pt x="283464" y="0"/>
                  </a:moveTo>
                  <a:lnTo>
                    <a:pt x="280416" y="0"/>
                  </a:lnTo>
                  <a:lnTo>
                    <a:pt x="280416" y="4572"/>
                  </a:lnTo>
                  <a:lnTo>
                    <a:pt x="283464" y="4572"/>
                  </a:lnTo>
                  <a:lnTo>
                    <a:pt x="283464" y="0"/>
                  </a:lnTo>
                  <a:close/>
                </a:path>
                <a:path w="483234" h="5080">
                  <a:moveTo>
                    <a:pt x="291084" y="0"/>
                  </a:moveTo>
                  <a:lnTo>
                    <a:pt x="288036" y="0"/>
                  </a:lnTo>
                  <a:lnTo>
                    <a:pt x="288036" y="4572"/>
                  </a:lnTo>
                  <a:lnTo>
                    <a:pt x="291084" y="4572"/>
                  </a:lnTo>
                  <a:lnTo>
                    <a:pt x="291084" y="0"/>
                  </a:lnTo>
                  <a:close/>
                </a:path>
                <a:path w="483234" h="5080">
                  <a:moveTo>
                    <a:pt x="297180" y="0"/>
                  </a:moveTo>
                  <a:lnTo>
                    <a:pt x="294132" y="0"/>
                  </a:lnTo>
                  <a:lnTo>
                    <a:pt x="294132" y="4572"/>
                  </a:lnTo>
                  <a:lnTo>
                    <a:pt x="297180" y="4572"/>
                  </a:lnTo>
                  <a:lnTo>
                    <a:pt x="297180" y="0"/>
                  </a:lnTo>
                  <a:close/>
                </a:path>
                <a:path w="483234" h="5080">
                  <a:moveTo>
                    <a:pt x="304800" y="0"/>
                  </a:moveTo>
                  <a:lnTo>
                    <a:pt x="301752" y="0"/>
                  </a:lnTo>
                  <a:lnTo>
                    <a:pt x="301752" y="4572"/>
                  </a:lnTo>
                  <a:lnTo>
                    <a:pt x="304800" y="4572"/>
                  </a:lnTo>
                  <a:lnTo>
                    <a:pt x="304800" y="0"/>
                  </a:lnTo>
                  <a:close/>
                </a:path>
                <a:path w="483234" h="5080">
                  <a:moveTo>
                    <a:pt x="310896" y="0"/>
                  </a:moveTo>
                  <a:lnTo>
                    <a:pt x="307848" y="0"/>
                  </a:lnTo>
                  <a:lnTo>
                    <a:pt x="307848" y="4572"/>
                  </a:lnTo>
                  <a:lnTo>
                    <a:pt x="310896" y="4572"/>
                  </a:lnTo>
                  <a:lnTo>
                    <a:pt x="310896" y="0"/>
                  </a:lnTo>
                  <a:close/>
                </a:path>
                <a:path w="483234" h="5080">
                  <a:moveTo>
                    <a:pt x="318516" y="0"/>
                  </a:moveTo>
                  <a:lnTo>
                    <a:pt x="315468" y="0"/>
                  </a:lnTo>
                  <a:lnTo>
                    <a:pt x="315468" y="4572"/>
                  </a:lnTo>
                  <a:lnTo>
                    <a:pt x="318516" y="4572"/>
                  </a:lnTo>
                  <a:lnTo>
                    <a:pt x="318516" y="0"/>
                  </a:lnTo>
                  <a:close/>
                </a:path>
                <a:path w="483234" h="5080">
                  <a:moveTo>
                    <a:pt x="324612" y="0"/>
                  </a:moveTo>
                  <a:lnTo>
                    <a:pt x="321564" y="0"/>
                  </a:lnTo>
                  <a:lnTo>
                    <a:pt x="321564" y="4572"/>
                  </a:lnTo>
                  <a:lnTo>
                    <a:pt x="324612" y="4572"/>
                  </a:lnTo>
                  <a:lnTo>
                    <a:pt x="324612" y="0"/>
                  </a:lnTo>
                  <a:close/>
                </a:path>
                <a:path w="483234" h="5080">
                  <a:moveTo>
                    <a:pt x="332232" y="0"/>
                  </a:moveTo>
                  <a:lnTo>
                    <a:pt x="329184" y="0"/>
                  </a:lnTo>
                  <a:lnTo>
                    <a:pt x="329184" y="4572"/>
                  </a:lnTo>
                  <a:lnTo>
                    <a:pt x="332232" y="4572"/>
                  </a:lnTo>
                  <a:lnTo>
                    <a:pt x="332232" y="0"/>
                  </a:lnTo>
                  <a:close/>
                </a:path>
                <a:path w="483234" h="5080">
                  <a:moveTo>
                    <a:pt x="338328" y="0"/>
                  </a:moveTo>
                  <a:lnTo>
                    <a:pt x="335280" y="0"/>
                  </a:lnTo>
                  <a:lnTo>
                    <a:pt x="335280" y="4572"/>
                  </a:lnTo>
                  <a:lnTo>
                    <a:pt x="338328" y="4572"/>
                  </a:lnTo>
                  <a:lnTo>
                    <a:pt x="338328" y="0"/>
                  </a:lnTo>
                  <a:close/>
                </a:path>
                <a:path w="483234" h="5080">
                  <a:moveTo>
                    <a:pt x="345948" y="0"/>
                  </a:moveTo>
                  <a:lnTo>
                    <a:pt x="342900" y="0"/>
                  </a:lnTo>
                  <a:lnTo>
                    <a:pt x="342900"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6616" y="0"/>
                  </a:lnTo>
                  <a:lnTo>
                    <a:pt x="356616"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70332" y="0"/>
                  </a:lnTo>
                  <a:lnTo>
                    <a:pt x="370332"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4048" y="0"/>
                  </a:lnTo>
                  <a:lnTo>
                    <a:pt x="384048"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7764" y="0"/>
                  </a:lnTo>
                  <a:lnTo>
                    <a:pt x="397764"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11480" y="0"/>
                  </a:lnTo>
                  <a:lnTo>
                    <a:pt x="411480"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5196" y="0"/>
                  </a:lnTo>
                  <a:lnTo>
                    <a:pt x="425196"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8912" y="0"/>
                  </a:lnTo>
                  <a:lnTo>
                    <a:pt x="438912"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2628" y="0"/>
                  </a:lnTo>
                  <a:lnTo>
                    <a:pt x="452628"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6344" y="0"/>
                  </a:lnTo>
                  <a:lnTo>
                    <a:pt x="466344"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34" name="object 134"/>
            <p:cNvSpPr/>
            <p:nvPr/>
          </p:nvSpPr>
          <p:spPr>
            <a:xfrm>
              <a:off x="1085088" y="1726691"/>
              <a:ext cx="8920480" cy="562610"/>
            </a:xfrm>
            <a:custGeom>
              <a:avLst/>
              <a:gdLst/>
              <a:ahLst/>
              <a:cxnLst/>
              <a:rect l="l" t="t" r="r" b="b"/>
              <a:pathLst>
                <a:path w="8920480" h="562610">
                  <a:moveTo>
                    <a:pt x="3048" y="0"/>
                  </a:moveTo>
                  <a:lnTo>
                    <a:pt x="0" y="0"/>
                  </a:lnTo>
                  <a:lnTo>
                    <a:pt x="0" y="4572"/>
                  </a:lnTo>
                  <a:lnTo>
                    <a:pt x="3048" y="4572"/>
                  </a:lnTo>
                  <a:lnTo>
                    <a:pt x="3048" y="0"/>
                  </a:lnTo>
                  <a:close/>
                </a:path>
                <a:path w="8920480" h="562610">
                  <a:moveTo>
                    <a:pt x="10668" y="0"/>
                  </a:moveTo>
                  <a:lnTo>
                    <a:pt x="6096" y="0"/>
                  </a:lnTo>
                  <a:lnTo>
                    <a:pt x="6096" y="4572"/>
                  </a:lnTo>
                  <a:lnTo>
                    <a:pt x="10668" y="4572"/>
                  </a:lnTo>
                  <a:lnTo>
                    <a:pt x="10668" y="0"/>
                  </a:lnTo>
                  <a:close/>
                </a:path>
                <a:path w="8920480" h="562610">
                  <a:moveTo>
                    <a:pt x="16764" y="0"/>
                  </a:moveTo>
                  <a:lnTo>
                    <a:pt x="13716" y="0"/>
                  </a:lnTo>
                  <a:lnTo>
                    <a:pt x="13716" y="4572"/>
                  </a:lnTo>
                  <a:lnTo>
                    <a:pt x="16764" y="4572"/>
                  </a:lnTo>
                  <a:lnTo>
                    <a:pt x="16764" y="0"/>
                  </a:lnTo>
                  <a:close/>
                </a:path>
                <a:path w="8920480" h="562610">
                  <a:moveTo>
                    <a:pt x="24384" y="0"/>
                  </a:moveTo>
                  <a:lnTo>
                    <a:pt x="19812" y="0"/>
                  </a:lnTo>
                  <a:lnTo>
                    <a:pt x="19812" y="4572"/>
                  </a:lnTo>
                  <a:lnTo>
                    <a:pt x="24384" y="4572"/>
                  </a:lnTo>
                  <a:lnTo>
                    <a:pt x="24384" y="0"/>
                  </a:lnTo>
                  <a:close/>
                </a:path>
                <a:path w="8920480" h="562610">
                  <a:moveTo>
                    <a:pt x="30480" y="0"/>
                  </a:moveTo>
                  <a:lnTo>
                    <a:pt x="27432" y="0"/>
                  </a:lnTo>
                  <a:lnTo>
                    <a:pt x="27432" y="4572"/>
                  </a:lnTo>
                  <a:lnTo>
                    <a:pt x="30480" y="4572"/>
                  </a:lnTo>
                  <a:lnTo>
                    <a:pt x="30480" y="0"/>
                  </a:lnTo>
                  <a:close/>
                </a:path>
                <a:path w="8920480" h="562610">
                  <a:moveTo>
                    <a:pt x="38100" y="0"/>
                  </a:moveTo>
                  <a:lnTo>
                    <a:pt x="33528" y="0"/>
                  </a:lnTo>
                  <a:lnTo>
                    <a:pt x="33528" y="4572"/>
                  </a:lnTo>
                  <a:lnTo>
                    <a:pt x="38100" y="4572"/>
                  </a:lnTo>
                  <a:lnTo>
                    <a:pt x="38100" y="0"/>
                  </a:lnTo>
                  <a:close/>
                </a:path>
                <a:path w="8920480" h="562610">
                  <a:moveTo>
                    <a:pt x="44196" y="0"/>
                  </a:moveTo>
                  <a:lnTo>
                    <a:pt x="41148" y="0"/>
                  </a:lnTo>
                  <a:lnTo>
                    <a:pt x="41148" y="4572"/>
                  </a:lnTo>
                  <a:lnTo>
                    <a:pt x="44196" y="4572"/>
                  </a:lnTo>
                  <a:lnTo>
                    <a:pt x="44196" y="0"/>
                  </a:lnTo>
                  <a:close/>
                </a:path>
                <a:path w="8920480" h="562610">
                  <a:moveTo>
                    <a:pt x="51816" y="0"/>
                  </a:moveTo>
                  <a:lnTo>
                    <a:pt x="47244" y="0"/>
                  </a:lnTo>
                  <a:lnTo>
                    <a:pt x="47244" y="4572"/>
                  </a:lnTo>
                  <a:lnTo>
                    <a:pt x="51816" y="4572"/>
                  </a:lnTo>
                  <a:lnTo>
                    <a:pt x="51816" y="0"/>
                  </a:lnTo>
                  <a:close/>
                </a:path>
                <a:path w="8920480" h="562610">
                  <a:moveTo>
                    <a:pt x="57912" y="0"/>
                  </a:moveTo>
                  <a:lnTo>
                    <a:pt x="54864" y="0"/>
                  </a:lnTo>
                  <a:lnTo>
                    <a:pt x="54864" y="4572"/>
                  </a:lnTo>
                  <a:lnTo>
                    <a:pt x="57912" y="4572"/>
                  </a:lnTo>
                  <a:lnTo>
                    <a:pt x="57912" y="0"/>
                  </a:lnTo>
                  <a:close/>
                </a:path>
                <a:path w="8920480" h="562610">
                  <a:moveTo>
                    <a:pt x="65532" y="0"/>
                  </a:moveTo>
                  <a:lnTo>
                    <a:pt x="60960" y="0"/>
                  </a:lnTo>
                  <a:lnTo>
                    <a:pt x="60960" y="4572"/>
                  </a:lnTo>
                  <a:lnTo>
                    <a:pt x="65532" y="4572"/>
                  </a:lnTo>
                  <a:lnTo>
                    <a:pt x="65532" y="0"/>
                  </a:lnTo>
                  <a:close/>
                </a:path>
                <a:path w="8920480" h="562610">
                  <a:moveTo>
                    <a:pt x="71628" y="0"/>
                  </a:moveTo>
                  <a:lnTo>
                    <a:pt x="68580" y="0"/>
                  </a:lnTo>
                  <a:lnTo>
                    <a:pt x="68580" y="4572"/>
                  </a:lnTo>
                  <a:lnTo>
                    <a:pt x="71628" y="4572"/>
                  </a:lnTo>
                  <a:lnTo>
                    <a:pt x="71628" y="0"/>
                  </a:lnTo>
                  <a:close/>
                </a:path>
                <a:path w="8920480" h="562610">
                  <a:moveTo>
                    <a:pt x="79248" y="0"/>
                  </a:moveTo>
                  <a:lnTo>
                    <a:pt x="74676" y="0"/>
                  </a:lnTo>
                  <a:lnTo>
                    <a:pt x="74676" y="4572"/>
                  </a:lnTo>
                  <a:lnTo>
                    <a:pt x="79248" y="4572"/>
                  </a:lnTo>
                  <a:lnTo>
                    <a:pt x="79248" y="0"/>
                  </a:lnTo>
                  <a:close/>
                </a:path>
                <a:path w="8920480" h="562610">
                  <a:moveTo>
                    <a:pt x="85344" y="0"/>
                  </a:moveTo>
                  <a:lnTo>
                    <a:pt x="82296" y="0"/>
                  </a:lnTo>
                  <a:lnTo>
                    <a:pt x="82296" y="4572"/>
                  </a:lnTo>
                  <a:lnTo>
                    <a:pt x="85344" y="4572"/>
                  </a:lnTo>
                  <a:lnTo>
                    <a:pt x="85344" y="0"/>
                  </a:lnTo>
                  <a:close/>
                </a:path>
                <a:path w="8920480" h="562610">
                  <a:moveTo>
                    <a:pt x="92964" y="0"/>
                  </a:moveTo>
                  <a:lnTo>
                    <a:pt x="88392" y="0"/>
                  </a:lnTo>
                  <a:lnTo>
                    <a:pt x="88392" y="4572"/>
                  </a:lnTo>
                  <a:lnTo>
                    <a:pt x="92964" y="4572"/>
                  </a:lnTo>
                  <a:lnTo>
                    <a:pt x="92964" y="0"/>
                  </a:lnTo>
                  <a:close/>
                </a:path>
                <a:path w="8920480" h="562610">
                  <a:moveTo>
                    <a:pt x="99060" y="0"/>
                  </a:moveTo>
                  <a:lnTo>
                    <a:pt x="96012" y="0"/>
                  </a:lnTo>
                  <a:lnTo>
                    <a:pt x="96012" y="4572"/>
                  </a:lnTo>
                  <a:lnTo>
                    <a:pt x="99060" y="4572"/>
                  </a:lnTo>
                  <a:lnTo>
                    <a:pt x="99060" y="0"/>
                  </a:lnTo>
                  <a:close/>
                </a:path>
                <a:path w="8920480" h="562610">
                  <a:moveTo>
                    <a:pt x="8543544" y="557784"/>
                  </a:moveTo>
                  <a:lnTo>
                    <a:pt x="8540496" y="557784"/>
                  </a:lnTo>
                  <a:lnTo>
                    <a:pt x="8540496" y="562356"/>
                  </a:lnTo>
                  <a:lnTo>
                    <a:pt x="8543544" y="562356"/>
                  </a:lnTo>
                  <a:lnTo>
                    <a:pt x="8543544" y="557784"/>
                  </a:lnTo>
                  <a:close/>
                </a:path>
                <a:path w="8920480" h="562610">
                  <a:moveTo>
                    <a:pt x="8549640" y="557784"/>
                  </a:moveTo>
                  <a:lnTo>
                    <a:pt x="8546592" y="557784"/>
                  </a:lnTo>
                  <a:lnTo>
                    <a:pt x="8546592" y="562356"/>
                  </a:lnTo>
                  <a:lnTo>
                    <a:pt x="8549640" y="562356"/>
                  </a:lnTo>
                  <a:lnTo>
                    <a:pt x="8549640" y="557784"/>
                  </a:lnTo>
                  <a:close/>
                </a:path>
                <a:path w="8920480" h="562610">
                  <a:moveTo>
                    <a:pt x="8557260" y="557784"/>
                  </a:moveTo>
                  <a:lnTo>
                    <a:pt x="8552688" y="557784"/>
                  </a:lnTo>
                  <a:lnTo>
                    <a:pt x="8552688" y="562356"/>
                  </a:lnTo>
                  <a:lnTo>
                    <a:pt x="8557260" y="562356"/>
                  </a:lnTo>
                  <a:lnTo>
                    <a:pt x="8557260" y="557784"/>
                  </a:lnTo>
                  <a:close/>
                </a:path>
                <a:path w="8920480" h="562610">
                  <a:moveTo>
                    <a:pt x="8563356" y="557784"/>
                  </a:moveTo>
                  <a:lnTo>
                    <a:pt x="8560308" y="557784"/>
                  </a:lnTo>
                  <a:lnTo>
                    <a:pt x="8560308" y="562356"/>
                  </a:lnTo>
                  <a:lnTo>
                    <a:pt x="8563356" y="562356"/>
                  </a:lnTo>
                  <a:lnTo>
                    <a:pt x="8563356" y="557784"/>
                  </a:lnTo>
                  <a:close/>
                </a:path>
                <a:path w="8920480" h="562610">
                  <a:moveTo>
                    <a:pt x="8570976" y="557784"/>
                  </a:moveTo>
                  <a:lnTo>
                    <a:pt x="8566404" y="557784"/>
                  </a:lnTo>
                  <a:lnTo>
                    <a:pt x="8566404" y="562356"/>
                  </a:lnTo>
                  <a:lnTo>
                    <a:pt x="8570976" y="562356"/>
                  </a:lnTo>
                  <a:lnTo>
                    <a:pt x="8570976" y="557784"/>
                  </a:lnTo>
                  <a:close/>
                </a:path>
                <a:path w="8920480" h="562610">
                  <a:moveTo>
                    <a:pt x="8577072" y="557784"/>
                  </a:moveTo>
                  <a:lnTo>
                    <a:pt x="8574024" y="557784"/>
                  </a:lnTo>
                  <a:lnTo>
                    <a:pt x="8574024" y="562356"/>
                  </a:lnTo>
                  <a:lnTo>
                    <a:pt x="8577072" y="562356"/>
                  </a:lnTo>
                  <a:lnTo>
                    <a:pt x="8577072" y="557784"/>
                  </a:lnTo>
                  <a:close/>
                </a:path>
                <a:path w="8920480" h="562610">
                  <a:moveTo>
                    <a:pt x="8584692" y="557784"/>
                  </a:moveTo>
                  <a:lnTo>
                    <a:pt x="8580120" y="557784"/>
                  </a:lnTo>
                  <a:lnTo>
                    <a:pt x="8580120" y="562356"/>
                  </a:lnTo>
                  <a:lnTo>
                    <a:pt x="8584692" y="562356"/>
                  </a:lnTo>
                  <a:lnTo>
                    <a:pt x="8584692" y="557784"/>
                  </a:lnTo>
                  <a:close/>
                </a:path>
                <a:path w="8920480" h="562610">
                  <a:moveTo>
                    <a:pt x="8590788" y="557784"/>
                  </a:moveTo>
                  <a:lnTo>
                    <a:pt x="8587740" y="557784"/>
                  </a:lnTo>
                  <a:lnTo>
                    <a:pt x="8587740" y="562356"/>
                  </a:lnTo>
                  <a:lnTo>
                    <a:pt x="8590788" y="562356"/>
                  </a:lnTo>
                  <a:lnTo>
                    <a:pt x="8590788" y="557784"/>
                  </a:lnTo>
                  <a:close/>
                </a:path>
                <a:path w="8920480" h="562610">
                  <a:moveTo>
                    <a:pt x="8598408" y="557784"/>
                  </a:moveTo>
                  <a:lnTo>
                    <a:pt x="8593836" y="557784"/>
                  </a:lnTo>
                  <a:lnTo>
                    <a:pt x="8593836" y="562356"/>
                  </a:lnTo>
                  <a:lnTo>
                    <a:pt x="8598408" y="562356"/>
                  </a:lnTo>
                  <a:lnTo>
                    <a:pt x="8598408" y="557784"/>
                  </a:lnTo>
                  <a:close/>
                </a:path>
                <a:path w="8920480" h="562610">
                  <a:moveTo>
                    <a:pt x="8604504" y="557784"/>
                  </a:moveTo>
                  <a:lnTo>
                    <a:pt x="8601456" y="557784"/>
                  </a:lnTo>
                  <a:lnTo>
                    <a:pt x="8601456" y="562356"/>
                  </a:lnTo>
                  <a:lnTo>
                    <a:pt x="8604504" y="562356"/>
                  </a:lnTo>
                  <a:lnTo>
                    <a:pt x="8604504" y="557784"/>
                  </a:lnTo>
                  <a:close/>
                </a:path>
                <a:path w="8920480" h="562610">
                  <a:moveTo>
                    <a:pt x="8612124" y="557784"/>
                  </a:moveTo>
                  <a:lnTo>
                    <a:pt x="8607552" y="557784"/>
                  </a:lnTo>
                  <a:lnTo>
                    <a:pt x="8607552" y="562356"/>
                  </a:lnTo>
                  <a:lnTo>
                    <a:pt x="8612124" y="562356"/>
                  </a:lnTo>
                  <a:lnTo>
                    <a:pt x="8612124" y="557784"/>
                  </a:lnTo>
                  <a:close/>
                </a:path>
                <a:path w="8920480" h="562610">
                  <a:moveTo>
                    <a:pt x="8618220" y="557784"/>
                  </a:moveTo>
                  <a:lnTo>
                    <a:pt x="8615172" y="557784"/>
                  </a:lnTo>
                  <a:lnTo>
                    <a:pt x="8615172" y="562356"/>
                  </a:lnTo>
                  <a:lnTo>
                    <a:pt x="8618220" y="562356"/>
                  </a:lnTo>
                  <a:lnTo>
                    <a:pt x="8618220" y="557784"/>
                  </a:lnTo>
                  <a:close/>
                </a:path>
                <a:path w="8920480" h="562610">
                  <a:moveTo>
                    <a:pt x="8625840" y="557784"/>
                  </a:moveTo>
                  <a:lnTo>
                    <a:pt x="8621268" y="557784"/>
                  </a:lnTo>
                  <a:lnTo>
                    <a:pt x="8621268" y="562356"/>
                  </a:lnTo>
                  <a:lnTo>
                    <a:pt x="8625840" y="562356"/>
                  </a:lnTo>
                  <a:lnTo>
                    <a:pt x="8625840" y="557784"/>
                  </a:lnTo>
                  <a:close/>
                </a:path>
                <a:path w="8920480" h="562610">
                  <a:moveTo>
                    <a:pt x="8631936" y="557784"/>
                  </a:moveTo>
                  <a:lnTo>
                    <a:pt x="8628888" y="557784"/>
                  </a:lnTo>
                  <a:lnTo>
                    <a:pt x="8628888" y="562356"/>
                  </a:lnTo>
                  <a:lnTo>
                    <a:pt x="8631936" y="562356"/>
                  </a:lnTo>
                  <a:lnTo>
                    <a:pt x="8631936" y="557784"/>
                  </a:lnTo>
                  <a:close/>
                </a:path>
                <a:path w="8920480" h="562610">
                  <a:moveTo>
                    <a:pt x="8639556" y="557784"/>
                  </a:moveTo>
                  <a:lnTo>
                    <a:pt x="8634984" y="557784"/>
                  </a:lnTo>
                  <a:lnTo>
                    <a:pt x="8634984" y="562356"/>
                  </a:lnTo>
                  <a:lnTo>
                    <a:pt x="8639556" y="562356"/>
                  </a:lnTo>
                  <a:lnTo>
                    <a:pt x="8639556" y="557784"/>
                  </a:lnTo>
                  <a:close/>
                </a:path>
                <a:path w="8920480" h="562610">
                  <a:moveTo>
                    <a:pt x="8645652" y="557784"/>
                  </a:moveTo>
                  <a:lnTo>
                    <a:pt x="8642604" y="557784"/>
                  </a:lnTo>
                  <a:lnTo>
                    <a:pt x="8642604" y="562356"/>
                  </a:lnTo>
                  <a:lnTo>
                    <a:pt x="8645652" y="562356"/>
                  </a:lnTo>
                  <a:lnTo>
                    <a:pt x="8645652" y="557784"/>
                  </a:lnTo>
                  <a:close/>
                </a:path>
                <a:path w="8920480" h="562610">
                  <a:moveTo>
                    <a:pt x="8653272" y="557784"/>
                  </a:moveTo>
                  <a:lnTo>
                    <a:pt x="8648700" y="557784"/>
                  </a:lnTo>
                  <a:lnTo>
                    <a:pt x="8648700" y="562356"/>
                  </a:lnTo>
                  <a:lnTo>
                    <a:pt x="8653272" y="562356"/>
                  </a:lnTo>
                  <a:lnTo>
                    <a:pt x="8653272" y="557784"/>
                  </a:lnTo>
                  <a:close/>
                </a:path>
                <a:path w="8920480" h="562610">
                  <a:moveTo>
                    <a:pt x="8659368" y="557784"/>
                  </a:moveTo>
                  <a:lnTo>
                    <a:pt x="8656320" y="557784"/>
                  </a:lnTo>
                  <a:lnTo>
                    <a:pt x="8656320" y="562356"/>
                  </a:lnTo>
                  <a:lnTo>
                    <a:pt x="8659368" y="562356"/>
                  </a:lnTo>
                  <a:lnTo>
                    <a:pt x="8659368" y="557784"/>
                  </a:lnTo>
                  <a:close/>
                </a:path>
                <a:path w="8920480" h="562610">
                  <a:moveTo>
                    <a:pt x="8666988" y="557784"/>
                  </a:moveTo>
                  <a:lnTo>
                    <a:pt x="8662416" y="557784"/>
                  </a:lnTo>
                  <a:lnTo>
                    <a:pt x="8662416" y="562356"/>
                  </a:lnTo>
                  <a:lnTo>
                    <a:pt x="8666988" y="562356"/>
                  </a:lnTo>
                  <a:lnTo>
                    <a:pt x="8666988" y="557784"/>
                  </a:lnTo>
                  <a:close/>
                </a:path>
                <a:path w="8920480" h="562610">
                  <a:moveTo>
                    <a:pt x="8673084" y="557784"/>
                  </a:moveTo>
                  <a:lnTo>
                    <a:pt x="8670036" y="557784"/>
                  </a:lnTo>
                  <a:lnTo>
                    <a:pt x="8670036" y="562356"/>
                  </a:lnTo>
                  <a:lnTo>
                    <a:pt x="8673084" y="562356"/>
                  </a:lnTo>
                  <a:lnTo>
                    <a:pt x="8673084" y="557784"/>
                  </a:lnTo>
                  <a:close/>
                </a:path>
                <a:path w="8920480" h="562610">
                  <a:moveTo>
                    <a:pt x="8680704" y="557784"/>
                  </a:moveTo>
                  <a:lnTo>
                    <a:pt x="8676132" y="557784"/>
                  </a:lnTo>
                  <a:lnTo>
                    <a:pt x="8676132" y="562356"/>
                  </a:lnTo>
                  <a:lnTo>
                    <a:pt x="8680704" y="562356"/>
                  </a:lnTo>
                  <a:lnTo>
                    <a:pt x="8680704" y="557784"/>
                  </a:lnTo>
                  <a:close/>
                </a:path>
                <a:path w="8920480" h="562610">
                  <a:moveTo>
                    <a:pt x="8686800" y="557784"/>
                  </a:moveTo>
                  <a:lnTo>
                    <a:pt x="8683752" y="557784"/>
                  </a:lnTo>
                  <a:lnTo>
                    <a:pt x="8683752" y="562356"/>
                  </a:lnTo>
                  <a:lnTo>
                    <a:pt x="8686800" y="562356"/>
                  </a:lnTo>
                  <a:lnTo>
                    <a:pt x="8686800" y="557784"/>
                  </a:lnTo>
                  <a:close/>
                </a:path>
                <a:path w="8920480" h="562610">
                  <a:moveTo>
                    <a:pt x="8694420" y="557784"/>
                  </a:moveTo>
                  <a:lnTo>
                    <a:pt x="8689848" y="557784"/>
                  </a:lnTo>
                  <a:lnTo>
                    <a:pt x="8689848" y="562356"/>
                  </a:lnTo>
                  <a:lnTo>
                    <a:pt x="8694420" y="562356"/>
                  </a:lnTo>
                  <a:lnTo>
                    <a:pt x="8694420" y="557784"/>
                  </a:lnTo>
                  <a:close/>
                </a:path>
                <a:path w="8920480" h="562610">
                  <a:moveTo>
                    <a:pt x="8700516" y="557784"/>
                  </a:moveTo>
                  <a:lnTo>
                    <a:pt x="8697468" y="557784"/>
                  </a:lnTo>
                  <a:lnTo>
                    <a:pt x="8697468" y="562356"/>
                  </a:lnTo>
                  <a:lnTo>
                    <a:pt x="8700516" y="562356"/>
                  </a:lnTo>
                  <a:lnTo>
                    <a:pt x="8700516" y="557784"/>
                  </a:lnTo>
                  <a:close/>
                </a:path>
                <a:path w="8920480" h="562610">
                  <a:moveTo>
                    <a:pt x="8708136" y="557784"/>
                  </a:moveTo>
                  <a:lnTo>
                    <a:pt x="8703564" y="557784"/>
                  </a:lnTo>
                  <a:lnTo>
                    <a:pt x="8703564" y="562356"/>
                  </a:lnTo>
                  <a:lnTo>
                    <a:pt x="8708136" y="562356"/>
                  </a:lnTo>
                  <a:lnTo>
                    <a:pt x="8708136" y="557784"/>
                  </a:lnTo>
                  <a:close/>
                </a:path>
                <a:path w="8920480" h="562610">
                  <a:moveTo>
                    <a:pt x="8714232" y="557784"/>
                  </a:moveTo>
                  <a:lnTo>
                    <a:pt x="8711184" y="557784"/>
                  </a:lnTo>
                  <a:lnTo>
                    <a:pt x="8711184" y="562356"/>
                  </a:lnTo>
                  <a:lnTo>
                    <a:pt x="8714232" y="562356"/>
                  </a:lnTo>
                  <a:lnTo>
                    <a:pt x="8714232" y="557784"/>
                  </a:lnTo>
                  <a:close/>
                </a:path>
                <a:path w="8920480" h="562610">
                  <a:moveTo>
                    <a:pt x="8721852" y="557784"/>
                  </a:moveTo>
                  <a:lnTo>
                    <a:pt x="8717280" y="557784"/>
                  </a:lnTo>
                  <a:lnTo>
                    <a:pt x="8717280" y="562356"/>
                  </a:lnTo>
                  <a:lnTo>
                    <a:pt x="8721852" y="562356"/>
                  </a:lnTo>
                  <a:lnTo>
                    <a:pt x="8721852" y="557784"/>
                  </a:lnTo>
                  <a:close/>
                </a:path>
                <a:path w="8920480" h="562610">
                  <a:moveTo>
                    <a:pt x="8727948" y="557784"/>
                  </a:moveTo>
                  <a:lnTo>
                    <a:pt x="8724900" y="557784"/>
                  </a:lnTo>
                  <a:lnTo>
                    <a:pt x="8724900" y="562356"/>
                  </a:lnTo>
                  <a:lnTo>
                    <a:pt x="8727948" y="562356"/>
                  </a:lnTo>
                  <a:lnTo>
                    <a:pt x="8727948" y="557784"/>
                  </a:lnTo>
                  <a:close/>
                </a:path>
                <a:path w="8920480" h="562610">
                  <a:moveTo>
                    <a:pt x="8735568" y="557784"/>
                  </a:moveTo>
                  <a:lnTo>
                    <a:pt x="8730996" y="557784"/>
                  </a:lnTo>
                  <a:lnTo>
                    <a:pt x="8730996" y="562356"/>
                  </a:lnTo>
                  <a:lnTo>
                    <a:pt x="8735568" y="562356"/>
                  </a:lnTo>
                  <a:lnTo>
                    <a:pt x="8735568" y="557784"/>
                  </a:lnTo>
                  <a:close/>
                </a:path>
                <a:path w="8920480" h="562610">
                  <a:moveTo>
                    <a:pt x="8741664" y="557784"/>
                  </a:moveTo>
                  <a:lnTo>
                    <a:pt x="8738616" y="557784"/>
                  </a:lnTo>
                  <a:lnTo>
                    <a:pt x="8738616" y="562356"/>
                  </a:lnTo>
                  <a:lnTo>
                    <a:pt x="8741664" y="562356"/>
                  </a:lnTo>
                  <a:lnTo>
                    <a:pt x="8741664" y="557784"/>
                  </a:lnTo>
                  <a:close/>
                </a:path>
                <a:path w="8920480" h="562610">
                  <a:moveTo>
                    <a:pt x="8749284" y="557784"/>
                  </a:moveTo>
                  <a:lnTo>
                    <a:pt x="8744712" y="557784"/>
                  </a:lnTo>
                  <a:lnTo>
                    <a:pt x="8744712" y="562356"/>
                  </a:lnTo>
                  <a:lnTo>
                    <a:pt x="8749284" y="562356"/>
                  </a:lnTo>
                  <a:lnTo>
                    <a:pt x="8749284" y="557784"/>
                  </a:lnTo>
                  <a:close/>
                </a:path>
                <a:path w="8920480" h="562610">
                  <a:moveTo>
                    <a:pt x="8755380" y="557784"/>
                  </a:moveTo>
                  <a:lnTo>
                    <a:pt x="8752332" y="557784"/>
                  </a:lnTo>
                  <a:lnTo>
                    <a:pt x="8752332" y="562356"/>
                  </a:lnTo>
                  <a:lnTo>
                    <a:pt x="8755380" y="562356"/>
                  </a:lnTo>
                  <a:lnTo>
                    <a:pt x="8755380" y="557784"/>
                  </a:lnTo>
                  <a:close/>
                </a:path>
                <a:path w="8920480" h="562610">
                  <a:moveTo>
                    <a:pt x="8763000" y="557784"/>
                  </a:moveTo>
                  <a:lnTo>
                    <a:pt x="8758428" y="557784"/>
                  </a:lnTo>
                  <a:lnTo>
                    <a:pt x="8758428" y="562356"/>
                  </a:lnTo>
                  <a:lnTo>
                    <a:pt x="8763000" y="562356"/>
                  </a:lnTo>
                  <a:lnTo>
                    <a:pt x="8763000" y="557784"/>
                  </a:lnTo>
                  <a:close/>
                </a:path>
                <a:path w="8920480" h="562610">
                  <a:moveTo>
                    <a:pt x="8769096" y="557784"/>
                  </a:moveTo>
                  <a:lnTo>
                    <a:pt x="8766048" y="557784"/>
                  </a:lnTo>
                  <a:lnTo>
                    <a:pt x="8766048" y="562356"/>
                  </a:lnTo>
                  <a:lnTo>
                    <a:pt x="8769096" y="562356"/>
                  </a:lnTo>
                  <a:lnTo>
                    <a:pt x="8769096" y="557784"/>
                  </a:lnTo>
                  <a:close/>
                </a:path>
                <a:path w="8920480" h="562610">
                  <a:moveTo>
                    <a:pt x="8776716" y="557784"/>
                  </a:moveTo>
                  <a:lnTo>
                    <a:pt x="8772144" y="557784"/>
                  </a:lnTo>
                  <a:lnTo>
                    <a:pt x="8772144" y="562356"/>
                  </a:lnTo>
                  <a:lnTo>
                    <a:pt x="8776716" y="562356"/>
                  </a:lnTo>
                  <a:lnTo>
                    <a:pt x="8776716" y="557784"/>
                  </a:lnTo>
                  <a:close/>
                </a:path>
                <a:path w="8920480" h="562610">
                  <a:moveTo>
                    <a:pt x="8782812" y="557784"/>
                  </a:moveTo>
                  <a:lnTo>
                    <a:pt x="8779764" y="557784"/>
                  </a:lnTo>
                  <a:lnTo>
                    <a:pt x="8779764" y="562356"/>
                  </a:lnTo>
                  <a:lnTo>
                    <a:pt x="8782812" y="562356"/>
                  </a:lnTo>
                  <a:lnTo>
                    <a:pt x="8782812" y="557784"/>
                  </a:lnTo>
                  <a:close/>
                </a:path>
                <a:path w="8920480" h="562610">
                  <a:moveTo>
                    <a:pt x="8790432" y="557784"/>
                  </a:moveTo>
                  <a:lnTo>
                    <a:pt x="8785860" y="557784"/>
                  </a:lnTo>
                  <a:lnTo>
                    <a:pt x="8785860" y="562356"/>
                  </a:lnTo>
                  <a:lnTo>
                    <a:pt x="8790432" y="562356"/>
                  </a:lnTo>
                  <a:lnTo>
                    <a:pt x="8790432" y="557784"/>
                  </a:lnTo>
                  <a:close/>
                </a:path>
                <a:path w="8920480" h="562610">
                  <a:moveTo>
                    <a:pt x="8796528" y="557784"/>
                  </a:moveTo>
                  <a:lnTo>
                    <a:pt x="8793480" y="557784"/>
                  </a:lnTo>
                  <a:lnTo>
                    <a:pt x="8793480" y="562356"/>
                  </a:lnTo>
                  <a:lnTo>
                    <a:pt x="8796528" y="562356"/>
                  </a:lnTo>
                  <a:lnTo>
                    <a:pt x="8796528" y="557784"/>
                  </a:lnTo>
                  <a:close/>
                </a:path>
                <a:path w="8920480" h="562610">
                  <a:moveTo>
                    <a:pt x="8804148" y="557784"/>
                  </a:moveTo>
                  <a:lnTo>
                    <a:pt x="8799576" y="557784"/>
                  </a:lnTo>
                  <a:lnTo>
                    <a:pt x="8799576" y="562356"/>
                  </a:lnTo>
                  <a:lnTo>
                    <a:pt x="8804148" y="562356"/>
                  </a:lnTo>
                  <a:lnTo>
                    <a:pt x="8804148" y="557784"/>
                  </a:lnTo>
                  <a:close/>
                </a:path>
                <a:path w="8920480" h="562610">
                  <a:moveTo>
                    <a:pt x="8810244" y="557784"/>
                  </a:moveTo>
                  <a:lnTo>
                    <a:pt x="8807196" y="557784"/>
                  </a:lnTo>
                  <a:lnTo>
                    <a:pt x="8807196" y="562356"/>
                  </a:lnTo>
                  <a:lnTo>
                    <a:pt x="8810244" y="562356"/>
                  </a:lnTo>
                  <a:lnTo>
                    <a:pt x="8810244" y="557784"/>
                  </a:lnTo>
                  <a:close/>
                </a:path>
                <a:path w="8920480" h="562610">
                  <a:moveTo>
                    <a:pt x="8817864" y="557784"/>
                  </a:moveTo>
                  <a:lnTo>
                    <a:pt x="8813292" y="557784"/>
                  </a:lnTo>
                  <a:lnTo>
                    <a:pt x="8813292" y="562356"/>
                  </a:lnTo>
                  <a:lnTo>
                    <a:pt x="8817864" y="562356"/>
                  </a:lnTo>
                  <a:lnTo>
                    <a:pt x="8817864" y="557784"/>
                  </a:lnTo>
                  <a:close/>
                </a:path>
                <a:path w="8920480" h="562610">
                  <a:moveTo>
                    <a:pt x="8823960" y="557784"/>
                  </a:moveTo>
                  <a:lnTo>
                    <a:pt x="8820912" y="557784"/>
                  </a:lnTo>
                  <a:lnTo>
                    <a:pt x="8820912" y="562356"/>
                  </a:lnTo>
                  <a:lnTo>
                    <a:pt x="8823960" y="562356"/>
                  </a:lnTo>
                  <a:lnTo>
                    <a:pt x="8823960" y="557784"/>
                  </a:lnTo>
                  <a:close/>
                </a:path>
                <a:path w="8920480" h="562610">
                  <a:moveTo>
                    <a:pt x="8831580" y="557784"/>
                  </a:moveTo>
                  <a:lnTo>
                    <a:pt x="8827008" y="557784"/>
                  </a:lnTo>
                  <a:lnTo>
                    <a:pt x="8827008" y="562356"/>
                  </a:lnTo>
                  <a:lnTo>
                    <a:pt x="8831580" y="562356"/>
                  </a:lnTo>
                  <a:lnTo>
                    <a:pt x="8831580" y="557784"/>
                  </a:lnTo>
                  <a:close/>
                </a:path>
                <a:path w="8920480" h="562610">
                  <a:moveTo>
                    <a:pt x="8837676" y="557784"/>
                  </a:moveTo>
                  <a:lnTo>
                    <a:pt x="8834628" y="557784"/>
                  </a:lnTo>
                  <a:lnTo>
                    <a:pt x="8834628" y="562356"/>
                  </a:lnTo>
                  <a:lnTo>
                    <a:pt x="8837676" y="562356"/>
                  </a:lnTo>
                  <a:lnTo>
                    <a:pt x="8837676" y="557784"/>
                  </a:lnTo>
                  <a:close/>
                </a:path>
                <a:path w="8920480" h="562610">
                  <a:moveTo>
                    <a:pt x="8845296" y="557784"/>
                  </a:moveTo>
                  <a:lnTo>
                    <a:pt x="8840724" y="557784"/>
                  </a:lnTo>
                  <a:lnTo>
                    <a:pt x="8840724" y="562356"/>
                  </a:lnTo>
                  <a:lnTo>
                    <a:pt x="8845296" y="562356"/>
                  </a:lnTo>
                  <a:lnTo>
                    <a:pt x="8845296" y="557784"/>
                  </a:lnTo>
                  <a:close/>
                </a:path>
                <a:path w="8920480" h="562610">
                  <a:moveTo>
                    <a:pt x="8851392" y="557784"/>
                  </a:moveTo>
                  <a:lnTo>
                    <a:pt x="8848344" y="557784"/>
                  </a:lnTo>
                  <a:lnTo>
                    <a:pt x="8848344" y="562356"/>
                  </a:lnTo>
                  <a:lnTo>
                    <a:pt x="8851392" y="562356"/>
                  </a:lnTo>
                  <a:lnTo>
                    <a:pt x="8851392" y="557784"/>
                  </a:lnTo>
                  <a:close/>
                </a:path>
                <a:path w="8920480" h="562610">
                  <a:moveTo>
                    <a:pt x="8859012" y="557784"/>
                  </a:moveTo>
                  <a:lnTo>
                    <a:pt x="8854440" y="557784"/>
                  </a:lnTo>
                  <a:lnTo>
                    <a:pt x="8854440" y="562356"/>
                  </a:lnTo>
                  <a:lnTo>
                    <a:pt x="8859012" y="562356"/>
                  </a:lnTo>
                  <a:lnTo>
                    <a:pt x="8859012" y="557784"/>
                  </a:lnTo>
                  <a:close/>
                </a:path>
                <a:path w="8920480" h="562610">
                  <a:moveTo>
                    <a:pt x="8865108" y="557784"/>
                  </a:moveTo>
                  <a:lnTo>
                    <a:pt x="8862060" y="557784"/>
                  </a:lnTo>
                  <a:lnTo>
                    <a:pt x="8862060" y="562356"/>
                  </a:lnTo>
                  <a:lnTo>
                    <a:pt x="8865108" y="562356"/>
                  </a:lnTo>
                  <a:lnTo>
                    <a:pt x="8865108" y="557784"/>
                  </a:lnTo>
                  <a:close/>
                </a:path>
                <a:path w="8920480" h="562610">
                  <a:moveTo>
                    <a:pt x="8872728" y="557784"/>
                  </a:moveTo>
                  <a:lnTo>
                    <a:pt x="8868156" y="557784"/>
                  </a:lnTo>
                  <a:lnTo>
                    <a:pt x="8868156" y="562356"/>
                  </a:lnTo>
                  <a:lnTo>
                    <a:pt x="8872728" y="562356"/>
                  </a:lnTo>
                  <a:lnTo>
                    <a:pt x="8872728" y="557784"/>
                  </a:lnTo>
                  <a:close/>
                </a:path>
                <a:path w="8920480" h="562610">
                  <a:moveTo>
                    <a:pt x="8878824" y="557784"/>
                  </a:moveTo>
                  <a:lnTo>
                    <a:pt x="8875776" y="557784"/>
                  </a:lnTo>
                  <a:lnTo>
                    <a:pt x="8875776" y="562356"/>
                  </a:lnTo>
                  <a:lnTo>
                    <a:pt x="8878824" y="562356"/>
                  </a:lnTo>
                  <a:lnTo>
                    <a:pt x="8878824" y="557784"/>
                  </a:lnTo>
                  <a:close/>
                </a:path>
                <a:path w="8920480" h="562610">
                  <a:moveTo>
                    <a:pt x="8886444" y="557784"/>
                  </a:moveTo>
                  <a:lnTo>
                    <a:pt x="8881872" y="557784"/>
                  </a:lnTo>
                  <a:lnTo>
                    <a:pt x="8881872" y="562356"/>
                  </a:lnTo>
                  <a:lnTo>
                    <a:pt x="8886444" y="562356"/>
                  </a:lnTo>
                  <a:lnTo>
                    <a:pt x="8886444" y="557784"/>
                  </a:lnTo>
                  <a:close/>
                </a:path>
                <a:path w="8920480" h="562610">
                  <a:moveTo>
                    <a:pt x="8892540" y="557784"/>
                  </a:moveTo>
                  <a:lnTo>
                    <a:pt x="8889492" y="557784"/>
                  </a:lnTo>
                  <a:lnTo>
                    <a:pt x="8889492" y="562356"/>
                  </a:lnTo>
                  <a:lnTo>
                    <a:pt x="8892540" y="562356"/>
                  </a:lnTo>
                  <a:lnTo>
                    <a:pt x="8892540" y="557784"/>
                  </a:lnTo>
                  <a:close/>
                </a:path>
                <a:path w="8920480" h="562610">
                  <a:moveTo>
                    <a:pt x="8900160" y="557784"/>
                  </a:moveTo>
                  <a:lnTo>
                    <a:pt x="8895588" y="557784"/>
                  </a:lnTo>
                  <a:lnTo>
                    <a:pt x="8895588" y="562356"/>
                  </a:lnTo>
                  <a:lnTo>
                    <a:pt x="8900160" y="562356"/>
                  </a:lnTo>
                  <a:lnTo>
                    <a:pt x="8900160" y="557784"/>
                  </a:lnTo>
                  <a:close/>
                </a:path>
                <a:path w="8920480" h="562610">
                  <a:moveTo>
                    <a:pt x="8906256" y="557784"/>
                  </a:moveTo>
                  <a:lnTo>
                    <a:pt x="8903208" y="557784"/>
                  </a:lnTo>
                  <a:lnTo>
                    <a:pt x="8903208" y="562356"/>
                  </a:lnTo>
                  <a:lnTo>
                    <a:pt x="8906256" y="562356"/>
                  </a:lnTo>
                  <a:lnTo>
                    <a:pt x="8906256" y="557784"/>
                  </a:lnTo>
                  <a:close/>
                </a:path>
                <a:path w="8920480" h="562610">
                  <a:moveTo>
                    <a:pt x="8913876" y="557784"/>
                  </a:moveTo>
                  <a:lnTo>
                    <a:pt x="8909304" y="557784"/>
                  </a:lnTo>
                  <a:lnTo>
                    <a:pt x="8909304" y="562356"/>
                  </a:lnTo>
                  <a:lnTo>
                    <a:pt x="8913876" y="562356"/>
                  </a:lnTo>
                  <a:lnTo>
                    <a:pt x="8913876" y="557784"/>
                  </a:lnTo>
                  <a:close/>
                </a:path>
                <a:path w="8920480" h="562610">
                  <a:moveTo>
                    <a:pt x="8919972" y="557784"/>
                  </a:moveTo>
                  <a:lnTo>
                    <a:pt x="8916924" y="557784"/>
                  </a:lnTo>
                  <a:lnTo>
                    <a:pt x="8916924" y="562356"/>
                  </a:lnTo>
                  <a:lnTo>
                    <a:pt x="8919972" y="562356"/>
                  </a:lnTo>
                  <a:lnTo>
                    <a:pt x="8919972" y="557784"/>
                  </a:lnTo>
                  <a:close/>
                </a:path>
              </a:pathLst>
            </a:custGeom>
            <a:solidFill>
              <a:srgbClr val="D8D8D8"/>
            </a:solidFill>
          </p:spPr>
          <p:txBody>
            <a:bodyPr wrap="square" lIns="0" tIns="0" rIns="0" bIns="0" rtlCol="0"/>
            <a:lstStyle/>
            <a:p>
              <a:endParaRPr sz="1539"/>
            </a:p>
          </p:txBody>
        </p:sp>
        <p:sp>
          <p:nvSpPr>
            <p:cNvPr id="135" name="object 135"/>
            <p:cNvSpPr/>
            <p:nvPr/>
          </p:nvSpPr>
          <p:spPr>
            <a:xfrm>
              <a:off x="1181100" y="1726691"/>
              <a:ext cx="483234" cy="5080"/>
            </a:xfrm>
            <a:custGeom>
              <a:avLst/>
              <a:gdLst/>
              <a:ahLst/>
              <a:cxnLst/>
              <a:rect l="l" t="t" r="r" b="b"/>
              <a:pathLst>
                <a:path w="483235" h="5080">
                  <a:moveTo>
                    <a:pt x="3048" y="0"/>
                  </a:moveTo>
                  <a:lnTo>
                    <a:pt x="0" y="0"/>
                  </a:lnTo>
                  <a:lnTo>
                    <a:pt x="0" y="4572"/>
                  </a:lnTo>
                  <a:lnTo>
                    <a:pt x="3048" y="4572"/>
                  </a:lnTo>
                  <a:lnTo>
                    <a:pt x="3048" y="0"/>
                  </a:lnTo>
                  <a:close/>
                </a:path>
                <a:path w="483235" h="5080">
                  <a:moveTo>
                    <a:pt x="10668" y="0"/>
                  </a:moveTo>
                  <a:lnTo>
                    <a:pt x="6096" y="0"/>
                  </a:lnTo>
                  <a:lnTo>
                    <a:pt x="6096" y="4572"/>
                  </a:lnTo>
                  <a:lnTo>
                    <a:pt x="10668" y="4572"/>
                  </a:lnTo>
                  <a:lnTo>
                    <a:pt x="10668" y="0"/>
                  </a:lnTo>
                  <a:close/>
                </a:path>
                <a:path w="483235" h="5080">
                  <a:moveTo>
                    <a:pt x="16764" y="0"/>
                  </a:moveTo>
                  <a:lnTo>
                    <a:pt x="13716" y="0"/>
                  </a:lnTo>
                  <a:lnTo>
                    <a:pt x="13716" y="4572"/>
                  </a:lnTo>
                  <a:lnTo>
                    <a:pt x="16764" y="4572"/>
                  </a:lnTo>
                  <a:lnTo>
                    <a:pt x="16764" y="0"/>
                  </a:lnTo>
                  <a:close/>
                </a:path>
                <a:path w="483235" h="5080">
                  <a:moveTo>
                    <a:pt x="24384" y="0"/>
                  </a:moveTo>
                  <a:lnTo>
                    <a:pt x="19812" y="0"/>
                  </a:lnTo>
                  <a:lnTo>
                    <a:pt x="19812" y="4572"/>
                  </a:lnTo>
                  <a:lnTo>
                    <a:pt x="24384" y="4572"/>
                  </a:lnTo>
                  <a:lnTo>
                    <a:pt x="24384" y="0"/>
                  </a:lnTo>
                  <a:close/>
                </a:path>
                <a:path w="483235" h="5080">
                  <a:moveTo>
                    <a:pt x="30480" y="0"/>
                  </a:moveTo>
                  <a:lnTo>
                    <a:pt x="27432" y="0"/>
                  </a:lnTo>
                  <a:lnTo>
                    <a:pt x="27432" y="4572"/>
                  </a:lnTo>
                  <a:lnTo>
                    <a:pt x="30480" y="4572"/>
                  </a:lnTo>
                  <a:lnTo>
                    <a:pt x="30480" y="0"/>
                  </a:lnTo>
                  <a:close/>
                </a:path>
                <a:path w="483235" h="5080">
                  <a:moveTo>
                    <a:pt x="38100" y="0"/>
                  </a:moveTo>
                  <a:lnTo>
                    <a:pt x="33528" y="0"/>
                  </a:lnTo>
                  <a:lnTo>
                    <a:pt x="33528" y="4572"/>
                  </a:lnTo>
                  <a:lnTo>
                    <a:pt x="38100" y="4572"/>
                  </a:lnTo>
                  <a:lnTo>
                    <a:pt x="38100" y="0"/>
                  </a:lnTo>
                  <a:close/>
                </a:path>
                <a:path w="483235" h="5080">
                  <a:moveTo>
                    <a:pt x="44196" y="0"/>
                  </a:moveTo>
                  <a:lnTo>
                    <a:pt x="41148" y="0"/>
                  </a:lnTo>
                  <a:lnTo>
                    <a:pt x="41148" y="4572"/>
                  </a:lnTo>
                  <a:lnTo>
                    <a:pt x="44196" y="4572"/>
                  </a:lnTo>
                  <a:lnTo>
                    <a:pt x="44196" y="0"/>
                  </a:lnTo>
                  <a:close/>
                </a:path>
                <a:path w="483235" h="5080">
                  <a:moveTo>
                    <a:pt x="51816" y="0"/>
                  </a:moveTo>
                  <a:lnTo>
                    <a:pt x="47244" y="0"/>
                  </a:lnTo>
                  <a:lnTo>
                    <a:pt x="47244" y="4572"/>
                  </a:lnTo>
                  <a:lnTo>
                    <a:pt x="51816" y="4572"/>
                  </a:lnTo>
                  <a:lnTo>
                    <a:pt x="51816" y="0"/>
                  </a:lnTo>
                  <a:close/>
                </a:path>
                <a:path w="483235" h="5080">
                  <a:moveTo>
                    <a:pt x="57912" y="0"/>
                  </a:moveTo>
                  <a:lnTo>
                    <a:pt x="54864" y="0"/>
                  </a:lnTo>
                  <a:lnTo>
                    <a:pt x="54864" y="4572"/>
                  </a:lnTo>
                  <a:lnTo>
                    <a:pt x="57912" y="4572"/>
                  </a:lnTo>
                  <a:lnTo>
                    <a:pt x="57912" y="0"/>
                  </a:lnTo>
                  <a:close/>
                </a:path>
                <a:path w="483235" h="5080">
                  <a:moveTo>
                    <a:pt x="65532" y="0"/>
                  </a:moveTo>
                  <a:lnTo>
                    <a:pt x="60960" y="0"/>
                  </a:lnTo>
                  <a:lnTo>
                    <a:pt x="60960" y="4572"/>
                  </a:lnTo>
                  <a:lnTo>
                    <a:pt x="65532" y="4572"/>
                  </a:lnTo>
                  <a:lnTo>
                    <a:pt x="65532" y="0"/>
                  </a:lnTo>
                  <a:close/>
                </a:path>
                <a:path w="483235" h="5080">
                  <a:moveTo>
                    <a:pt x="71628" y="0"/>
                  </a:moveTo>
                  <a:lnTo>
                    <a:pt x="68580" y="0"/>
                  </a:lnTo>
                  <a:lnTo>
                    <a:pt x="68580" y="4572"/>
                  </a:lnTo>
                  <a:lnTo>
                    <a:pt x="71628" y="4572"/>
                  </a:lnTo>
                  <a:lnTo>
                    <a:pt x="71628" y="0"/>
                  </a:lnTo>
                  <a:close/>
                </a:path>
                <a:path w="483235" h="5080">
                  <a:moveTo>
                    <a:pt x="79248" y="0"/>
                  </a:moveTo>
                  <a:lnTo>
                    <a:pt x="74676" y="0"/>
                  </a:lnTo>
                  <a:lnTo>
                    <a:pt x="74676" y="4572"/>
                  </a:lnTo>
                  <a:lnTo>
                    <a:pt x="79248" y="4572"/>
                  </a:lnTo>
                  <a:lnTo>
                    <a:pt x="79248" y="0"/>
                  </a:lnTo>
                  <a:close/>
                </a:path>
                <a:path w="483235" h="5080">
                  <a:moveTo>
                    <a:pt x="85344" y="0"/>
                  </a:moveTo>
                  <a:lnTo>
                    <a:pt x="82296" y="0"/>
                  </a:lnTo>
                  <a:lnTo>
                    <a:pt x="82296" y="4572"/>
                  </a:lnTo>
                  <a:lnTo>
                    <a:pt x="85344" y="4572"/>
                  </a:lnTo>
                  <a:lnTo>
                    <a:pt x="85344" y="0"/>
                  </a:lnTo>
                  <a:close/>
                </a:path>
                <a:path w="483235" h="5080">
                  <a:moveTo>
                    <a:pt x="92964" y="0"/>
                  </a:moveTo>
                  <a:lnTo>
                    <a:pt x="88392" y="0"/>
                  </a:lnTo>
                  <a:lnTo>
                    <a:pt x="88392" y="4572"/>
                  </a:lnTo>
                  <a:lnTo>
                    <a:pt x="92964" y="4572"/>
                  </a:lnTo>
                  <a:lnTo>
                    <a:pt x="92964" y="0"/>
                  </a:lnTo>
                  <a:close/>
                </a:path>
                <a:path w="483235" h="5080">
                  <a:moveTo>
                    <a:pt x="99060" y="0"/>
                  </a:moveTo>
                  <a:lnTo>
                    <a:pt x="96012" y="0"/>
                  </a:lnTo>
                  <a:lnTo>
                    <a:pt x="96012" y="4572"/>
                  </a:lnTo>
                  <a:lnTo>
                    <a:pt x="99060" y="4572"/>
                  </a:lnTo>
                  <a:lnTo>
                    <a:pt x="99060" y="0"/>
                  </a:lnTo>
                  <a:close/>
                </a:path>
                <a:path w="483235" h="5080">
                  <a:moveTo>
                    <a:pt x="106680" y="0"/>
                  </a:moveTo>
                  <a:lnTo>
                    <a:pt x="102108" y="0"/>
                  </a:lnTo>
                  <a:lnTo>
                    <a:pt x="102108" y="4572"/>
                  </a:lnTo>
                  <a:lnTo>
                    <a:pt x="106680" y="4572"/>
                  </a:lnTo>
                  <a:lnTo>
                    <a:pt x="106680" y="0"/>
                  </a:lnTo>
                  <a:close/>
                </a:path>
                <a:path w="483235" h="5080">
                  <a:moveTo>
                    <a:pt x="112776" y="0"/>
                  </a:moveTo>
                  <a:lnTo>
                    <a:pt x="109728" y="0"/>
                  </a:lnTo>
                  <a:lnTo>
                    <a:pt x="109728" y="4572"/>
                  </a:lnTo>
                  <a:lnTo>
                    <a:pt x="112776" y="4572"/>
                  </a:lnTo>
                  <a:lnTo>
                    <a:pt x="112776" y="0"/>
                  </a:lnTo>
                  <a:close/>
                </a:path>
                <a:path w="483235" h="5080">
                  <a:moveTo>
                    <a:pt x="120396" y="0"/>
                  </a:moveTo>
                  <a:lnTo>
                    <a:pt x="115824" y="0"/>
                  </a:lnTo>
                  <a:lnTo>
                    <a:pt x="115824" y="4572"/>
                  </a:lnTo>
                  <a:lnTo>
                    <a:pt x="120396" y="4572"/>
                  </a:lnTo>
                  <a:lnTo>
                    <a:pt x="120396" y="0"/>
                  </a:lnTo>
                  <a:close/>
                </a:path>
                <a:path w="483235" h="5080">
                  <a:moveTo>
                    <a:pt x="126492" y="0"/>
                  </a:moveTo>
                  <a:lnTo>
                    <a:pt x="123444" y="0"/>
                  </a:lnTo>
                  <a:lnTo>
                    <a:pt x="123444" y="4572"/>
                  </a:lnTo>
                  <a:lnTo>
                    <a:pt x="126492" y="4572"/>
                  </a:lnTo>
                  <a:lnTo>
                    <a:pt x="126492" y="0"/>
                  </a:lnTo>
                  <a:close/>
                </a:path>
                <a:path w="483235" h="5080">
                  <a:moveTo>
                    <a:pt x="134112" y="0"/>
                  </a:moveTo>
                  <a:lnTo>
                    <a:pt x="129540" y="0"/>
                  </a:lnTo>
                  <a:lnTo>
                    <a:pt x="129540" y="4572"/>
                  </a:lnTo>
                  <a:lnTo>
                    <a:pt x="134112" y="4572"/>
                  </a:lnTo>
                  <a:lnTo>
                    <a:pt x="134112" y="0"/>
                  </a:lnTo>
                  <a:close/>
                </a:path>
                <a:path w="483235" h="5080">
                  <a:moveTo>
                    <a:pt x="140208" y="0"/>
                  </a:moveTo>
                  <a:lnTo>
                    <a:pt x="137160" y="0"/>
                  </a:lnTo>
                  <a:lnTo>
                    <a:pt x="137160" y="4572"/>
                  </a:lnTo>
                  <a:lnTo>
                    <a:pt x="140208" y="4572"/>
                  </a:lnTo>
                  <a:lnTo>
                    <a:pt x="140208" y="0"/>
                  </a:lnTo>
                  <a:close/>
                </a:path>
                <a:path w="483235" h="5080">
                  <a:moveTo>
                    <a:pt x="147828" y="0"/>
                  </a:moveTo>
                  <a:lnTo>
                    <a:pt x="143256" y="0"/>
                  </a:lnTo>
                  <a:lnTo>
                    <a:pt x="143256" y="4572"/>
                  </a:lnTo>
                  <a:lnTo>
                    <a:pt x="147828" y="4572"/>
                  </a:lnTo>
                  <a:lnTo>
                    <a:pt x="147828" y="0"/>
                  </a:lnTo>
                  <a:close/>
                </a:path>
                <a:path w="483235" h="5080">
                  <a:moveTo>
                    <a:pt x="153924" y="0"/>
                  </a:moveTo>
                  <a:lnTo>
                    <a:pt x="150876" y="0"/>
                  </a:lnTo>
                  <a:lnTo>
                    <a:pt x="150876" y="4572"/>
                  </a:lnTo>
                  <a:lnTo>
                    <a:pt x="153924" y="4572"/>
                  </a:lnTo>
                  <a:lnTo>
                    <a:pt x="153924" y="0"/>
                  </a:lnTo>
                  <a:close/>
                </a:path>
                <a:path w="483235" h="5080">
                  <a:moveTo>
                    <a:pt x="161544" y="0"/>
                  </a:moveTo>
                  <a:lnTo>
                    <a:pt x="156972" y="0"/>
                  </a:lnTo>
                  <a:lnTo>
                    <a:pt x="156972" y="4572"/>
                  </a:lnTo>
                  <a:lnTo>
                    <a:pt x="161544" y="4572"/>
                  </a:lnTo>
                  <a:lnTo>
                    <a:pt x="161544" y="0"/>
                  </a:lnTo>
                  <a:close/>
                </a:path>
                <a:path w="483235" h="5080">
                  <a:moveTo>
                    <a:pt x="167640" y="0"/>
                  </a:moveTo>
                  <a:lnTo>
                    <a:pt x="164592" y="0"/>
                  </a:lnTo>
                  <a:lnTo>
                    <a:pt x="164592" y="4572"/>
                  </a:lnTo>
                  <a:lnTo>
                    <a:pt x="167640" y="4572"/>
                  </a:lnTo>
                  <a:lnTo>
                    <a:pt x="167640" y="0"/>
                  </a:lnTo>
                  <a:close/>
                </a:path>
                <a:path w="483235" h="5080">
                  <a:moveTo>
                    <a:pt x="175260" y="0"/>
                  </a:moveTo>
                  <a:lnTo>
                    <a:pt x="170688" y="0"/>
                  </a:lnTo>
                  <a:lnTo>
                    <a:pt x="170688" y="4572"/>
                  </a:lnTo>
                  <a:lnTo>
                    <a:pt x="175260" y="4572"/>
                  </a:lnTo>
                  <a:lnTo>
                    <a:pt x="175260" y="0"/>
                  </a:lnTo>
                  <a:close/>
                </a:path>
                <a:path w="483235" h="5080">
                  <a:moveTo>
                    <a:pt x="181356" y="0"/>
                  </a:moveTo>
                  <a:lnTo>
                    <a:pt x="178308" y="0"/>
                  </a:lnTo>
                  <a:lnTo>
                    <a:pt x="178308" y="4572"/>
                  </a:lnTo>
                  <a:lnTo>
                    <a:pt x="181356" y="4572"/>
                  </a:lnTo>
                  <a:lnTo>
                    <a:pt x="181356" y="0"/>
                  </a:lnTo>
                  <a:close/>
                </a:path>
                <a:path w="483235" h="5080">
                  <a:moveTo>
                    <a:pt x="188976" y="0"/>
                  </a:moveTo>
                  <a:lnTo>
                    <a:pt x="184404" y="0"/>
                  </a:lnTo>
                  <a:lnTo>
                    <a:pt x="184404" y="4572"/>
                  </a:lnTo>
                  <a:lnTo>
                    <a:pt x="188976" y="4572"/>
                  </a:lnTo>
                  <a:lnTo>
                    <a:pt x="188976" y="0"/>
                  </a:lnTo>
                  <a:close/>
                </a:path>
                <a:path w="483235" h="5080">
                  <a:moveTo>
                    <a:pt x="195072" y="0"/>
                  </a:moveTo>
                  <a:lnTo>
                    <a:pt x="192024" y="0"/>
                  </a:lnTo>
                  <a:lnTo>
                    <a:pt x="192024" y="4572"/>
                  </a:lnTo>
                  <a:lnTo>
                    <a:pt x="195072" y="4572"/>
                  </a:lnTo>
                  <a:lnTo>
                    <a:pt x="195072" y="0"/>
                  </a:lnTo>
                  <a:close/>
                </a:path>
                <a:path w="483235" h="5080">
                  <a:moveTo>
                    <a:pt x="202692" y="0"/>
                  </a:moveTo>
                  <a:lnTo>
                    <a:pt x="198120" y="0"/>
                  </a:lnTo>
                  <a:lnTo>
                    <a:pt x="198120" y="4572"/>
                  </a:lnTo>
                  <a:lnTo>
                    <a:pt x="202692" y="4572"/>
                  </a:lnTo>
                  <a:lnTo>
                    <a:pt x="202692" y="0"/>
                  </a:lnTo>
                  <a:close/>
                </a:path>
                <a:path w="483235" h="5080">
                  <a:moveTo>
                    <a:pt x="208788" y="0"/>
                  </a:moveTo>
                  <a:lnTo>
                    <a:pt x="205740" y="0"/>
                  </a:lnTo>
                  <a:lnTo>
                    <a:pt x="205740" y="4572"/>
                  </a:lnTo>
                  <a:lnTo>
                    <a:pt x="208788" y="4572"/>
                  </a:lnTo>
                  <a:lnTo>
                    <a:pt x="208788" y="0"/>
                  </a:lnTo>
                  <a:close/>
                </a:path>
                <a:path w="483235" h="5080">
                  <a:moveTo>
                    <a:pt x="216408" y="0"/>
                  </a:moveTo>
                  <a:lnTo>
                    <a:pt x="211836" y="0"/>
                  </a:lnTo>
                  <a:lnTo>
                    <a:pt x="211836" y="4572"/>
                  </a:lnTo>
                  <a:lnTo>
                    <a:pt x="216408" y="4572"/>
                  </a:lnTo>
                  <a:lnTo>
                    <a:pt x="216408" y="0"/>
                  </a:lnTo>
                  <a:close/>
                </a:path>
                <a:path w="483235" h="5080">
                  <a:moveTo>
                    <a:pt x="222504" y="0"/>
                  </a:moveTo>
                  <a:lnTo>
                    <a:pt x="219456" y="0"/>
                  </a:lnTo>
                  <a:lnTo>
                    <a:pt x="219456" y="4572"/>
                  </a:lnTo>
                  <a:lnTo>
                    <a:pt x="222504" y="4572"/>
                  </a:lnTo>
                  <a:lnTo>
                    <a:pt x="222504" y="0"/>
                  </a:lnTo>
                  <a:close/>
                </a:path>
                <a:path w="483235" h="5080">
                  <a:moveTo>
                    <a:pt x="230124" y="0"/>
                  </a:moveTo>
                  <a:lnTo>
                    <a:pt x="225552" y="0"/>
                  </a:lnTo>
                  <a:lnTo>
                    <a:pt x="225552" y="4572"/>
                  </a:lnTo>
                  <a:lnTo>
                    <a:pt x="230124" y="4572"/>
                  </a:lnTo>
                  <a:lnTo>
                    <a:pt x="230124" y="0"/>
                  </a:lnTo>
                  <a:close/>
                </a:path>
                <a:path w="483235" h="5080">
                  <a:moveTo>
                    <a:pt x="236220" y="0"/>
                  </a:moveTo>
                  <a:lnTo>
                    <a:pt x="233172" y="0"/>
                  </a:lnTo>
                  <a:lnTo>
                    <a:pt x="233172" y="4572"/>
                  </a:lnTo>
                  <a:lnTo>
                    <a:pt x="236220" y="4572"/>
                  </a:lnTo>
                  <a:lnTo>
                    <a:pt x="236220" y="0"/>
                  </a:lnTo>
                  <a:close/>
                </a:path>
                <a:path w="483235" h="5080">
                  <a:moveTo>
                    <a:pt x="243840" y="0"/>
                  </a:moveTo>
                  <a:lnTo>
                    <a:pt x="239268" y="0"/>
                  </a:lnTo>
                  <a:lnTo>
                    <a:pt x="239268" y="4572"/>
                  </a:lnTo>
                  <a:lnTo>
                    <a:pt x="243840" y="4572"/>
                  </a:lnTo>
                  <a:lnTo>
                    <a:pt x="243840" y="0"/>
                  </a:lnTo>
                  <a:close/>
                </a:path>
                <a:path w="483235" h="5080">
                  <a:moveTo>
                    <a:pt x="249936" y="0"/>
                  </a:moveTo>
                  <a:lnTo>
                    <a:pt x="246888" y="0"/>
                  </a:lnTo>
                  <a:lnTo>
                    <a:pt x="246888" y="4572"/>
                  </a:lnTo>
                  <a:lnTo>
                    <a:pt x="249936" y="4572"/>
                  </a:lnTo>
                  <a:lnTo>
                    <a:pt x="249936" y="0"/>
                  </a:lnTo>
                  <a:close/>
                </a:path>
                <a:path w="483235" h="5080">
                  <a:moveTo>
                    <a:pt x="257556" y="0"/>
                  </a:moveTo>
                  <a:lnTo>
                    <a:pt x="252984" y="0"/>
                  </a:lnTo>
                  <a:lnTo>
                    <a:pt x="252984" y="4572"/>
                  </a:lnTo>
                  <a:lnTo>
                    <a:pt x="257556" y="4572"/>
                  </a:lnTo>
                  <a:lnTo>
                    <a:pt x="257556" y="0"/>
                  </a:lnTo>
                  <a:close/>
                </a:path>
                <a:path w="483235" h="5080">
                  <a:moveTo>
                    <a:pt x="263652" y="0"/>
                  </a:moveTo>
                  <a:lnTo>
                    <a:pt x="260604" y="0"/>
                  </a:lnTo>
                  <a:lnTo>
                    <a:pt x="260604" y="4572"/>
                  </a:lnTo>
                  <a:lnTo>
                    <a:pt x="263652" y="4572"/>
                  </a:lnTo>
                  <a:lnTo>
                    <a:pt x="263652" y="0"/>
                  </a:lnTo>
                  <a:close/>
                </a:path>
                <a:path w="483235" h="5080">
                  <a:moveTo>
                    <a:pt x="271272" y="0"/>
                  </a:moveTo>
                  <a:lnTo>
                    <a:pt x="266700" y="0"/>
                  </a:lnTo>
                  <a:lnTo>
                    <a:pt x="266700" y="4572"/>
                  </a:lnTo>
                  <a:lnTo>
                    <a:pt x="271272" y="4572"/>
                  </a:lnTo>
                  <a:lnTo>
                    <a:pt x="271272" y="0"/>
                  </a:lnTo>
                  <a:close/>
                </a:path>
                <a:path w="483235" h="5080">
                  <a:moveTo>
                    <a:pt x="277368" y="0"/>
                  </a:moveTo>
                  <a:lnTo>
                    <a:pt x="274320" y="0"/>
                  </a:lnTo>
                  <a:lnTo>
                    <a:pt x="274320" y="4572"/>
                  </a:lnTo>
                  <a:lnTo>
                    <a:pt x="277368" y="4572"/>
                  </a:lnTo>
                  <a:lnTo>
                    <a:pt x="277368" y="0"/>
                  </a:lnTo>
                  <a:close/>
                </a:path>
                <a:path w="483235" h="5080">
                  <a:moveTo>
                    <a:pt x="284988" y="0"/>
                  </a:moveTo>
                  <a:lnTo>
                    <a:pt x="280416" y="0"/>
                  </a:lnTo>
                  <a:lnTo>
                    <a:pt x="280416" y="4572"/>
                  </a:lnTo>
                  <a:lnTo>
                    <a:pt x="284988" y="4572"/>
                  </a:lnTo>
                  <a:lnTo>
                    <a:pt x="284988" y="0"/>
                  </a:lnTo>
                  <a:close/>
                </a:path>
                <a:path w="483235" h="5080">
                  <a:moveTo>
                    <a:pt x="291084" y="0"/>
                  </a:moveTo>
                  <a:lnTo>
                    <a:pt x="288036" y="0"/>
                  </a:lnTo>
                  <a:lnTo>
                    <a:pt x="288036" y="4572"/>
                  </a:lnTo>
                  <a:lnTo>
                    <a:pt x="291084" y="4572"/>
                  </a:lnTo>
                  <a:lnTo>
                    <a:pt x="291084" y="0"/>
                  </a:lnTo>
                  <a:close/>
                </a:path>
                <a:path w="483235" h="5080">
                  <a:moveTo>
                    <a:pt x="298704" y="0"/>
                  </a:moveTo>
                  <a:lnTo>
                    <a:pt x="294132" y="0"/>
                  </a:lnTo>
                  <a:lnTo>
                    <a:pt x="294132" y="4572"/>
                  </a:lnTo>
                  <a:lnTo>
                    <a:pt x="298704" y="4572"/>
                  </a:lnTo>
                  <a:lnTo>
                    <a:pt x="298704" y="0"/>
                  </a:lnTo>
                  <a:close/>
                </a:path>
                <a:path w="483235" h="5080">
                  <a:moveTo>
                    <a:pt x="304800" y="0"/>
                  </a:moveTo>
                  <a:lnTo>
                    <a:pt x="301752" y="0"/>
                  </a:lnTo>
                  <a:lnTo>
                    <a:pt x="301752" y="4572"/>
                  </a:lnTo>
                  <a:lnTo>
                    <a:pt x="304800" y="4572"/>
                  </a:lnTo>
                  <a:lnTo>
                    <a:pt x="304800" y="0"/>
                  </a:lnTo>
                  <a:close/>
                </a:path>
                <a:path w="483235" h="5080">
                  <a:moveTo>
                    <a:pt x="312420" y="0"/>
                  </a:moveTo>
                  <a:lnTo>
                    <a:pt x="307848" y="0"/>
                  </a:lnTo>
                  <a:lnTo>
                    <a:pt x="307848" y="4572"/>
                  </a:lnTo>
                  <a:lnTo>
                    <a:pt x="312420" y="4572"/>
                  </a:lnTo>
                  <a:lnTo>
                    <a:pt x="312420" y="0"/>
                  </a:lnTo>
                  <a:close/>
                </a:path>
                <a:path w="483235" h="5080">
                  <a:moveTo>
                    <a:pt x="318516" y="0"/>
                  </a:moveTo>
                  <a:lnTo>
                    <a:pt x="315468" y="0"/>
                  </a:lnTo>
                  <a:lnTo>
                    <a:pt x="315468" y="4572"/>
                  </a:lnTo>
                  <a:lnTo>
                    <a:pt x="318516" y="4572"/>
                  </a:lnTo>
                  <a:lnTo>
                    <a:pt x="318516" y="0"/>
                  </a:lnTo>
                  <a:close/>
                </a:path>
                <a:path w="483235" h="5080">
                  <a:moveTo>
                    <a:pt x="326136" y="0"/>
                  </a:moveTo>
                  <a:lnTo>
                    <a:pt x="321564" y="0"/>
                  </a:lnTo>
                  <a:lnTo>
                    <a:pt x="321564" y="4572"/>
                  </a:lnTo>
                  <a:lnTo>
                    <a:pt x="326136" y="4572"/>
                  </a:lnTo>
                  <a:lnTo>
                    <a:pt x="326136" y="0"/>
                  </a:lnTo>
                  <a:close/>
                </a:path>
                <a:path w="483235" h="5080">
                  <a:moveTo>
                    <a:pt x="332232" y="0"/>
                  </a:moveTo>
                  <a:lnTo>
                    <a:pt x="329184" y="0"/>
                  </a:lnTo>
                  <a:lnTo>
                    <a:pt x="329184" y="4572"/>
                  </a:lnTo>
                  <a:lnTo>
                    <a:pt x="332232" y="4572"/>
                  </a:lnTo>
                  <a:lnTo>
                    <a:pt x="332232" y="0"/>
                  </a:lnTo>
                  <a:close/>
                </a:path>
                <a:path w="483235" h="5080">
                  <a:moveTo>
                    <a:pt x="339852" y="0"/>
                  </a:moveTo>
                  <a:lnTo>
                    <a:pt x="335280" y="0"/>
                  </a:lnTo>
                  <a:lnTo>
                    <a:pt x="335280" y="4572"/>
                  </a:lnTo>
                  <a:lnTo>
                    <a:pt x="339852" y="4572"/>
                  </a:lnTo>
                  <a:lnTo>
                    <a:pt x="339852" y="0"/>
                  </a:lnTo>
                  <a:close/>
                </a:path>
                <a:path w="483235" h="5080">
                  <a:moveTo>
                    <a:pt x="345948" y="0"/>
                  </a:moveTo>
                  <a:lnTo>
                    <a:pt x="342900" y="0"/>
                  </a:lnTo>
                  <a:lnTo>
                    <a:pt x="342900" y="4572"/>
                  </a:lnTo>
                  <a:lnTo>
                    <a:pt x="345948" y="4572"/>
                  </a:lnTo>
                  <a:lnTo>
                    <a:pt x="345948" y="0"/>
                  </a:lnTo>
                  <a:close/>
                </a:path>
                <a:path w="483235" h="5080">
                  <a:moveTo>
                    <a:pt x="353568" y="0"/>
                  </a:moveTo>
                  <a:lnTo>
                    <a:pt x="348996" y="0"/>
                  </a:lnTo>
                  <a:lnTo>
                    <a:pt x="348996" y="4572"/>
                  </a:lnTo>
                  <a:lnTo>
                    <a:pt x="353568" y="4572"/>
                  </a:lnTo>
                  <a:lnTo>
                    <a:pt x="353568" y="0"/>
                  </a:lnTo>
                  <a:close/>
                </a:path>
                <a:path w="483235" h="5080">
                  <a:moveTo>
                    <a:pt x="359664" y="0"/>
                  </a:moveTo>
                  <a:lnTo>
                    <a:pt x="356616" y="0"/>
                  </a:lnTo>
                  <a:lnTo>
                    <a:pt x="356616" y="4572"/>
                  </a:lnTo>
                  <a:lnTo>
                    <a:pt x="359664" y="4572"/>
                  </a:lnTo>
                  <a:lnTo>
                    <a:pt x="359664" y="0"/>
                  </a:lnTo>
                  <a:close/>
                </a:path>
                <a:path w="483235" h="5080">
                  <a:moveTo>
                    <a:pt x="367284" y="0"/>
                  </a:moveTo>
                  <a:lnTo>
                    <a:pt x="362712" y="0"/>
                  </a:lnTo>
                  <a:lnTo>
                    <a:pt x="362712" y="4572"/>
                  </a:lnTo>
                  <a:lnTo>
                    <a:pt x="367284" y="4572"/>
                  </a:lnTo>
                  <a:lnTo>
                    <a:pt x="367284" y="0"/>
                  </a:lnTo>
                  <a:close/>
                </a:path>
                <a:path w="483235" h="5080">
                  <a:moveTo>
                    <a:pt x="373380" y="0"/>
                  </a:moveTo>
                  <a:lnTo>
                    <a:pt x="370332" y="0"/>
                  </a:lnTo>
                  <a:lnTo>
                    <a:pt x="370332" y="4572"/>
                  </a:lnTo>
                  <a:lnTo>
                    <a:pt x="373380" y="4572"/>
                  </a:lnTo>
                  <a:lnTo>
                    <a:pt x="373380" y="0"/>
                  </a:lnTo>
                  <a:close/>
                </a:path>
                <a:path w="483235" h="5080">
                  <a:moveTo>
                    <a:pt x="381000" y="0"/>
                  </a:moveTo>
                  <a:lnTo>
                    <a:pt x="376428" y="0"/>
                  </a:lnTo>
                  <a:lnTo>
                    <a:pt x="376428" y="4572"/>
                  </a:lnTo>
                  <a:lnTo>
                    <a:pt x="381000" y="4572"/>
                  </a:lnTo>
                  <a:lnTo>
                    <a:pt x="381000" y="0"/>
                  </a:lnTo>
                  <a:close/>
                </a:path>
                <a:path w="483235" h="5080">
                  <a:moveTo>
                    <a:pt x="387096" y="0"/>
                  </a:moveTo>
                  <a:lnTo>
                    <a:pt x="384048" y="0"/>
                  </a:lnTo>
                  <a:lnTo>
                    <a:pt x="384048" y="4572"/>
                  </a:lnTo>
                  <a:lnTo>
                    <a:pt x="387096" y="4572"/>
                  </a:lnTo>
                  <a:lnTo>
                    <a:pt x="387096" y="0"/>
                  </a:lnTo>
                  <a:close/>
                </a:path>
                <a:path w="483235" h="5080">
                  <a:moveTo>
                    <a:pt x="394716" y="0"/>
                  </a:moveTo>
                  <a:lnTo>
                    <a:pt x="390144" y="0"/>
                  </a:lnTo>
                  <a:lnTo>
                    <a:pt x="390144" y="4572"/>
                  </a:lnTo>
                  <a:lnTo>
                    <a:pt x="394716" y="4572"/>
                  </a:lnTo>
                  <a:lnTo>
                    <a:pt x="394716" y="0"/>
                  </a:lnTo>
                  <a:close/>
                </a:path>
                <a:path w="483235" h="5080">
                  <a:moveTo>
                    <a:pt x="400812" y="0"/>
                  </a:moveTo>
                  <a:lnTo>
                    <a:pt x="397764" y="0"/>
                  </a:lnTo>
                  <a:lnTo>
                    <a:pt x="397764" y="4572"/>
                  </a:lnTo>
                  <a:lnTo>
                    <a:pt x="400812" y="4572"/>
                  </a:lnTo>
                  <a:lnTo>
                    <a:pt x="400812" y="0"/>
                  </a:lnTo>
                  <a:close/>
                </a:path>
                <a:path w="483235" h="5080">
                  <a:moveTo>
                    <a:pt x="408432" y="0"/>
                  </a:moveTo>
                  <a:lnTo>
                    <a:pt x="403860" y="0"/>
                  </a:lnTo>
                  <a:lnTo>
                    <a:pt x="403860" y="4572"/>
                  </a:lnTo>
                  <a:lnTo>
                    <a:pt x="408432" y="4572"/>
                  </a:lnTo>
                  <a:lnTo>
                    <a:pt x="408432" y="0"/>
                  </a:lnTo>
                  <a:close/>
                </a:path>
                <a:path w="483235" h="5080">
                  <a:moveTo>
                    <a:pt x="414528" y="0"/>
                  </a:moveTo>
                  <a:lnTo>
                    <a:pt x="411480" y="0"/>
                  </a:lnTo>
                  <a:lnTo>
                    <a:pt x="411480" y="4572"/>
                  </a:lnTo>
                  <a:lnTo>
                    <a:pt x="414528" y="4572"/>
                  </a:lnTo>
                  <a:lnTo>
                    <a:pt x="414528" y="0"/>
                  </a:lnTo>
                  <a:close/>
                </a:path>
                <a:path w="483235" h="5080">
                  <a:moveTo>
                    <a:pt x="422148" y="0"/>
                  </a:moveTo>
                  <a:lnTo>
                    <a:pt x="417576" y="0"/>
                  </a:lnTo>
                  <a:lnTo>
                    <a:pt x="417576" y="4572"/>
                  </a:lnTo>
                  <a:lnTo>
                    <a:pt x="422148" y="4572"/>
                  </a:lnTo>
                  <a:lnTo>
                    <a:pt x="422148" y="0"/>
                  </a:lnTo>
                  <a:close/>
                </a:path>
                <a:path w="483235" h="5080">
                  <a:moveTo>
                    <a:pt x="428244" y="0"/>
                  </a:moveTo>
                  <a:lnTo>
                    <a:pt x="425196" y="0"/>
                  </a:lnTo>
                  <a:lnTo>
                    <a:pt x="425196" y="4572"/>
                  </a:lnTo>
                  <a:lnTo>
                    <a:pt x="428244" y="4572"/>
                  </a:lnTo>
                  <a:lnTo>
                    <a:pt x="428244" y="0"/>
                  </a:lnTo>
                  <a:close/>
                </a:path>
                <a:path w="483235" h="5080">
                  <a:moveTo>
                    <a:pt x="435864" y="0"/>
                  </a:moveTo>
                  <a:lnTo>
                    <a:pt x="431292" y="0"/>
                  </a:lnTo>
                  <a:lnTo>
                    <a:pt x="431292" y="4572"/>
                  </a:lnTo>
                  <a:lnTo>
                    <a:pt x="435864" y="4572"/>
                  </a:lnTo>
                  <a:lnTo>
                    <a:pt x="435864" y="0"/>
                  </a:lnTo>
                  <a:close/>
                </a:path>
                <a:path w="483235" h="5080">
                  <a:moveTo>
                    <a:pt x="441960" y="0"/>
                  </a:moveTo>
                  <a:lnTo>
                    <a:pt x="438912" y="0"/>
                  </a:lnTo>
                  <a:lnTo>
                    <a:pt x="438912" y="4572"/>
                  </a:lnTo>
                  <a:lnTo>
                    <a:pt x="441960" y="4572"/>
                  </a:lnTo>
                  <a:lnTo>
                    <a:pt x="441960" y="0"/>
                  </a:lnTo>
                  <a:close/>
                </a:path>
                <a:path w="483235" h="5080">
                  <a:moveTo>
                    <a:pt x="449580" y="0"/>
                  </a:moveTo>
                  <a:lnTo>
                    <a:pt x="444995" y="0"/>
                  </a:lnTo>
                  <a:lnTo>
                    <a:pt x="444995" y="4572"/>
                  </a:lnTo>
                  <a:lnTo>
                    <a:pt x="449580" y="4572"/>
                  </a:lnTo>
                  <a:lnTo>
                    <a:pt x="449580" y="0"/>
                  </a:lnTo>
                  <a:close/>
                </a:path>
                <a:path w="483235" h="5080">
                  <a:moveTo>
                    <a:pt x="455676" y="0"/>
                  </a:moveTo>
                  <a:lnTo>
                    <a:pt x="452615" y="0"/>
                  </a:lnTo>
                  <a:lnTo>
                    <a:pt x="452615" y="4572"/>
                  </a:lnTo>
                  <a:lnTo>
                    <a:pt x="455676" y="4572"/>
                  </a:lnTo>
                  <a:lnTo>
                    <a:pt x="455676" y="0"/>
                  </a:lnTo>
                  <a:close/>
                </a:path>
                <a:path w="483235" h="5080">
                  <a:moveTo>
                    <a:pt x="463283" y="0"/>
                  </a:moveTo>
                  <a:lnTo>
                    <a:pt x="458724" y="0"/>
                  </a:lnTo>
                  <a:lnTo>
                    <a:pt x="458724" y="4572"/>
                  </a:lnTo>
                  <a:lnTo>
                    <a:pt x="463283" y="4572"/>
                  </a:lnTo>
                  <a:lnTo>
                    <a:pt x="463283" y="0"/>
                  </a:lnTo>
                  <a:close/>
                </a:path>
                <a:path w="483235" h="5080">
                  <a:moveTo>
                    <a:pt x="469392" y="0"/>
                  </a:moveTo>
                  <a:lnTo>
                    <a:pt x="466344" y="0"/>
                  </a:lnTo>
                  <a:lnTo>
                    <a:pt x="466344" y="4572"/>
                  </a:lnTo>
                  <a:lnTo>
                    <a:pt x="469392" y="4572"/>
                  </a:lnTo>
                  <a:lnTo>
                    <a:pt x="469392" y="0"/>
                  </a:lnTo>
                  <a:close/>
                </a:path>
                <a:path w="483235" h="5080">
                  <a:moveTo>
                    <a:pt x="477012" y="0"/>
                  </a:moveTo>
                  <a:lnTo>
                    <a:pt x="472427" y="0"/>
                  </a:lnTo>
                  <a:lnTo>
                    <a:pt x="472427" y="4572"/>
                  </a:lnTo>
                  <a:lnTo>
                    <a:pt x="477012" y="4572"/>
                  </a:lnTo>
                  <a:lnTo>
                    <a:pt x="477012" y="0"/>
                  </a:lnTo>
                  <a:close/>
                </a:path>
                <a:path w="483235" h="5080">
                  <a:moveTo>
                    <a:pt x="483095" y="0"/>
                  </a:moveTo>
                  <a:lnTo>
                    <a:pt x="480060" y="0"/>
                  </a:lnTo>
                  <a:lnTo>
                    <a:pt x="480060" y="4572"/>
                  </a:lnTo>
                  <a:lnTo>
                    <a:pt x="483095" y="4572"/>
                  </a:lnTo>
                  <a:lnTo>
                    <a:pt x="483095" y="0"/>
                  </a:lnTo>
                  <a:close/>
                </a:path>
              </a:pathLst>
            </a:custGeom>
            <a:solidFill>
              <a:srgbClr val="D8D8D8"/>
            </a:solidFill>
          </p:spPr>
          <p:txBody>
            <a:bodyPr wrap="square" lIns="0" tIns="0" rIns="0" bIns="0" rtlCol="0"/>
            <a:lstStyle/>
            <a:p>
              <a:endParaRPr sz="1539"/>
            </a:p>
          </p:txBody>
        </p:sp>
        <p:sp>
          <p:nvSpPr>
            <p:cNvPr id="136" name="object 136"/>
            <p:cNvSpPr/>
            <p:nvPr/>
          </p:nvSpPr>
          <p:spPr>
            <a:xfrm>
              <a:off x="1661160" y="1726691"/>
              <a:ext cx="483234" cy="5080"/>
            </a:xfrm>
            <a:custGeom>
              <a:avLst/>
              <a:gdLst/>
              <a:ahLst/>
              <a:cxnLst/>
              <a:rect l="l" t="t" r="r" b="b"/>
              <a:pathLst>
                <a:path w="483235" h="5080">
                  <a:moveTo>
                    <a:pt x="3035" y="0"/>
                  </a:moveTo>
                  <a:lnTo>
                    <a:pt x="0" y="0"/>
                  </a:lnTo>
                  <a:lnTo>
                    <a:pt x="0" y="4572"/>
                  </a:lnTo>
                  <a:lnTo>
                    <a:pt x="3035" y="4572"/>
                  </a:lnTo>
                  <a:lnTo>
                    <a:pt x="3035" y="0"/>
                  </a:lnTo>
                  <a:close/>
                </a:path>
                <a:path w="483235" h="5080">
                  <a:moveTo>
                    <a:pt x="10668" y="0"/>
                  </a:moveTo>
                  <a:lnTo>
                    <a:pt x="6096" y="0"/>
                  </a:lnTo>
                  <a:lnTo>
                    <a:pt x="6096" y="4572"/>
                  </a:lnTo>
                  <a:lnTo>
                    <a:pt x="10668" y="4572"/>
                  </a:lnTo>
                  <a:lnTo>
                    <a:pt x="10668" y="0"/>
                  </a:lnTo>
                  <a:close/>
                </a:path>
                <a:path w="483235" h="5080">
                  <a:moveTo>
                    <a:pt x="16764" y="0"/>
                  </a:moveTo>
                  <a:lnTo>
                    <a:pt x="13716" y="0"/>
                  </a:lnTo>
                  <a:lnTo>
                    <a:pt x="13716" y="4572"/>
                  </a:lnTo>
                  <a:lnTo>
                    <a:pt x="16764" y="4572"/>
                  </a:lnTo>
                  <a:lnTo>
                    <a:pt x="16764" y="0"/>
                  </a:lnTo>
                  <a:close/>
                </a:path>
                <a:path w="483235" h="5080">
                  <a:moveTo>
                    <a:pt x="24384" y="0"/>
                  </a:moveTo>
                  <a:lnTo>
                    <a:pt x="19812" y="0"/>
                  </a:lnTo>
                  <a:lnTo>
                    <a:pt x="19812" y="4572"/>
                  </a:lnTo>
                  <a:lnTo>
                    <a:pt x="24384" y="4572"/>
                  </a:lnTo>
                  <a:lnTo>
                    <a:pt x="24384" y="0"/>
                  </a:lnTo>
                  <a:close/>
                </a:path>
                <a:path w="483235" h="5080">
                  <a:moveTo>
                    <a:pt x="30480" y="0"/>
                  </a:moveTo>
                  <a:lnTo>
                    <a:pt x="27432" y="0"/>
                  </a:lnTo>
                  <a:lnTo>
                    <a:pt x="27432" y="4572"/>
                  </a:lnTo>
                  <a:lnTo>
                    <a:pt x="30480" y="4572"/>
                  </a:lnTo>
                  <a:lnTo>
                    <a:pt x="30480" y="0"/>
                  </a:lnTo>
                  <a:close/>
                </a:path>
                <a:path w="483235" h="5080">
                  <a:moveTo>
                    <a:pt x="36576" y="0"/>
                  </a:moveTo>
                  <a:lnTo>
                    <a:pt x="33528" y="0"/>
                  </a:lnTo>
                  <a:lnTo>
                    <a:pt x="33528" y="4572"/>
                  </a:lnTo>
                  <a:lnTo>
                    <a:pt x="36576" y="4572"/>
                  </a:lnTo>
                  <a:lnTo>
                    <a:pt x="36576" y="0"/>
                  </a:lnTo>
                  <a:close/>
                </a:path>
                <a:path w="483235" h="5080">
                  <a:moveTo>
                    <a:pt x="44196" y="0"/>
                  </a:moveTo>
                  <a:lnTo>
                    <a:pt x="41148" y="0"/>
                  </a:lnTo>
                  <a:lnTo>
                    <a:pt x="41148" y="4572"/>
                  </a:lnTo>
                  <a:lnTo>
                    <a:pt x="44196" y="4572"/>
                  </a:lnTo>
                  <a:lnTo>
                    <a:pt x="44196" y="0"/>
                  </a:lnTo>
                  <a:close/>
                </a:path>
                <a:path w="483235" h="5080">
                  <a:moveTo>
                    <a:pt x="50292" y="0"/>
                  </a:moveTo>
                  <a:lnTo>
                    <a:pt x="47244" y="0"/>
                  </a:lnTo>
                  <a:lnTo>
                    <a:pt x="47244" y="4572"/>
                  </a:lnTo>
                  <a:lnTo>
                    <a:pt x="50292" y="4572"/>
                  </a:lnTo>
                  <a:lnTo>
                    <a:pt x="50292" y="0"/>
                  </a:lnTo>
                  <a:close/>
                </a:path>
                <a:path w="483235" h="5080">
                  <a:moveTo>
                    <a:pt x="57912" y="0"/>
                  </a:moveTo>
                  <a:lnTo>
                    <a:pt x="54864" y="0"/>
                  </a:lnTo>
                  <a:lnTo>
                    <a:pt x="54864" y="4572"/>
                  </a:lnTo>
                  <a:lnTo>
                    <a:pt x="57912" y="4572"/>
                  </a:lnTo>
                  <a:lnTo>
                    <a:pt x="57912" y="0"/>
                  </a:lnTo>
                  <a:close/>
                </a:path>
                <a:path w="483235" h="5080">
                  <a:moveTo>
                    <a:pt x="64008" y="0"/>
                  </a:moveTo>
                  <a:lnTo>
                    <a:pt x="60960" y="0"/>
                  </a:lnTo>
                  <a:lnTo>
                    <a:pt x="60960" y="4572"/>
                  </a:lnTo>
                  <a:lnTo>
                    <a:pt x="64008" y="4572"/>
                  </a:lnTo>
                  <a:lnTo>
                    <a:pt x="64008" y="0"/>
                  </a:lnTo>
                  <a:close/>
                </a:path>
                <a:path w="483235" h="5080">
                  <a:moveTo>
                    <a:pt x="71628" y="0"/>
                  </a:moveTo>
                  <a:lnTo>
                    <a:pt x="68580" y="0"/>
                  </a:lnTo>
                  <a:lnTo>
                    <a:pt x="68580" y="4572"/>
                  </a:lnTo>
                  <a:lnTo>
                    <a:pt x="71628" y="4572"/>
                  </a:lnTo>
                  <a:lnTo>
                    <a:pt x="71628" y="0"/>
                  </a:lnTo>
                  <a:close/>
                </a:path>
                <a:path w="483235" h="5080">
                  <a:moveTo>
                    <a:pt x="77724" y="0"/>
                  </a:moveTo>
                  <a:lnTo>
                    <a:pt x="74676" y="0"/>
                  </a:lnTo>
                  <a:lnTo>
                    <a:pt x="74676" y="4572"/>
                  </a:lnTo>
                  <a:lnTo>
                    <a:pt x="77724" y="4572"/>
                  </a:lnTo>
                  <a:lnTo>
                    <a:pt x="77724" y="0"/>
                  </a:lnTo>
                  <a:close/>
                </a:path>
                <a:path w="483235" h="5080">
                  <a:moveTo>
                    <a:pt x="85344" y="0"/>
                  </a:moveTo>
                  <a:lnTo>
                    <a:pt x="82296" y="0"/>
                  </a:lnTo>
                  <a:lnTo>
                    <a:pt x="82296" y="4572"/>
                  </a:lnTo>
                  <a:lnTo>
                    <a:pt x="85344" y="4572"/>
                  </a:lnTo>
                  <a:lnTo>
                    <a:pt x="85344" y="0"/>
                  </a:lnTo>
                  <a:close/>
                </a:path>
                <a:path w="483235" h="5080">
                  <a:moveTo>
                    <a:pt x="91440" y="0"/>
                  </a:moveTo>
                  <a:lnTo>
                    <a:pt x="88392" y="0"/>
                  </a:lnTo>
                  <a:lnTo>
                    <a:pt x="88392" y="4572"/>
                  </a:lnTo>
                  <a:lnTo>
                    <a:pt x="91440" y="4572"/>
                  </a:lnTo>
                  <a:lnTo>
                    <a:pt x="91440" y="0"/>
                  </a:lnTo>
                  <a:close/>
                </a:path>
                <a:path w="483235" h="5080">
                  <a:moveTo>
                    <a:pt x="99060" y="0"/>
                  </a:moveTo>
                  <a:lnTo>
                    <a:pt x="96012" y="0"/>
                  </a:lnTo>
                  <a:lnTo>
                    <a:pt x="96012" y="4572"/>
                  </a:lnTo>
                  <a:lnTo>
                    <a:pt x="99060" y="4572"/>
                  </a:lnTo>
                  <a:lnTo>
                    <a:pt x="99060" y="0"/>
                  </a:lnTo>
                  <a:close/>
                </a:path>
                <a:path w="483235" h="5080">
                  <a:moveTo>
                    <a:pt x="105156" y="0"/>
                  </a:moveTo>
                  <a:lnTo>
                    <a:pt x="102108" y="0"/>
                  </a:lnTo>
                  <a:lnTo>
                    <a:pt x="102108" y="4572"/>
                  </a:lnTo>
                  <a:lnTo>
                    <a:pt x="105156" y="4572"/>
                  </a:lnTo>
                  <a:lnTo>
                    <a:pt x="105156" y="0"/>
                  </a:lnTo>
                  <a:close/>
                </a:path>
                <a:path w="483235" h="5080">
                  <a:moveTo>
                    <a:pt x="112776" y="0"/>
                  </a:moveTo>
                  <a:lnTo>
                    <a:pt x="109728" y="0"/>
                  </a:lnTo>
                  <a:lnTo>
                    <a:pt x="109728" y="4572"/>
                  </a:lnTo>
                  <a:lnTo>
                    <a:pt x="112776" y="4572"/>
                  </a:lnTo>
                  <a:lnTo>
                    <a:pt x="112776" y="0"/>
                  </a:lnTo>
                  <a:close/>
                </a:path>
                <a:path w="483235" h="5080">
                  <a:moveTo>
                    <a:pt x="118872" y="0"/>
                  </a:moveTo>
                  <a:lnTo>
                    <a:pt x="115824" y="0"/>
                  </a:lnTo>
                  <a:lnTo>
                    <a:pt x="115824" y="4572"/>
                  </a:lnTo>
                  <a:lnTo>
                    <a:pt x="118872" y="4572"/>
                  </a:lnTo>
                  <a:lnTo>
                    <a:pt x="118872" y="0"/>
                  </a:lnTo>
                  <a:close/>
                </a:path>
                <a:path w="483235" h="5080">
                  <a:moveTo>
                    <a:pt x="126492" y="0"/>
                  </a:moveTo>
                  <a:lnTo>
                    <a:pt x="123444" y="0"/>
                  </a:lnTo>
                  <a:lnTo>
                    <a:pt x="123444" y="4572"/>
                  </a:lnTo>
                  <a:lnTo>
                    <a:pt x="126492" y="4572"/>
                  </a:lnTo>
                  <a:lnTo>
                    <a:pt x="126492" y="0"/>
                  </a:lnTo>
                  <a:close/>
                </a:path>
                <a:path w="483235" h="5080">
                  <a:moveTo>
                    <a:pt x="132588" y="0"/>
                  </a:moveTo>
                  <a:lnTo>
                    <a:pt x="129540" y="0"/>
                  </a:lnTo>
                  <a:lnTo>
                    <a:pt x="129540" y="4572"/>
                  </a:lnTo>
                  <a:lnTo>
                    <a:pt x="132588" y="4572"/>
                  </a:lnTo>
                  <a:lnTo>
                    <a:pt x="132588" y="0"/>
                  </a:lnTo>
                  <a:close/>
                </a:path>
                <a:path w="483235" h="5080">
                  <a:moveTo>
                    <a:pt x="140208" y="0"/>
                  </a:moveTo>
                  <a:lnTo>
                    <a:pt x="137160" y="0"/>
                  </a:lnTo>
                  <a:lnTo>
                    <a:pt x="137160" y="4572"/>
                  </a:lnTo>
                  <a:lnTo>
                    <a:pt x="140208" y="4572"/>
                  </a:lnTo>
                  <a:lnTo>
                    <a:pt x="140208" y="0"/>
                  </a:lnTo>
                  <a:close/>
                </a:path>
                <a:path w="483235" h="5080">
                  <a:moveTo>
                    <a:pt x="146304" y="0"/>
                  </a:moveTo>
                  <a:lnTo>
                    <a:pt x="143256" y="0"/>
                  </a:lnTo>
                  <a:lnTo>
                    <a:pt x="143256" y="4572"/>
                  </a:lnTo>
                  <a:lnTo>
                    <a:pt x="146304" y="4572"/>
                  </a:lnTo>
                  <a:lnTo>
                    <a:pt x="146304" y="0"/>
                  </a:lnTo>
                  <a:close/>
                </a:path>
                <a:path w="483235" h="5080">
                  <a:moveTo>
                    <a:pt x="153924" y="0"/>
                  </a:moveTo>
                  <a:lnTo>
                    <a:pt x="150876" y="0"/>
                  </a:lnTo>
                  <a:lnTo>
                    <a:pt x="150876" y="4572"/>
                  </a:lnTo>
                  <a:lnTo>
                    <a:pt x="153924" y="4572"/>
                  </a:lnTo>
                  <a:lnTo>
                    <a:pt x="153924" y="0"/>
                  </a:lnTo>
                  <a:close/>
                </a:path>
                <a:path w="483235" h="5080">
                  <a:moveTo>
                    <a:pt x="160020" y="0"/>
                  </a:moveTo>
                  <a:lnTo>
                    <a:pt x="156972" y="0"/>
                  </a:lnTo>
                  <a:lnTo>
                    <a:pt x="156972" y="4572"/>
                  </a:lnTo>
                  <a:lnTo>
                    <a:pt x="160020" y="4572"/>
                  </a:lnTo>
                  <a:lnTo>
                    <a:pt x="160020" y="0"/>
                  </a:lnTo>
                  <a:close/>
                </a:path>
                <a:path w="483235" h="5080">
                  <a:moveTo>
                    <a:pt x="167640" y="0"/>
                  </a:moveTo>
                  <a:lnTo>
                    <a:pt x="164592" y="0"/>
                  </a:lnTo>
                  <a:lnTo>
                    <a:pt x="164592" y="4572"/>
                  </a:lnTo>
                  <a:lnTo>
                    <a:pt x="167640" y="4572"/>
                  </a:lnTo>
                  <a:lnTo>
                    <a:pt x="167640" y="0"/>
                  </a:lnTo>
                  <a:close/>
                </a:path>
                <a:path w="483235" h="5080">
                  <a:moveTo>
                    <a:pt x="173736" y="0"/>
                  </a:moveTo>
                  <a:lnTo>
                    <a:pt x="170688" y="0"/>
                  </a:lnTo>
                  <a:lnTo>
                    <a:pt x="170688" y="4572"/>
                  </a:lnTo>
                  <a:lnTo>
                    <a:pt x="173736" y="4572"/>
                  </a:lnTo>
                  <a:lnTo>
                    <a:pt x="173736" y="0"/>
                  </a:lnTo>
                  <a:close/>
                </a:path>
                <a:path w="483235" h="5080">
                  <a:moveTo>
                    <a:pt x="181356" y="0"/>
                  </a:moveTo>
                  <a:lnTo>
                    <a:pt x="178308" y="0"/>
                  </a:lnTo>
                  <a:lnTo>
                    <a:pt x="178308" y="4572"/>
                  </a:lnTo>
                  <a:lnTo>
                    <a:pt x="181356" y="4572"/>
                  </a:lnTo>
                  <a:lnTo>
                    <a:pt x="181356" y="0"/>
                  </a:lnTo>
                  <a:close/>
                </a:path>
                <a:path w="483235" h="5080">
                  <a:moveTo>
                    <a:pt x="187452" y="0"/>
                  </a:moveTo>
                  <a:lnTo>
                    <a:pt x="184404" y="0"/>
                  </a:lnTo>
                  <a:lnTo>
                    <a:pt x="184404" y="4572"/>
                  </a:lnTo>
                  <a:lnTo>
                    <a:pt x="187452" y="4572"/>
                  </a:lnTo>
                  <a:lnTo>
                    <a:pt x="187452" y="0"/>
                  </a:lnTo>
                  <a:close/>
                </a:path>
                <a:path w="483235" h="5080">
                  <a:moveTo>
                    <a:pt x="195072" y="0"/>
                  </a:moveTo>
                  <a:lnTo>
                    <a:pt x="192024" y="0"/>
                  </a:lnTo>
                  <a:lnTo>
                    <a:pt x="192024" y="4572"/>
                  </a:lnTo>
                  <a:lnTo>
                    <a:pt x="195072" y="4572"/>
                  </a:lnTo>
                  <a:lnTo>
                    <a:pt x="195072" y="0"/>
                  </a:lnTo>
                  <a:close/>
                </a:path>
                <a:path w="483235" h="5080">
                  <a:moveTo>
                    <a:pt x="201168" y="0"/>
                  </a:moveTo>
                  <a:lnTo>
                    <a:pt x="198120" y="0"/>
                  </a:lnTo>
                  <a:lnTo>
                    <a:pt x="198120" y="4572"/>
                  </a:lnTo>
                  <a:lnTo>
                    <a:pt x="201168" y="4572"/>
                  </a:lnTo>
                  <a:lnTo>
                    <a:pt x="201168" y="0"/>
                  </a:lnTo>
                  <a:close/>
                </a:path>
                <a:path w="483235" h="5080">
                  <a:moveTo>
                    <a:pt x="208788" y="0"/>
                  </a:moveTo>
                  <a:lnTo>
                    <a:pt x="205740" y="0"/>
                  </a:lnTo>
                  <a:lnTo>
                    <a:pt x="205740" y="4572"/>
                  </a:lnTo>
                  <a:lnTo>
                    <a:pt x="208788" y="4572"/>
                  </a:lnTo>
                  <a:lnTo>
                    <a:pt x="208788" y="0"/>
                  </a:lnTo>
                  <a:close/>
                </a:path>
                <a:path w="483235" h="5080">
                  <a:moveTo>
                    <a:pt x="214884" y="0"/>
                  </a:moveTo>
                  <a:lnTo>
                    <a:pt x="211836" y="0"/>
                  </a:lnTo>
                  <a:lnTo>
                    <a:pt x="211836" y="4572"/>
                  </a:lnTo>
                  <a:lnTo>
                    <a:pt x="214884" y="4572"/>
                  </a:lnTo>
                  <a:lnTo>
                    <a:pt x="214884" y="0"/>
                  </a:lnTo>
                  <a:close/>
                </a:path>
                <a:path w="483235" h="5080">
                  <a:moveTo>
                    <a:pt x="222504" y="0"/>
                  </a:moveTo>
                  <a:lnTo>
                    <a:pt x="219456" y="0"/>
                  </a:lnTo>
                  <a:lnTo>
                    <a:pt x="219456" y="4572"/>
                  </a:lnTo>
                  <a:lnTo>
                    <a:pt x="222504" y="4572"/>
                  </a:lnTo>
                  <a:lnTo>
                    <a:pt x="222504" y="0"/>
                  </a:lnTo>
                  <a:close/>
                </a:path>
                <a:path w="483235" h="5080">
                  <a:moveTo>
                    <a:pt x="228600" y="0"/>
                  </a:moveTo>
                  <a:lnTo>
                    <a:pt x="225552" y="0"/>
                  </a:lnTo>
                  <a:lnTo>
                    <a:pt x="225552" y="4572"/>
                  </a:lnTo>
                  <a:lnTo>
                    <a:pt x="228600" y="4572"/>
                  </a:lnTo>
                  <a:lnTo>
                    <a:pt x="228600" y="0"/>
                  </a:lnTo>
                  <a:close/>
                </a:path>
                <a:path w="483235" h="5080">
                  <a:moveTo>
                    <a:pt x="236220" y="0"/>
                  </a:moveTo>
                  <a:lnTo>
                    <a:pt x="233172" y="0"/>
                  </a:lnTo>
                  <a:lnTo>
                    <a:pt x="233172" y="4572"/>
                  </a:lnTo>
                  <a:lnTo>
                    <a:pt x="236220" y="4572"/>
                  </a:lnTo>
                  <a:lnTo>
                    <a:pt x="236220" y="0"/>
                  </a:lnTo>
                  <a:close/>
                </a:path>
                <a:path w="483235" h="5080">
                  <a:moveTo>
                    <a:pt x="242316" y="0"/>
                  </a:moveTo>
                  <a:lnTo>
                    <a:pt x="239268" y="0"/>
                  </a:lnTo>
                  <a:lnTo>
                    <a:pt x="239268" y="4572"/>
                  </a:lnTo>
                  <a:lnTo>
                    <a:pt x="242316" y="4572"/>
                  </a:lnTo>
                  <a:lnTo>
                    <a:pt x="242316" y="0"/>
                  </a:lnTo>
                  <a:close/>
                </a:path>
                <a:path w="483235" h="5080">
                  <a:moveTo>
                    <a:pt x="249936" y="0"/>
                  </a:moveTo>
                  <a:lnTo>
                    <a:pt x="246888" y="0"/>
                  </a:lnTo>
                  <a:lnTo>
                    <a:pt x="246888" y="4572"/>
                  </a:lnTo>
                  <a:lnTo>
                    <a:pt x="249936" y="4572"/>
                  </a:lnTo>
                  <a:lnTo>
                    <a:pt x="249936" y="0"/>
                  </a:lnTo>
                  <a:close/>
                </a:path>
                <a:path w="483235" h="5080">
                  <a:moveTo>
                    <a:pt x="256032" y="0"/>
                  </a:moveTo>
                  <a:lnTo>
                    <a:pt x="252984" y="0"/>
                  </a:lnTo>
                  <a:lnTo>
                    <a:pt x="252984" y="4572"/>
                  </a:lnTo>
                  <a:lnTo>
                    <a:pt x="256032" y="4572"/>
                  </a:lnTo>
                  <a:lnTo>
                    <a:pt x="256032" y="0"/>
                  </a:lnTo>
                  <a:close/>
                </a:path>
                <a:path w="483235" h="5080">
                  <a:moveTo>
                    <a:pt x="263652" y="0"/>
                  </a:moveTo>
                  <a:lnTo>
                    <a:pt x="260604" y="0"/>
                  </a:lnTo>
                  <a:lnTo>
                    <a:pt x="260604" y="4572"/>
                  </a:lnTo>
                  <a:lnTo>
                    <a:pt x="263652" y="4572"/>
                  </a:lnTo>
                  <a:lnTo>
                    <a:pt x="263652" y="0"/>
                  </a:lnTo>
                  <a:close/>
                </a:path>
                <a:path w="483235" h="5080">
                  <a:moveTo>
                    <a:pt x="269748" y="0"/>
                  </a:moveTo>
                  <a:lnTo>
                    <a:pt x="266700" y="0"/>
                  </a:lnTo>
                  <a:lnTo>
                    <a:pt x="266700" y="4572"/>
                  </a:lnTo>
                  <a:lnTo>
                    <a:pt x="269748" y="4572"/>
                  </a:lnTo>
                  <a:lnTo>
                    <a:pt x="269748" y="0"/>
                  </a:lnTo>
                  <a:close/>
                </a:path>
                <a:path w="483235" h="5080">
                  <a:moveTo>
                    <a:pt x="277368" y="0"/>
                  </a:moveTo>
                  <a:lnTo>
                    <a:pt x="274320" y="0"/>
                  </a:lnTo>
                  <a:lnTo>
                    <a:pt x="274320" y="4572"/>
                  </a:lnTo>
                  <a:lnTo>
                    <a:pt x="277368" y="4572"/>
                  </a:lnTo>
                  <a:lnTo>
                    <a:pt x="277368" y="0"/>
                  </a:lnTo>
                  <a:close/>
                </a:path>
                <a:path w="483235" h="5080">
                  <a:moveTo>
                    <a:pt x="283464" y="0"/>
                  </a:moveTo>
                  <a:lnTo>
                    <a:pt x="280416" y="0"/>
                  </a:lnTo>
                  <a:lnTo>
                    <a:pt x="280416" y="4572"/>
                  </a:lnTo>
                  <a:lnTo>
                    <a:pt x="283464" y="4572"/>
                  </a:lnTo>
                  <a:lnTo>
                    <a:pt x="283464" y="0"/>
                  </a:lnTo>
                  <a:close/>
                </a:path>
                <a:path w="483235" h="5080">
                  <a:moveTo>
                    <a:pt x="291084" y="0"/>
                  </a:moveTo>
                  <a:lnTo>
                    <a:pt x="288036" y="0"/>
                  </a:lnTo>
                  <a:lnTo>
                    <a:pt x="288036" y="4572"/>
                  </a:lnTo>
                  <a:lnTo>
                    <a:pt x="291084" y="4572"/>
                  </a:lnTo>
                  <a:lnTo>
                    <a:pt x="291084" y="0"/>
                  </a:lnTo>
                  <a:close/>
                </a:path>
                <a:path w="483235" h="5080">
                  <a:moveTo>
                    <a:pt x="297180" y="0"/>
                  </a:moveTo>
                  <a:lnTo>
                    <a:pt x="294132" y="0"/>
                  </a:lnTo>
                  <a:lnTo>
                    <a:pt x="294132" y="4572"/>
                  </a:lnTo>
                  <a:lnTo>
                    <a:pt x="297180" y="4572"/>
                  </a:lnTo>
                  <a:lnTo>
                    <a:pt x="297180" y="0"/>
                  </a:lnTo>
                  <a:close/>
                </a:path>
                <a:path w="483235" h="5080">
                  <a:moveTo>
                    <a:pt x="304800" y="0"/>
                  </a:moveTo>
                  <a:lnTo>
                    <a:pt x="301752" y="0"/>
                  </a:lnTo>
                  <a:lnTo>
                    <a:pt x="301752" y="4572"/>
                  </a:lnTo>
                  <a:lnTo>
                    <a:pt x="304800" y="4572"/>
                  </a:lnTo>
                  <a:lnTo>
                    <a:pt x="304800" y="0"/>
                  </a:lnTo>
                  <a:close/>
                </a:path>
                <a:path w="483235" h="5080">
                  <a:moveTo>
                    <a:pt x="310896" y="0"/>
                  </a:moveTo>
                  <a:lnTo>
                    <a:pt x="307848" y="0"/>
                  </a:lnTo>
                  <a:lnTo>
                    <a:pt x="307848" y="4572"/>
                  </a:lnTo>
                  <a:lnTo>
                    <a:pt x="310896" y="4572"/>
                  </a:lnTo>
                  <a:lnTo>
                    <a:pt x="310896" y="0"/>
                  </a:lnTo>
                  <a:close/>
                </a:path>
                <a:path w="483235" h="5080">
                  <a:moveTo>
                    <a:pt x="318516" y="0"/>
                  </a:moveTo>
                  <a:lnTo>
                    <a:pt x="315468" y="0"/>
                  </a:lnTo>
                  <a:lnTo>
                    <a:pt x="315468" y="4572"/>
                  </a:lnTo>
                  <a:lnTo>
                    <a:pt x="318516" y="4572"/>
                  </a:lnTo>
                  <a:lnTo>
                    <a:pt x="318516" y="0"/>
                  </a:lnTo>
                  <a:close/>
                </a:path>
                <a:path w="483235" h="5080">
                  <a:moveTo>
                    <a:pt x="324612" y="0"/>
                  </a:moveTo>
                  <a:lnTo>
                    <a:pt x="321564" y="0"/>
                  </a:lnTo>
                  <a:lnTo>
                    <a:pt x="321564" y="4572"/>
                  </a:lnTo>
                  <a:lnTo>
                    <a:pt x="324612" y="4572"/>
                  </a:lnTo>
                  <a:lnTo>
                    <a:pt x="324612" y="0"/>
                  </a:lnTo>
                  <a:close/>
                </a:path>
                <a:path w="483235" h="5080">
                  <a:moveTo>
                    <a:pt x="332232" y="0"/>
                  </a:moveTo>
                  <a:lnTo>
                    <a:pt x="329184" y="0"/>
                  </a:lnTo>
                  <a:lnTo>
                    <a:pt x="329184" y="4572"/>
                  </a:lnTo>
                  <a:lnTo>
                    <a:pt x="332232" y="4572"/>
                  </a:lnTo>
                  <a:lnTo>
                    <a:pt x="332232" y="0"/>
                  </a:lnTo>
                  <a:close/>
                </a:path>
                <a:path w="483235" h="5080">
                  <a:moveTo>
                    <a:pt x="338328" y="0"/>
                  </a:moveTo>
                  <a:lnTo>
                    <a:pt x="335280" y="0"/>
                  </a:lnTo>
                  <a:lnTo>
                    <a:pt x="335280" y="4572"/>
                  </a:lnTo>
                  <a:lnTo>
                    <a:pt x="338328" y="4572"/>
                  </a:lnTo>
                  <a:lnTo>
                    <a:pt x="338328" y="0"/>
                  </a:lnTo>
                  <a:close/>
                </a:path>
                <a:path w="483235" h="5080">
                  <a:moveTo>
                    <a:pt x="345948" y="0"/>
                  </a:moveTo>
                  <a:lnTo>
                    <a:pt x="342900" y="0"/>
                  </a:lnTo>
                  <a:lnTo>
                    <a:pt x="342900" y="4572"/>
                  </a:lnTo>
                  <a:lnTo>
                    <a:pt x="345948" y="4572"/>
                  </a:lnTo>
                  <a:lnTo>
                    <a:pt x="345948" y="0"/>
                  </a:lnTo>
                  <a:close/>
                </a:path>
                <a:path w="483235" h="5080">
                  <a:moveTo>
                    <a:pt x="352044" y="0"/>
                  </a:moveTo>
                  <a:lnTo>
                    <a:pt x="348996" y="0"/>
                  </a:lnTo>
                  <a:lnTo>
                    <a:pt x="348996" y="4572"/>
                  </a:lnTo>
                  <a:lnTo>
                    <a:pt x="352044" y="4572"/>
                  </a:lnTo>
                  <a:lnTo>
                    <a:pt x="352044" y="0"/>
                  </a:lnTo>
                  <a:close/>
                </a:path>
                <a:path w="483235" h="5080">
                  <a:moveTo>
                    <a:pt x="359664" y="0"/>
                  </a:moveTo>
                  <a:lnTo>
                    <a:pt x="356616" y="0"/>
                  </a:lnTo>
                  <a:lnTo>
                    <a:pt x="356616" y="4572"/>
                  </a:lnTo>
                  <a:lnTo>
                    <a:pt x="359664" y="4572"/>
                  </a:lnTo>
                  <a:lnTo>
                    <a:pt x="359664" y="0"/>
                  </a:lnTo>
                  <a:close/>
                </a:path>
                <a:path w="483235" h="5080">
                  <a:moveTo>
                    <a:pt x="365760" y="0"/>
                  </a:moveTo>
                  <a:lnTo>
                    <a:pt x="362712" y="0"/>
                  </a:lnTo>
                  <a:lnTo>
                    <a:pt x="362712" y="4572"/>
                  </a:lnTo>
                  <a:lnTo>
                    <a:pt x="365760" y="4572"/>
                  </a:lnTo>
                  <a:lnTo>
                    <a:pt x="365760" y="0"/>
                  </a:lnTo>
                  <a:close/>
                </a:path>
                <a:path w="483235" h="5080">
                  <a:moveTo>
                    <a:pt x="373380" y="0"/>
                  </a:moveTo>
                  <a:lnTo>
                    <a:pt x="370332" y="0"/>
                  </a:lnTo>
                  <a:lnTo>
                    <a:pt x="370332" y="4572"/>
                  </a:lnTo>
                  <a:lnTo>
                    <a:pt x="373380" y="4572"/>
                  </a:lnTo>
                  <a:lnTo>
                    <a:pt x="373380" y="0"/>
                  </a:lnTo>
                  <a:close/>
                </a:path>
                <a:path w="483235" h="5080">
                  <a:moveTo>
                    <a:pt x="379476" y="0"/>
                  </a:moveTo>
                  <a:lnTo>
                    <a:pt x="376428" y="0"/>
                  </a:lnTo>
                  <a:lnTo>
                    <a:pt x="376428" y="4572"/>
                  </a:lnTo>
                  <a:lnTo>
                    <a:pt x="379476" y="4572"/>
                  </a:lnTo>
                  <a:lnTo>
                    <a:pt x="379476" y="0"/>
                  </a:lnTo>
                  <a:close/>
                </a:path>
                <a:path w="483235" h="5080">
                  <a:moveTo>
                    <a:pt x="387096" y="0"/>
                  </a:moveTo>
                  <a:lnTo>
                    <a:pt x="384048" y="0"/>
                  </a:lnTo>
                  <a:lnTo>
                    <a:pt x="384048" y="4572"/>
                  </a:lnTo>
                  <a:lnTo>
                    <a:pt x="387096" y="4572"/>
                  </a:lnTo>
                  <a:lnTo>
                    <a:pt x="387096" y="0"/>
                  </a:lnTo>
                  <a:close/>
                </a:path>
                <a:path w="483235" h="5080">
                  <a:moveTo>
                    <a:pt x="393192" y="0"/>
                  </a:moveTo>
                  <a:lnTo>
                    <a:pt x="390144" y="0"/>
                  </a:lnTo>
                  <a:lnTo>
                    <a:pt x="390144" y="4572"/>
                  </a:lnTo>
                  <a:lnTo>
                    <a:pt x="393192" y="4572"/>
                  </a:lnTo>
                  <a:lnTo>
                    <a:pt x="393192" y="0"/>
                  </a:lnTo>
                  <a:close/>
                </a:path>
                <a:path w="483235" h="5080">
                  <a:moveTo>
                    <a:pt x="400812" y="0"/>
                  </a:moveTo>
                  <a:lnTo>
                    <a:pt x="397764" y="0"/>
                  </a:lnTo>
                  <a:lnTo>
                    <a:pt x="397764" y="4572"/>
                  </a:lnTo>
                  <a:lnTo>
                    <a:pt x="400812" y="4572"/>
                  </a:lnTo>
                  <a:lnTo>
                    <a:pt x="400812" y="0"/>
                  </a:lnTo>
                  <a:close/>
                </a:path>
                <a:path w="483235" h="5080">
                  <a:moveTo>
                    <a:pt x="406908" y="0"/>
                  </a:moveTo>
                  <a:lnTo>
                    <a:pt x="403860" y="0"/>
                  </a:lnTo>
                  <a:lnTo>
                    <a:pt x="403860" y="4572"/>
                  </a:lnTo>
                  <a:lnTo>
                    <a:pt x="406908" y="4572"/>
                  </a:lnTo>
                  <a:lnTo>
                    <a:pt x="406908" y="0"/>
                  </a:lnTo>
                  <a:close/>
                </a:path>
                <a:path w="483235" h="5080">
                  <a:moveTo>
                    <a:pt x="414528" y="0"/>
                  </a:moveTo>
                  <a:lnTo>
                    <a:pt x="411480" y="0"/>
                  </a:lnTo>
                  <a:lnTo>
                    <a:pt x="411480" y="4572"/>
                  </a:lnTo>
                  <a:lnTo>
                    <a:pt x="414528" y="4572"/>
                  </a:lnTo>
                  <a:lnTo>
                    <a:pt x="414528" y="0"/>
                  </a:lnTo>
                  <a:close/>
                </a:path>
                <a:path w="483235" h="5080">
                  <a:moveTo>
                    <a:pt x="420624" y="0"/>
                  </a:moveTo>
                  <a:lnTo>
                    <a:pt x="417576" y="0"/>
                  </a:lnTo>
                  <a:lnTo>
                    <a:pt x="417576" y="4572"/>
                  </a:lnTo>
                  <a:lnTo>
                    <a:pt x="420624" y="4572"/>
                  </a:lnTo>
                  <a:lnTo>
                    <a:pt x="420624" y="0"/>
                  </a:lnTo>
                  <a:close/>
                </a:path>
                <a:path w="483235" h="5080">
                  <a:moveTo>
                    <a:pt x="428244" y="0"/>
                  </a:moveTo>
                  <a:lnTo>
                    <a:pt x="425196" y="0"/>
                  </a:lnTo>
                  <a:lnTo>
                    <a:pt x="425196" y="4572"/>
                  </a:lnTo>
                  <a:lnTo>
                    <a:pt x="428244" y="4572"/>
                  </a:lnTo>
                  <a:lnTo>
                    <a:pt x="428244" y="0"/>
                  </a:lnTo>
                  <a:close/>
                </a:path>
                <a:path w="483235" h="5080">
                  <a:moveTo>
                    <a:pt x="434340" y="0"/>
                  </a:moveTo>
                  <a:lnTo>
                    <a:pt x="431292" y="0"/>
                  </a:lnTo>
                  <a:lnTo>
                    <a:pt x="431292" y="4572"/>
                  </a:lnTo>
                  <a:lnTo>
                    <a:pt x="434340" y="4572"/>
                  </a:lnTo>
                  <a:lnTo>
                    <a:pt x="434340" y="0"/>
                  </a:lnTo>
                  <a:close/>
                </a:path>
                <a:path w="483235" h="5080">
                  <a:moveTo>
                    <a:pt x="441960" y="0"/>
                  </a:moveTo>
                  <a:lnTo>
                    <a:pt x="438912" y="0"/>
                  </a:lnTo>
                  <a:lnTo>
                    <a:pt x="438912" y="4572"/>
                  </a:lnTo>
                  <a:lnTo>
                    <a:pt x="441960" y="4572"/>
                  </a:lnTo>
                  <a:lnTo>
                    <a:pt x="441960" y="0"/>
                  </a:lnTo>
                  <a:close/>
                </a:path>
                <a:path w="483235" h="5080">
                  <a:moveTo>
                    <a:pt x="448056" y="0"/>
                  </a:moveTo>
                  <a:lnTo>
                    <a:pt x="445008" y="0"/>
                  </a:lnTo>
                  <a:lnTo>
                    <a:pt x="445008" y="4572"/>
                  </a:lnTo>
                  <a:lnTo>
                    <a:pt x="448056" y="4572"/>
                  </a:lnTo>
                  <a:lnTo>
                    <a:pt x="448056" y="0"/>
                  </a:lnTo>
                  <a:close/>
                </a:path>
                <a:path w="483235" h="5080">
                  <a:moveTo>
                    <a:pt x="455676" y="0"/>
                  </a:moveTo>
                  <a:lnTo>
                    <a:pt x="452628" y="0"/>
                  </a:lnTo>
                  <a:lnTo>
                    <a:pt x="452628" y="4572"/>
                  </a:lnTo>
                  <a:lnTo>
                    <a:pt x="455676" y="4572"/>
                  </a:lnTo>
                  <a:lnTo>
                    <a:pt x="455676" y="0"/>
                  </a:lnTo>
                  <a:close/>
                </a:path>
                <a:path w="483235" h="5080">
                  <a:moveTo>
                    <a:pt x="461772" y="0"/>
                  </a:moveTo>
                  <a:lnTo>
                    <a:pt x="458724" y="0"/>
                  </a:lnTo>
                  <a:lnTo>
                    <a:pt x="458724" y="4572"/>
                  </a:lnTo>
                  <a:lnTo>
                    <a:pt x="461772" y="4572"/>
                  </a:lnTo>
                  <a:lnTo>
                    <a:pt x="461772" y="0"/>
                  </a:lnTo>
                  <a:close/>
                </a:path>
                <a:path w="483235" h="5080">
                  <a:moveTo>
                    <a:pt x="469392" y="0"/>
                  </a:moveTo>
                  <a:lnTo>
                    <a:pt x="466344" y="0"/>
                  </a:lnTo>
                  <a:lnTo>
                    <a:pt x="466344" y="4572"/>
                  </a:lnTo>
                  <a:lnTo>
                    <a:pt x="469392" y="4572"/>
                  </a:lnTo>
                  <a:lnTo>
                    <a:pt x="469392" y="0"/>
                  </a:lnTo>
                  <a:close/>
                </a:path>
                <a:path w="483235" h="5080">
                  <a:moveTo>
                    <a:pt x="475488" y="0"/>
                  </a:moveTo>
                  <a:lnTo>
                    <a:pt x="472440" y="0"/>
                  </a:lnTo>
                  <a:lnTo>
                    <a:pt x="472440" y="4572"/>
                  </a:lnTo>
                  <a:lnTo>
                    <a:pt x="475488" y="4572"/>
                  </a:lnTo>
                  <a:lnTo>
                    <a:pt x="475488" y="0"/>
                  </a:lnTo>
                  <a:close/>
                </a:path>
                <a:path w="483235"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37" name="object 137"/>
            <p:cNvSpPr/>
            <p:nvPr/>
          </p:nvSpPr>
          <p:spPr>
            <a:xfrm>
              <a:off x="2141220" y="1726691"/>
              <a:ext cx="483234" cy="5080"/>
            </a:xfrm>
            <a:custGeom>
              <a:avLst/>
              <a:gdLst/>
              <a:ahLst/>
              <a:cxnLst/>
              <a:rect l="l" t="t" r="r" b="b"/>
              <a:pathLst>
                <a:path w="483235" h="5080">
                  <a:moveTo>
                    <a:pt x="3048" y="0"/>
                  </a:moveTo>
                  <a:lnTo>
                    <a:pt x="0" y="0"/>
                  </a:lnTo>
                  <a:lnTo>
                    <a:pt x="0" y="4572"/>
                  </a:lnTo>
                  <a:lnTo>
                    <a:pt x="3048" y="4572"/>
                  </a:lnTo>
                  <a:lnTo>
                    <a:pt x="3048" y="0"/>
                  </a:lnTo>
                  <a:close/>
                </a:path>
                <a:path w="483235" h="5080">
                  <a:moveTo>
                    <a:pt x="9144" y="0"/>
                  </a:moveTo>
                  <a:lnTo>
                    <a:pt x="6096" y="0"/>
                  </a:lnTo>
                  <a:lnTo>
                    <a:pt x="6096" y="4572"/>
                  </a:lnTo>
                  <a:lnTo>
                    <a:pt x="9144" y="4572"/>
                  </a:lnTo>
                  <a:lnTo>
                    <a:pt x="9144" y="0"/>
                  </a:lnTo>
                  <a:close/>
                </a:path>
                <a:path w="483235" h="5080">
                  <a:moveTo>
                    <a:pt x="16764" y="0"/>
                  </a:moveTo>
                  <a:lnTo>
                    <a:pt x="13716" y="0"/>
                  </a:lnTo>
                  <a:lnTo>
                    <a:pt x="13716" y="4572"/>
                  </a:lnTo>
                  <a:lnTo>
                    <a:pt x="16764" y="4572"/>
                  </a:lnTo>
                  <a:lnTo>
                    <a:pt x="16764" y="0"/>
                  </a:lnTo>
                  <a:close/>
                </a:path>
                <a:path w="483235" h="5080">
                  <a:moveTo>
                    <a:pt x="22860" y="0"/>
                  </a:moveTo>
                  <a:lnTo>
                    <a:pt x="19812" y="0"/>
                  </a:lnTo>
                  <a:lnTo>
                    <a:pt x="19812" y="4572"/>
                  </a:lnTo>
                  <a:lnTo>
                    <a:pt x="22860" y="4572"/>
                  </a:lnTo>
                  <a:lnTo>
                    <a:pt x="22860" y="0"/>
                  </a:lnTo>
                  <a:close/>
                </a:path>
                <a:path w="483235" h="5080">
                  <a:moveTo>
                    <a:pt x="30480" y="0"/>
                  </a:moveTo>
                  <a:lnTo>
                    <a:pt x="27432" y="0"/>
                  </a:lnTo>
                  <a:lnTo>
                    <a:pt x="27432" y="4572"/>
                  </a:lnTo>
                  <a:lnTo>
                    <a:pt x="30480" y="4572"/>
                  </a:lnTo>
                  <a:lnTo>
                    <a:pt x="30480" y="0"/>
                  </a:lnTo>
                  <a:close/>
                </a:path>
                <a:path w="483235" h="5080">
                  <a:moveTo>
                    <a:pt x="36576" y="0"/>
                  </a:moveTo>
                  <a:lnTo>
                    <a:pt x="33528" y="0"/>
                  </a:lnTo>
                  <a:lnTo>
                    <a:pt x="33528" y="4572"/>
                  </a:lnTo>
                  <a:lnTo>
                    <a:pt x="36576" y="4572"/>
                  </a:lnTo>
                  <a:lnTo>
                    <a:pt x="36576" y="0"/>
                  </a:lnTo>
                  <a:close/>
                </a:path>
                <a:path w="483235" h="5080">
                  <a:moveTo>
                    <a:pt x="44196" y="0"/>
                  </a:moveTo>
                  <a:lnTo>
                    <a:pt x="41148" y="0"/>
                  </a:lnTo>
                  <a:lnTo>
                    <a:pt x="41148" y="4572"/>
                  </a:lnTo>
                  <a:lnTo>
                    <a:pt x="44196" y="4572"/>
                  </a:lnTo>
                  <a:lnTo>
                    <a:pt x="44196" y="0"/>
                  </a:lnTo>
                  <a:close/>
                </a:path>
                <a:path w="483235" h="5080">
                  <a:moveTo>
                    <a:pt x="50292" y="0"/>
                  </a:moveTo>
                  <a:lnTo>
                    <a:pt x="47244" y="0"/>
                  </a:lnTo>
                  <a:lnTo>
                    <a:pt x="47244" y="4572"/>
                  </a:lnTo>
                  <a:lnTo>
                    <a:pt x="50292" y="4572"/>
                  </a:lnTo>
                  <a:lnTo>
                    <a:pt x="50292" y="0"/>
                  </a:lnTo>
                  <a:close/>
                </a:path>
                <a:path w="483235" h="5080">
                  <a:moveTo>
                    <a:pt x="57912" y="0"/>
                  </a:moveTo>
                  <a:lnTo>
                    <a:pt x="54864" y="0"/>
                  </a:lnTo>
                  <a:lnTo>
                    <a:pt x="54864" y="4572"/>
                  </a:lnTo>
                  <a:lnTo>
                    <a:pt x="57912" y="4572"/>
                  </a:lnTo>
                  <a:lnTo>
                    <a:pt x="57912" y="0"/>
                  </a:lnTo>
                  <a:close/>
                </a:path>
                <a:path w="483235" h="5080">
                  <a:moveTo>
                    <a:pt x="64008" y="0"/>
                  </a:moveTo>
                  <a:lnTo>
                    <a:pt x="60960" y="0"/>
                  </a:lnTo>
                  <a:lnTo>
                    <a:pt x="60960" y="4572"/>
                  </a:lnTo>
                  <a:lnTo>
                    <a:pt x="64008" y="4572"/>
                  </a:lnTo>
                  <a:lnTo>
                    <a:pt x="64008" y="0"/>
                  </a:lnTo>
                  <a:close/>
                </a:path>
                <a:path w="483235" h="5080">
                  <a:moveTo>
                    <a:pt x="71628" y="0"/>
                  </a:moveTo>
                  <a:lnTo>
                    <a:pt x="68580" y="0"/>
                  </a:lnTo>
                  <a:lnTo>
                    <a:pt x="68580" y="4572"/>
                  </a:lnTo>
                  <a:lnTo>
                    <a:pt x="71628" y="4572"/>
                  </a:lnTo>
                  <a:lnTo>
                    <a:pt x="71628" y="0"/>
                  </a:lnTo>
                  <a:close/>
                </a:path>
                <a:path w="483235" h="5080">
                  <a:moveTo>
                    <a:pt x="77724" y="0"/>
                  </a:moveTo>
                  <a:lnTo>
                    <a:pt x="74676" y="0"/>
                  </a:lnTo>
                  <a:lnTo>
                    <a:pt x="74676" y="4572"/>
                  </a:lnTo>
                  <a:lnTo>
                    <a:pt x="77724" y="4572"/>
                  </a:lnTo>
                  <a:lnTo>
                    <a:pt x="77724" y="0"/>
                  </a:lnTo>
                  <a:close/>
                </a:path>
                <a:path w="483235" h="5080">
                  <a:moveTo>
                    <a:pt x="85344" y="0"/>
                  </a:moveTo>
                  <a:lnTo>
                    <a:pt x="82296" y="0"/>
                  </a:lnTo>
                  <a:lnTo>
                    <a:pt x="82296" y="4572"/>
                  </a:lnTo>
                  <a:lnTo>
                    <a:pt x="85344" y="4572"/>
                  </a:lnTo>
                  <a:lnTo>
                    <a:pt x="85344" y="0"/>
                  </a:lnTo>
                  <a:close/>
                </a:path>
                <a:path w="483235" h="5080">
                  <a:moveTo>
                    <a:pt x="91440" y="0"/>
                  </a:moveTo>
                  <a:lnTo>
                    <a:pt x="88392" y="0"/>
                  </a:lnTo>
                  <a:lnTo>
                    <a:pt x="88392" y="4572"/>
                  </a:lnTo>
                  <a:lnTo>
                    <a:pt x="91440" y="4572"/>
                  </a:lnTo>
                  <a:lnTo>
                    <a:pt x="91440" y="0"/>
                  </a:lnTo>
                  <a:close/>
                </a:path>
                <a:path w="483235" h="5080">
                  <a:moveTo>
                    <a:pt x="99060" y="0"/>
                  </a:moveTo>
                  <a:lnTo>
                    <a:pt x="96012" y="0"/>
                  </a:lnTo>
                  <a:lnTo>
                    <a:pt x="96012" y="4572"/>
                  </a:lnTo>
                  <a:lnTo>
                    <a:pt x="99060" y="4572"/>
                  </a:lnTo>
                  <a:lnTo>
                    <a:pt x="99060" y="0"/>
                  </a:lnTo>
                  <a:close/>
                </a:path>
                <a:path w="483235" h="5080">
                  <a:moveTo>
                    <a:pt x="105156" y="0"/>
                  </a:moveTo>
                  <a:lnTo>
                    <a:pt x="102108" y="0"/>
                  </a:lnTo>
                  <a:lnTo>
                    <a:pt x="102108" y="4572"/>
                  </a:lnTo>
                  <a:lnTo>
                    <a:pt x="105156" y="4572"/>
                  </a:lnTo>
                  <a:lnTo>
                    <a:pt x="105156" y="0"/>
                  </a:lnTo>
                  <a:close/>
                </a:path>
                <a:path w="483235" h="5080">
                  <a:moveTo>
                    <a:pt x="112776" y="0"/>
                  </a:moveTo>
                  <a:lnTo>
                    <a:pt x="109728" y="0"/>
                  </a:lnTo>
                  <a:lnTo>
                    <a:pt x="109728" y="4572"/>
                  </a:lnTo>
                  <a:lnTo>
                    <a:pt x="112776" y="4572"/>
                  </a:lnTo>
                  <a:lnTo>
                    <a:pt x="112776" y="0"/>
                  </a:lnTo>
                  <a:close/>
                </a:path>
                <a:path w="483235" h="5080">
                  <a:moveTo>
                    <a:pt x="118872" y="0"/>
                  </a:moveTo>
                  <a:lnTo>
                    <a:pt x="115824" y="0"/>
                  </a:lnTo>
                  <a:lnTo>
                    <a:pt x="115824" y="4572"/>
                  </a:lnTo>
                  <a:lnTo>
                    <a:pt x="118872" y="4572"/>
                  </a:lnTo>
                  <a:lnTo>
                    <a:pt x="118872" y="0"/>
                  </a:lnTo>
                  <a:close/>
                </a:path>
                <a:path w="483235" h="5080">
                  <a:moveTo>
                    <a:pt x="126492" y="0"/>
                  </a:moveTo>
                  <a:lnTo>
                    <a:pt x="123444" y="0"/>
                  </a:lnTo>
                  <a:lnTo>
                    <a:pt x="123444" y="4572"/>
                  </a:lnTo>
                  <a:lnTo>
                    <a:pt x="126492" y="4572"/>
                  </a:lnTo>
                  <a:lnTo>
                    <a:pt x="126492" y="0"/>
                  </a:lnTo>
                  <a:close/>
                </a:path>
                <a:path w="483235" h="5080">
                  <a:moveTo>
                    <a:pt x="132588" y="0"/>
                  </a:moveTo>
                  <a:lnTo>
                    <a:pt x="129540" y="0"/>
                  </a:lnTo>
                  <a:lnTo>
                    <a:pt x="129540" y="4572"/>
                  </a:lnTo>
                  <a:lnTo>
                    <a:pt x="132588" y="4572"/>
                  </a:lnTo>
                  <a:lnTo>
                    <a:pt x="132588" y="0"/>
                  </a:lnTo>
                  <a:close/>
                </a:path>
                <a:path w="483235" h="5080">
                  <a:moveTo>
                    <a:pt x="140208" y="0"/>
                  </a:moveTo>
                  <a:lnTo>
                    <a:pt x="137160" y="0"/>
                  </a:lnTo>
                  <a:lnTo>
                    <a:pt x="137160" y="4572"/>
                  </a:lnTo>
                  <a:lnTo>
                    <a:pt x="140208" y="4572"/>
                  </a:lnTo>
                  <a:lnTo>
                    <a:pt x="140208" y="0"/>
                  </a:lnTo>
                  <a:close/>
                </a:path>
                <a:path w="483235" h="5080">
                  <a:moveTo>
                    <a:pt x="146304" y="0"/>
                  </a:moveTo>
                  <a:lnTo>
                    <a:pt x="143256" y="0"/>
                  </a:lnTo>
                  <a:lnTo>
                    <a:pt x="143256" y="4572"/>
                  </a:lnTo>
                  <a:lnTo>
                    <a:pt x="146304" y="4572"/>
                  </a:lnTo>
                  <a:lnTo>
                    <a:pt x="146304" y="0"/>
                  </a:lnTo>
                  <a:close/>
                </a:path>
                <a:path w="483235" h="5080">
                  <a:moveTo>
                    <a:pt x="153924" y="0"/>
                  </a:moveTo>
                  <a:lnTo>
                    <a:pt x="150876" y="0"/>
                  </a:lnTo>
                  <a:lnTo>
                    <a:pt x="150876" y="4572"/>
                  </a:lnTo>
                  <a:lnTo>
                    <a:pt x="153924" y="4572"/>
                  </a:lnTo>
                  <a:lnTo>
                    <a:pt x="153924" y="0"/>
                  </a:lnTo>
                  <a:close/>
                </a:path>
                <a:path w="483235" h="5080">
                  <a:moveTo>
                    <a:pt x="160020" y="0"/>
                  </a:moveTo>
                  <a:lnTo>
                    <a:pt x="156972" y="0"/>
                  </a:lnTo>
                  <a:lnTo>
                    <a:pt x="156972" y="4572"/>
                  </a:lnTo>
                  <a:lnTo>
                    <a:pt x="160020" y="4572"/>
                  </a:lnTo>
                  <a:lnTo>
                    <a:pt x="160020" y="0"/>
                  </a:lnTo>
                  <a:close/>
                </a:path>
                <a:path w="483235" h="5080">
                  <a:moveTo>
                    <a:pt x="167640" y="0"/>
                  </a:moveTo>
                  <a:lnTo>
                    <a:pt x="164592" y="0"/>
                  </a:lnTo>
                  <a:lnTo>
                    <a:pt x="164592" y="4572"/>
                  </a:lnTo>
                  <a:lnTo>
                    <a:pt x="167640" y="4572"/>
                  </a:lnTo>
                  <a:lnTo>
                    <a:pt x="167640" y="0"/>
                  </a:lnTo>
                  <a:close/>
                </a:path>
                <a:path w="483235" h="5080">
                  <a:moveTo>
                    <a:pt x="173736" y="0"/>
                  </a:moveTo>
                  <a:lnTo>
                    <a:pt x="170688" y="0"/>
                  </a:lnTo>
                  <a:lnTo>
                    <a:pt x="170688" y="4572"/>
                  </a:lnTo>
                  <a:lnTo>
                    <a:pt x="173736" y="4572"/>
                  </a:lnTo>
                  <a:lnTo>
                    <a:pt x="173736" y="0"/>
                  </a:lnTo>
                  <a:close/>
                </a:path>
                <a:path w="483235" h="5080">
                  <a:moveTo>
                    <a:pt x="181356" y="0"/>
                  </a:moveTo>
                  <a:lnTo>
                    <a:pt x="176784" y="0"/>
                  </a:lnTo>
                  <a:lnTo>
                    <a:pt x="176784" y="4572"/>
                  </a:lnTo>
                  <a:lnTo>
                    <a:pt x="181356" y="4572"/>
                  </a:lnTo>
                  <a:lnTo>
                    <a:pt x="181356" y="0"/>
                  </a:lnTo>
                  <a:close/>
                </a:path>
                <a:path w="483235" h="5080">
                  <a:moveTo>
                    <a:pt x="187452" y="0"/>
                  </a:moveTo>
                  <a:lnTo>
                    <a:pt x="184404" y="0"/>
                  </a:lnTo>
                  <a:lnTo>
                    <a:pt x="184404" y="4572"/>
                  </a:lnTo>
                  <a:lnTo>
                    <a:pt x="187452" y="4572"/>
                  </a:lnTo>
                  <a:lnTo>
                    <a:pt x="187452" y="0"/>
                  </a:lnTo>
                  <a:close/>
                </a:path>
                <a:path w="483235" h="5080">
                  <a:moveTo>
                    <a:pt x="195072" y="0"/>
                  </a:moveTo>
                  <a:lnTo>
                    <a:pt x="190500" y="0"/>
                  </a:lnTo>
                  <a:lnTo>
                    <a:pt x="190500" y="4572"/>
                  </a:lnTo>
                  <a:lnTo>
                    <a:pt x="195072" y="4572"/>
                  </a:lnTo>
                  <a:lnTo>
                    <a:pt x="195072" y="0"/>
                  </a:lnTo>
                  <a:close/>
                </a:path>
                <a:path w="483235" h="5080">
                  <a:moveTo>
                    <a:pt x="201168" y="0"/>
                  </a:moveTo>
                  <a:lnTo>
                    <a:pt x="198120" y="0"/>
                  </a:lnTo>
                  <a:lnTo>
                    <a:pt x="198120" y="4572"/>
                  </a:lnTo>
                  <a:lnTo>
                    <a:pt x="201168" y="4572"/>
                  </a:lnTo>
                  <a:lnTo>
                    <a:pt x="201168" y="0"/>
                  </a:lnTo>
                  <a:close/>
                </a:path>
                <a:path w="483235" h="5080">
                  <a:moveTo>
                    <a:pt x="208788" y="0"/>
                  </a:moveTo>
                  <a:lnTo>
                    <a:pt x="204216" y="0"/>
                  </a:lnTo>
                  <a:lnTo>
                    <a:pt x="204216" y="4572"/>
                  </a:lnTo>
                  <a:lnTo>
                    <a:pt x="208788" y="4572"/>
                  </a:lnTo>
                  <a:lnTo>
                    <a:pt x="208788" y="0"/>
                  </a:lnTo>
                  <a:close/>
                </a:path>
                <a:path w="483235" h="5080">
                  <a:moveTo>
                    <a:pt x="214884" y="0"/>
                  </a:moveTo>
                  <a:lnTo>
                    <a:pt x="211836" y="0"/>
                  </a:lnTo>
                  <a:lnTo>
                    <a:pt x="211836" y="4572"/>
                  </a:lnTo>
                  <a:lnTo>
                    <a:pt x="214884" y="4572"/>
                  </a:lnTo>
                  <a:lnTo>
                    <a:pt x="214884" y="0"/>
                  </a:lnTo>
                  <a:close/>
                </a:path>
                <a:path w="483235" h="5080">
                  <a:moveTo>
                    <a:pt x="222504" y="0"/>
                  </a:moveTo>
                  <a:lnTo>
                    <a:pt x="217932" y="0"/>
                  </a:lnTo>
                  <a:lnTo>
                    <a:pt x="217932" y="4572"/>
                  </a:lnTo>
                  <a:lnTo>
                    <a:pt x="222504" y="4572"/>
                  </a:lnTo>
                  <a:lnTo>
                    <a:pt x="222504" y="0"/>
                  </a:lnTo>
                  <a:close/>
                </a:path>
                <a:path w="483235" h="5080">
                  <a:moveTo>
                    <a:pt x="228600" y="0"/>
                  </a:moveTo>
                  <a:lnTo>
                    <a:pt x="225552" y="0"/>
                  </a:lnTo>
                  <a:lnTo>
                    <a:pt x="225552" y="4572"/>
                  </a:lnTo>
                  <a:lnTo>
                    <a:pt x="228600" y="4572"/>
                  </a:lnTo>
                  <a:lnTo>
                    <a:pt x="228600" y="0"/>
                  </a:lnTo>
                  <a:close/>
                </a:path>
                <a:path w="483235" h="5080">
                  <a:moveTo>
                    <a:pt x="236220" y="0"/>
                  </a:moveTo>
                  <a:lnTo>
                    <a:pt x="231648" y="0"/>
                  </a:lnTo>
                  <a:lnTo>
                    <a:pt x="231648" y="4572"/>
                  </a:lnTo>
                  <a:lnTo>
                    <a:pt x="236220" y="4572"/>
                  </a:lnTo>
                  <a:lnTo>
                    <a:pt x="236220" y="0"/>
                  </a:lnTo>
                  <a:close/>
                </a:path>
                <a:path w="483235" h="5080">
                  <a:moveTo>
                    <a:pt x="242316" y="0"/>
                  </a:moveTo>
                  <a:lnTo>
                    <a:pt x="239268" y="0"/>
                  </a:lnTo>
                  <a:lnTo>
                    <a:pt x="239268" y="4572"/>
                  </a:lnTo>
                  <a:lnTo>
                    <a:pt x="242316" y="4572"/>
                  </a:lnTo>
                  <a:lnTo>
                    <a:pt x="242316" y="0"/>
                  </a:lnTo>
                  <a:close/>
                </a:path>
                <a:path w="483235" h="5080">
                  <a:moveTo>
                    <a:pt x="249936" y="0"/>
                  </a:moveTo>
                  <a:lnTo>
                    <a:pt x="245364" y="0"/>
                  </a:lnTo>
                  <a:lnTo>
                    <a:pt x="245364" y="4572"/>
                  </a:lnTo>
                  <a:lnTo>
                    <a:pt x="249936" y="4572"/>
                  </a:lnTo>
                  <a:lnTo>
                    <a:pt x="249936" y="0"/>
                  </a:lnTo>
                  <a:close/>
                </a:path>
                <a:path w="483235" h="5080">
                  <a:moveTo>
                    <a:pt x="256032" y="0"/>
                  </a:moveTo>
                  <a:lnTo>
                    <a:pt x="252984" y="0"/>
                  </a:lnTo>
                  <a:lnTo>
                    <a:pt x="252984" y="4572"/>
                  </a:lnTo>
                  <a:lnTo>
                    <a:pt x="256032" y="4572"/>
                  </a:lnTo>
                  <a:lnTo>
                    <a:pt x="256032" y="0"/>
                  </a:lnTo>
                  <a:close/>
                </a:path>
                <a:path w="483235" h="5080">
                  <a:moveTo>
                    <a:pt x="263652" y="0"/>
                  </a:moveTo>
                  <a:lnTo>
                    <a:pt x="259080" y="0"/>
                  </a:lnTo>
                  <a:lnTo>
                    <a:pt x="259080" y="4572"/>
                  </a:lnTo>
                  <a:lnTo>
                    <a:pt x="263652" y="4572"/>
                  </a:lnTo>
                  <a:lnTo>
                    <a:pt x="263652" y="0"/>
                  </a:lnTo>
                  <a:close/>
                </a:path>
                <a:path w="483235" h="5080">
                  <a:moveTo>
                    <a:pt x="269748" y="0"/>
                  </a:moveTo>
                  <a:lnTo>
                    <a:pt x="266700" y="0"/>
                  </a:lnTo>
                  <a:lnTo>
                    <a:pt x="266700" y="4572"/>
                  </a:lnTo>
                  <a:lnTo>
                    <a:pt x="269748" y="4572"/>
                  </a:lnTo>
                  <a:lnTo>
                    <a:pt x="269748" y="0"/>
                  </a:lnTo>
                  <a:close/>
                </a:path>
                <a:path w="483235" h="5080">
                  <a:moveTo>
                    <a:pt x="277368" y="0"/>
                  </a:moveTo>
                  <a:lnTo>
                    <a:pt x="272796" y="0"/>
                  </a:lnTo>
                  <a:lnTo>
                    <a:pt x="272796" y="4572"/>
                  </a:lnTo>
                  <a:lnTo>
                    <a:pt x="277368" y="4572"/>
                  </a:lnTo>
                  <a:lnTo>
                    <a:pt x="277368" y="0"/>
                  </a:lnTo>
                  <a:close/>
                </a:path>
                <a:path w="483235" h="5080">
                  <a:moveTo>
                    <a:pt x="283464" y="0"/>
                  </a:moveTo>
                  <a:lnTo>
                    <a:pt x="280416" y="0"/>
                  </a:lnTo>
                  <a:lnTo>
                    <a:pt x="280416" y="4572"/>
                  </a:lnTo>
                  <a:lnTo>
                    <a:pt x="283464" y="4572"/>
                  </a:lnTo>
                  <a:lnTo>
                    <a:pt x="283464" y="0"/>
                  </a:lnTo>
                  <a:close/>
                </a:path>
                <a:path w="483235" h="5080">
                  <a:moveTo>
                    <a:pt x="291084" y="0"/>
                  </a:moveTo>
                  <a:lnTo>
                    <a:pt x="286512" y="0"/>
                  </a:lnTo>
                  <a:lnTo>
                    <a:pt x="286512" y="4572"/>
                  </a:lnTo>
                  <a:lnTo>
                    <a:pt x="291084" y="4572"/>
                  </a:lnTo>
                  <a:lnTo>
                    <a:pt x="291084" y="0"/>
                  </a:lnTo>
                  <a:close/>
                </a:path>
                <a:path w="483235" h="5080">
                  <a:moveTo>
                    <a:pt x="297180" y="0"/>
                  </a:moveTo>
                  <a:lnTo>
                    <a:pt x="294132" y="0"/>
                  </a:lnTo>
                  <a:lnTo>
                    <a:pt x="294132" y="4572"/>
                  </a:lnTo>
                  <a:lnTo>
                    <a:pt x="297180" y="4572"/>
                  </a:lnTo>
                  <a:lnTo>
                    <a:pt x="297180" y="0"/>
                  </a:lnTo>
                  <a:close/>
                </a:path>
                <a:path w="483235" h="5080">
                  <a:moveTo>
                    <a:pt x="304800" y="0"/>
                  </a:moveTo>
                  <a:lnTo>
                    <a:pt x="300228" y="0"/>
                  </a:lnTo>
                  <a:lnTo>
                    <a:pt x="300228" y="4572"/>
                  </a:lnTo>
                  <a:lnTo>
                    <a:pt x="304800" y="4572"/>
                  </a:lnTo>
                  <a:lnTo>
                    <a:pt x="304800" y="0"/>
                  </a:lnTo>
                  <a:close/>
                </a:path>
                <a:path w="483235" h="5080">
                  <a:moveTo>
                    <a:pt x="310896" y="0"/>
                  </a:moveTo>
                  <a:lnTo>
                    <a:pt x="307848" y="0"/>
                  </a:lnTo>
                  <a:lnTo>
                    <a:pt x="307848" y="4572"/>
                  </a:lnTo>
                  <a:lnTo>
                    <a:pt x="310896" y="4572"/>
                  </a:lnTo>
                  <a:lnTo>
                    <a:pt x="310896" y="0"/>
                  </a:lnTo>
                  <a:close/>
                </a:path>
                <a:path w="483235" h="5080">
                  <a:moveTo>
                    <a:pt x="318516" y="0"/>
                  </a:moveTo>
                  <a:lnTo>
                    <a:pt x="313944" y="0"/>
                  </a:lnTo>
                  <a:lnTo>
                    <a:pt x="313944" y="4572"/>
                  </a:lnTo>
                  <a:lnTo>
                    <a:pt x="318516" y="4572"/>
                  </a:lnTo>
                  <a:lnTo>
                    <a:pt x="318516" y="0"/>
                  </a:lnTo>
                  <a:close/>
                </a:path>
                <a:path w="483235" h="5080">
                  <a:moveTo>
                    <a:pt x="324612" y="0"/>
                  </a:moveTo>
                  <a:lnTo>
                    <a:pt x="321564" y="0"/>
                  </a:lnTo>
                  <a:lnTo>
                    <a:pt x="321564" y="4572"/>
                  </a:lnTo>
                  <a:lnTo>
                    <a:pt x="324612" y="4572"/>
                  </a:lnTo>
                  <a:lnTo>
                    <a:pt x="324612" y="0"/>
                  </a:lnTo>
                  <a:close/>
                </a:path>
                <a:path w="483235" h="5080">
                  <a:moveTo>
                    <a:pt x="332232" y="0"/>
                  </a:moveTo>
                  <a:lnTo>
                    <a:pt x="327660" y="0"/>
                  </a:lnTo>
                  <a:lnTo>
                    <a:pt x="327660" y="4572"/>
                  </a:lnTo>
                  <a:lnTo>
                    <a:pt x="332232" y="4572"/>
                  </a:lnTo>
                  <a:lnTo>
                    <a:pt x="332232" y="0"/>
                  </a:lnTo>
                  <a:close/>
                </a:path>
                <a:path w="483235" h="5080">
                  <a:moveTo>
                    <a:pt x="338328" y="0"/>
                  </a:moveTo>
                  <a:lnTo>
                    <a:pt x="335280" y="0"/>
                  </a:lnTo>
                  <a:lnTo>
                    <a:pt x="335280" y="4572"/>
                  </a:lnTo>
                  <a:lnTo>
                    <a:pt x="338328" y="4572"/>
                  </a:lnTo>
                  <a:lnTo>
                    <a:pt x="338328" y="0"/>
                  </a:lnTo>
                  <a:close/>
                </a:path>
                <a:path w="483235" h="5080">
                  <a:moveTo>
                    <a:pt x="345948" y="0"/>
                  </a:moveTo>
                  <a:lnTo>
                    <a:pt x="341376" y="0"/>
                  </a:lnTo>
                  <a:lnTo>
                    <a:pt x="341376" y="4572"/>
                  </a:lnTo>
                  <a:lnTo>
                    <a:pt x="345948" y="4572"/>
                  </a:lnTo>
                  <a:lnTo>
                    <a:pt x="345948" y="0"/>
                  </a:lnTo>
                  <a:close/>
                </a:path>
                <a:path w="483235" h="5080">
                  <a:moveTo>
                    <a:pt x="352044" y="0"/>
                  </a:moveTo>
                  <a:lnTo>
                    <a:pt x="348996" y="0"/>
                  </a:lnTo>
                  <a:lnTo>
                    <a:pt x="348996" y="4572"/>
                  </a:lnTo>
                  <a:lnTo>
                    <a:pt x="352044" y="4572"/>
                  </a:lnTo>
                  <a:lnTo>
                    <a:pt x="352044" y="0"/>
                  </a:lnTo>
                  <a:close/>
                </a:path>
                <a:path w="483235" h="5080">
                  <a:moveTo>
                    <a:pt x="359664" y="0"/>
                  </a:moveTo>
                  <a:lnTo>
                    <a:pt x="355092" y="0"/>
                  </a:lnTo>
                  <a:lnTo>
                    <a:pt x="355092" y="4572"/>
                  </a:lnTo>
                  <a:lnTo>
                    <a:pt x="359664" y="4572"/>
                  </a:lnTo>
                  <a:lnTo>
                    <a:pt x="359664" y="0"/>
                  </a:lnTo>
                  <a:close/>
                </a:path>
                <a:path w="483235" h="5080">
                  <a:moveTo>
                    <a:pt x="365760" y="0"/>
                  </a:moveTo>
                  <a:lnTo>
                    <a:pt x="362712" y="0"/>
                  </a:lnTo>
                  <a:lnTo>
                    <a:pt x="362712" y="4572"/>
                  </a:lnTo>
                  <a:lnTo>
                    <a:pt x="365760" y="4572"/>
                  </a:lnTo>
                  <a:lnTo>
                    <a:pt x="365760" y="0"/>
                  </a:lnTo>
                  <a:close/>
                </a:path>
                <a:path w="483235" h="5080">
                  <a:moveTo>
                    <a:pt x="373380" y="0"/>
                  </a:moveTo>
                  <a:lnTo>
                    <a:pt x="368808" y="0"/>
                  </a:lnTo>
                  <a:lnTo>
                    <a:pt x="368808" y="4572"/>
                  </a:lnTo>
                  <a:lnTo>
                    <a:pt x="373380" y="4572"/>
                  </a:lnTo>
                  <a:lnTo>
                    <a:pt x="373380" y="0"/>
                  </a:lnTo>
                  <a:close/>
                </a:path>
                <a:path w="483235" h="5080">
                  <a:moveTo>
                    <a:pt x="379476" y="0"/>
                  </a:moveTo>
                  <a:lnTo>
                    <a:pt x="376428" y="0"/>
                  </a:lnTo>
                  <a:lnTo>
                    <a:pt x="376428" y="4572"/>
                  </a:lnTo>
                  <a:lnTo>
                    <a:pt x="379476" y="4572"/>
                  </a:lnTo>
                  <a:lnTo>
                    <a:pt x="379476" y="0"/>
                  </a:lnTo>
                  <a:close/>
                </a:path>
                <a:path w="483235" h="5080">
                  <a:moveTo>
                    <a:pt x="387096" y="0"/>
                  </a:moveTo>
                  <a:lnTo>
                    <a:pt x="382524" y="0"/>
                  </a:lnTo>
                  <a:lnTo>
                    <a:pt x="382524" y="4572"/>
                  </a:lnTo>
                  <a:lnTo>
                    <a:pt x="387096" y="4572"/>
                  </a:lnTo>
                  <a:lnTo>
                    <a:pt x="387096" y="0"/>
                  </a:lnTo>
                  <a:close/>
                </a:path>
                <a:path w="483235" h="5080">
                  <a:moveTo>
                    <a:pt x="393192" y="0"/>
                  </a:moveTo>
                  <a:lnTo>
                    <a:pt x="390144" y="0"/>
                  </a:lnTo>
                  <a:lnTo>
                    <a:pt x="390144" y="4572"/>
                  </a:lnTo>
                  <a:lnTo>
                    <a:pt x="393192" y="4572"/>
                  </a:lnTo>
                  <a:lnTo>
                    <a:pt x="393192" y="0"/>
                  </a:lnTo>
                  <a:close/>
                </a:path>
                <a:path w="483235" h="5080">
                  <a:moveTo>
                    <a:pt x="400812" y="0"/>
                  </a:moveTo>
                  <a:lnTo>
                    <a:pt x="396240" y="0"/>
                  </a:lnTo>
                  <a:lnTo>
                    <a:pt x="396240" y="4572"/>
                  </a:lnTo>
                  <a:lnTo>
                    <a:pt x="400812" y="4572"/>
                  </a:lnTo>
                  <a:lnTo>
                    <a:pt x="400812" y="0"/>
                  </a:lnTo>
                  <a:close/>
                </a:path>
                <a:path w="483235" h="5080">
                  <a:moveTo>
                    <a:pt x="406908" y="0"/>
                  </a:moveTo>
                  <a:lnTo>
                    <a:pt x="403860" y="0"/>
                  </a:lnTo>
                  <a:lnTo>
                    <a:pt x="403860" y="4572"/>
                  </a:lnTo>
                  <a:lnTo>
                    <a:pt x="406908" y="4572"/>
                  </a:lnTo>
                  <a:lnTo>
                    <a:pt x="406908" y="0"/>
                  </a:lnTo>
                  <a:close/>
                </a:path>
                <a:path w="483235" h="5080">
                  <a:moveTo>
                    <a:pt x="414528" y="0"/>
                  </a:moveTo>
                  <a:lnTo>
                    <a:pt x="409956" y="0"/>
                  </a:lnTo>
                  <a:lnTo>
                    <a:pt x="409956" y="4572"/>
                  </a:lnTo>
                  <a:lnTo>
                    <a:pt x="414528" y="4572"/>
                  </a:lnTo>
                  <a:lnTo>
                    <a:pt x="414528" y="0"/>
                  </a:lnTo>
                  <a:close/>
                </a:path>
                <a:path w="483235" h="5080">
                  <a:moveTo>
                    <a:pt x="420624" y="0"/>
                  </a:moveTo>
                  <a:lnTo>
                    <a:pt x="417576" y="0"/>
                  </a:lnTo>
                  <a:lnTo>
                    <a:pt x="417576" y="4572"/>
                  </a:lnTo>
                  <a:lnTo>
                    <a:pt x="420624" y="4572"/>
                  </a:lnTo>
                  <a:lnTo>
                    <a:pt x="420624" y="0"/>
                  </a:lnTo>
                  <a:close/>
                </a:path>
                <a:path w="483235" h="5080">
                  <a:moveTo>
                    <a:pt x="428244" y="0"/>
                  </a:moveTo>
                  <a:lnTo>
                    <a:pt x="423672" y="0"/>
                  </a:lnTo>
                  <a:lnTo>
                    <a:pt x="423672" y="4572"/>
                  </a:lnTo>
                  <a:lnTo>
                    <a:pt x="428244" y="4572"/>
                  </a:lnTo>
                  <a:lnTo>
                    <a:pt x="428244" y="0"/>
                  </a:lnTo>
                  <a:close/>
                </a:path>
                <a:path w="483235" h="5080">
                  <a:moveTo>
                    <a:pt x="434340" y="0"/>
                  </a:moveTo>
                  <a:lnTo>
                    <a:pt x="431292" y="0"/>
                  </a:lnTo>
                  <a:lnTo>
                    <a:pt x="431292" y="4572"/>
                  </a:lnTo>
                  <a:lnTo>
                    <a:pt x="434340" y="4572"/>
                  </a:lnTo>
                  <a:lnTo>
                    <a:pt x="434340" y="0"/>
                  </a:lnTo>
                  <a:close/>
                </a:path>
                <a:path w="483235" h="5080">
                  <a:moveTo>
                    <a:pt x="441960" y="0"/>
                  </a:moveTo>
                  <a:lnTo>
                    <a:pt x="437388" y="0"/>
                  </a:lnTo>
                  <a:lnTo>
                    <a:pt x="437388" y="4572"/>
                  </a:lnTo>
                  <a:lnTo>
                    <a:pt x="441960" y="4572"/>
                  </a:lnTo>
                  <a:lnTo>
                    <a:pt x="441960" y="0"/>
                  </a:lnTo>
                  <a:close/>
                </a:path>
                <a:path w="483235" h="5080">
                  <a:moveTo>
                    <a:pt x="448056" y="0"/>
                  </a:moveTo>
                  <a:lnTo>
                    <a:pt x="445008" y="0"/>
                  </a:lnTo>
                  <a:lnTo>
                    <a:pt x="445008" y="4572"/>
                  </a:lnTo>
                  <a:lnTo>
                    <a:pt x="448056" y="4572"/>
                  </a:lnTo>
                  <a:lnTo>
                    <a:pt x="448056" y="0"/>
                  </a:lnTo>
                  <a:close/>
                </a:path>
                <a:path w="483235" h="5080">
                  <a:moveTo>
                    <a:pt x="455676" y="0"/>
                  </a:moveTo>
                  <a:lnTo>
                    <a:pt x="451104" y="0"/>
                  </a:lnTo>
                  <a:lnTo>
                    <a:pt x="451104" y="4572"/>
                  </a:lnTo>
                  <a:lnTo>
                    <a:pt x="455676" y="4572"/>
                  </a:lnTo>
                  <a:lnTo>
                    <a:pt x="455676" y="0"/>
                  </a:lnTo>
                  <a:close/>
                </a:path>
                <a:path w="483235" h="5080">
                  <a:moveTo>
                    <a:pt x="461772" y="0"/>
                  </a:moveTo>
                  <a:lnTo>
                    <a:pt x="458724" y="0"/>
                  </a:lnTo>
                  <a:lnTo>
                    <a:pt x="458724" y="4572"/>
                  </a:lnTo>
                  <a:lnTo>
                    <a:pt x="461772" y="4572"/>
                  </a:lnTo>
                  <a:lnTo>
                    <a:pt x="461772" y="0"/>
                  </a:lnTo>
                  <a:close/>
                </a:path>
                <a:path w="483235" h="5080">
                  <a:moveTo>
                    <a:pt x="469392" y="0"/>
                  </a:moveTo>
                  <a:lnTo>
                    <a:pt x="464820" y="0"/>
                  </a:lnTo>
                  <a:lnTo>
                    <a:pt x="464820" y="4572"/>
                  </a:lnTo>
                  <a:lnTo>
                    <a:pt x="469392" y="4572"/>
                  </a:lnTo>
                  <a:lnTo>
                    <a:pt x="469392" y="0"/>
                  </a:lnTo>
                  <a:close/>
                </a:path>
                <a:path w="483235" h="5080">
                  <a:moveTo>
                    <a:pt x="475488" y="0"/>
                  </a:moveTo>
                  <a:lnTo>
                    <a:pt x="472440" y="0"/>
                  </a:lnTo>
                  <a:lnTo>
                    <a:pt x="472440" y="4572"/>
                  </a:lnTo>
                  <a:lnTo>
                    <a:pt x="475488" y="4572"/>
                  </a:lnTo>
                  <a:lnTo>
                    <a:pt x="475488" y="0"/>
                  </a:lnTo>
                  <a:close/>
                </a:path>
                <a:path w="483235" h="5080">
                  <a:moveTo>
                    <a:pt x="483108" y="0"/>
                  </a:moveTo>
                  <a:lnTo>
                    <a:pt x="478536" y="0"/>
                  </a:lnTo>
                  <a:lnTo>
                    <a:pt x="478536" y="4572"/>
                  </a:lnTo>
                  <a:lnTo>
                    <a:pt x="483108" y="4572"/>
                  </a:lnTo>
                  <a:lnTo>
                    <a:pt x="483108" y="0"/>
                  </a:lnTo>
                  <a:close/>
                </a:path>
              </a:pathLst>
            </a:custGeom>
            <a:solidFill>
              <a:srgbClr val="D8D8D8"/>
            </a:solidFill>
          </p:spPr>
          <p:txBody>
            <a:bodyPr wrap="square" lIns="0" tIns="0" rIns="0" bIns="0" rtlCol="0"/>
            <a:lstStyle/>
            <a:p>
              <a:endParaRPr sz="1539"/>
            </a:p>
          </p:txBody>
        </p:sp>
        <p:sp>
          <p:nvSpPr>
            <p:cNvPr id="138" name="object 138"/>
            <p:cNvSpPr/>
            <p:nvPr/>
          </p:nvSpPr>
          <p:spPr>
            <a:xfrm>
              <a:off x="2619756" y="1726691"/>
              <a:ext cx="483234" cy="5080"/>
            </a:xfrm>
            <a:custGeom>
              <a:avLst/>
              <a:gdLst/>
              <a:ahLst/>
              <a:cxnLst/>
              <a:rect l="l" t="t" r="r" b="b"/>
              <a:pathLst>
                <a:path w="483235" h="5080">
                  <a:moveTo>
                    <a:pt x="4572" y="0"/>
                  </a:moveTo>
                  <a:lnTo>
                    <a:pt x="0" y="0"/>
                  </a:lnTo>
                  <a:lnTo>
                    <a:pt x="0" y="4572"/>
                  </a:lnTo>
                  <a:lnTo>
                    <a:pt x="4572" y="4572"/>
                  </a:lnTo>
                  <a:lnTo>
                    <a:pt x="4572" y="0"/>
                  </a:lnTo>
                  <a:close/>
                </a:path>
                <a:path w="483235" h="5080">
                  <a:moveTo>
                    <a:pt x="10668" y="0"/>
                  </a:moveTo>
                  <a:lnTo>
                    <a:pt x="7620" y="0"/>
                  </a:lnTo>
                  <a:lnTo>
                    <a:pt x="7620" y="4572"/>
                  </a:lnTo>
                  <a:lnTo>
                    <a:pt x="10668" y="4572"/>
                  </a:lnTo>
                  <a:lnTo>
                    <a:pt x="10668" y="0"/>
                  </a:lnTo>
                  <a:close/>
                </a:path>
                <a:path w="483235" h="5080">
                  <a:moveTo>
                    <a:pt x="18288" y="0"/>
                  </a:moveTo>
                  <a:lnTo>
                    <a:pt x="13716" y="0"/>
                  </a:lnTo>
                  <a:lnTo>
                    <a:pt x="13716" y="4572"/>
                  </a:lnTo>
                  <a:lnTo>
                    <a:pt x="18288" y="4572"/>
                  </a:lnTo>
                  <a:lnTo>
                    <a:pt x="18288" y="0"/>
                  </a:lnTo>
                  <a:close/>
                </a:path>
                <a:path w="483235" h="5080">
                  <a:moveTo>
                    <a:pt x="24384" y="0"/>
                  </a:moveTo>
                  <a:lnTo>
                    <a:pt x="21336" y="0"/>
                  </a:lnTo>
                  <a:lnTo>
                    <a:pt x="21336" y="4572"/>
                  </a:lnTo>
                  <a:lnTo>
                    <a:pt x="24384" y="4572"/>
                  </a:lnTo>
                  <a:lnTo>
                    <a:pt x="24384" y="0"/>
                  </a:lnTo>
                  <a:close/>
                </a:path>
                <a:path w="483235" h="5080">
                  <a:moveTo>
                    <a:pt x="32004" y="0"/>
                  </a:moveTo>
                  <a:lnTo>
                    <a:pt x="27432" y="0"/>
                  </a:lnTo>
                  <a:lnTo>
                    <a:pt x="27432" y="4572"/>
                  </a:lnTo>
                  <a:lnTo>
                    <a:pt x="32004" y="4572"/>
                  </a:lnTo>
                  <a:lnTo>
                    <a:pt x="32004" y="0"/>
                  </a:lnTo>
                  <a:close/>
                </a:path>
                <a:path w="483235" h="5080">
                  <a:moveTo>
                    <a:pt x="38100" y="0"/>
                  </a:moveTo>
                  <a:lnTo>
                    <a:pt x="35052" y="0"/>
                  </a:lnTo>
                  <a:lnTo>
                    <a:pt x="35052" y="4572"/>
                  </a:lnTo>
                  <a:lnTo>
                    <a:pt x="38100" y="4572"/>
                  </a:lnTo>
                  <a:lnTo>
                    <a:pt x="38100" y="0"/>
                  </a:lnTo>
                  <a:close/>
                </a:path>
                <a:path w="483235" h="5080">
                  <a:moveTo>
                    <a:pt x="45720" y="0"/>
                  </a:moveTo>
                  <a:lnTo>
                    <a:pt x="41148" y="0"/>
                  </a:lnTo>
                  <a:lnTo>
                    <a:pt x="41148" y="4572"/>
                  </a:lnTo>
                  <a:lnTo>
                    <a:pt x="45720" y="4572"/>
                  </a:lnTo>
                  <a:lnTo>
                    <a:pt x="45720" y="0"/>
                  </a:lnTo>
                  <a:close/>
                </a:path>
                <a:path w="483235" h="5080">
                  <a:moveTo>
                    <a:pt x="51816" y="0"/>
                  </a:moveTo>
                  <a:lnTo>
                    <a:pt x="48768" y="0"/>
                  </a:lnTo>
                  <a:lnTo>
                    <a:pt x="48768" y="4572"/>
                  </a:lnTo>
                  <a:lnTo>
                    <a:pt x="51816" y="4572"/>
                  </a:lnTo>
                  <a:lnTo>
                    <a:pt x="51816" y="0"/>
                  </a:lnTo>
                  <a:close/>
                </a:path>
                <a:path w="483235" h="5080">
                  <a:moveTo>
                    <a:pt x="59436" y="0"/>
                  </a:moveTo>
                  <a:lnTo>
                    <a:pt x="54864" y="0"/>
                  </a:lnTo>
                  <a:lnTo>
                    <a:pt x="54864" y="4572"/>
                  </a:lnTo>
                  <a:lnTo>
                    <a:pt x="59436" y="4572"/>
                  </a:lnTo>
                  <a:lnTo>
                    <a:pt x="59436" y="0"/>
                  </a:lnTo>
                  <a:close/>
                </a:path>
                <a:path w="483235" h="5080">
                  <a:moveTo>
                    <a:pt x="65532" y="0"/>
                  </a:moveTo>
                  <a:lnTo>
                    <a:pt x="62484" y="0"/>
                  </a:lnTo>
                  <a:lnTo>
                    <a:pt x="62484" y="4572"/>
                  </a:lnTo>
                  <a:lnTo>
                    <a:pt x="65532" y="4572"/>
                  </a:lnTo>
                  <a:lnTo>
                    <a:pt x="65532" y="0"/>
                  </a:lnTo>
                  <a:close/>
                </a:path>
                <a:path w="483235" h="5080">
                  <a:moveTo>
                    <a:pt x="73152" y="0"/>
                  </a:moveTo>
                  <a:lnTo>
                    <a:pt x="68580" y="0"/>
                  </a:lnTo>
                  <a:lnTo>
                    <a:pt x="68580" y="4572"/>
                  </a:lnTo>
                  <a:lnTo>
                    <a:pt x="73152" y="4572"/>
                  </a:lnTo>
                  <a:lnTo>
                    <a:pt x="73152" y="0"/>
                  </a:lnTo>
                  <a:close/>
                </a:path>
                <a:path w="483235" h="5080">
                  <a:moveTo>
                    <a:pt x="79248" y="0"/>
                  </a:moveTo>
                  <a:lnTo>
                    <a:pt x="76200" y="0"/>
                  </a:lnTo>
                  <a:lnTo>
                    <a:pt x="76200" y="4572"/>
                  </a:lnTo>
                  <a:lnTo>
                    <a:pt x="79248" y="4572"/>
                  </a:lnTo>
                  <a:lnTo>
                    <a:pt x="79248" y="0"/>
                  </a:lnTo>
                  <a:close/>
                </a:path>
                <a:path w="483235" h="5080">
                  <a:moveTo>
                    <a:pt x="86868" y="0"/>
                  </a:moveTo>
                  <a:lnTo>
                    <a:pt x="82296" y="0"/>
                  </a:lnTo>
                  <a:lnTo>
                    <a:pt x="82296" y="4572"/>
                  </a:lnTo>
                  <a:lnTo>
                    <a:pt x="86868" y="4572"/>
                  </a:lnTo>
                  <a:lnTo>
                    <a:pt x="86868" y="0"/>
                  </a:lnTo>
                  <a:close/>
                </a:path>
                <a:path w="483235" h="5080">
                  <a:moveTo>
                    <a:pt x="92964" y="0"/>
                  </a:moveTo>
                  <a:lnTo>
                    <a:pt x="89916" y="0"/>
                  </a:lnTo>
                  <a:lnTo>
                    <a:pt x="89916" y="4572"/>
                  </a:lnTo>
                  <a:lnTo>
                    <a:pt x="92964" y="4572"/>
                  </a:lnTo>
                  <a:lnTo>
                    <a:pt x="92964" y="0"/>
                  </a:lnTo>
                  <a:close/>
                </a:path>
                <a:path w="483235" h="5080">
                  <a:moveTo>
                    <a:pt x="100584" y="0"/>
                  </a:moveTo>
                  <a:lnTo>
                    <a:pt x="96012" y="0"/>
                  </a:lnTo>
                  <a:lnTo>
                    <a:pt x="96012" y="4572"/>
                  </a:lnTo>
                  <a:lnTo>
                    <a:pt x="100584" y="4572"/>
                  </a:lnTo>
                  <a:lnTo>
                    <a:pt x="100584" y="0"/>
                  </a:lnTo>
                  <a:close/>
                </a:path>
                <a:path w="483235" h="5080">
                  <a:moveTo>
                    <a:pt x="106680" y="0"/>
                  </a:moveTo>
                  <a:lnTo>
                    <a:pt x="103632" y="0"/>
                  </a:lnTo>
                  <a:lnTo>
                    <a:pt x="103632" y="4572"/>
                  </a:lnTo>
                  <a:lnTo>
                    <a:pt x="106680" y="4572"/>
                  </a:lnTo>
                  <a:lnTo>
                    <a:pt x="106680" y="0"/>
                  </a:lnTo>
                  <a:close/>
                </a:path>
                <a:path w="483235" h="5080">
                  <a:moveTo>
                    <a:pt x="114300" y="0"/>
                  </a:moveTo>
                  <a:lnTo>
                    <a:pt x="109728" y="0"/>
                  </a:lnTo>
                  <a:lnTo>
                    <a:pt x="109728" y="4572"/>
                  </a:lnTo>
                  <a:lnTo>
                    <a:pt x="114300" y="4572"/>
                  </a:lnTo>
                  <a:lnTo>
                    <a:pt x="114300" y="0"/>
                  </a:lnTo>
                  <a:close/>
                </a:path>
                <a:path w="483235" h="5080">
                  <a:moveTo>
                    <a:pt x="120396" y="0"/>
                  </a:moveTo>
                  <a:lnTo>
                    <a:pt x="117348" y="0"/>
                  </a:lnTo>
                  <a:lnTo>
                    <a:pt x="117348" y="4572"/>
                  </a:lnTo>
                  <a:lnTo>
                    <a:pt x="120396" y="4572"/>
                  </a:lnTo>
                  <a:lnTo>
                    <a:pt x="120396" y="0"/>
                  </a:lnTo>
                  <a:close/>
                </a:path>
                <a:path w="483235" h="5080">
                  <a:moveTo>
                    <a:pt x="128016" y="0"/>
                  </a:moveTo>
                  <a:lnTo>
                    <a:pt x="123444" y="0"/>
                  </a:lnTo>
                  <a:lnTo>
                    <a:pt x="123444" y="4572"/>
                  </a:lnTo>
                  <a:lnTo>
                    <a:pt x="128016" y="4572"/>
                  </a:lnTo>
                  <a:lnTo>
                    <a:pt x="128016" y="0"/>
                  </a:lnTo>
                  <a:close/>
                </a:path>
                <a:path w="483235" h="5080">
                  <a:moveTo>
                    <a:pt x="134112" y="0"/>
                  </a:moveTo>
                  <a:lnTo>
                    <a:pt x="131064" y="0"/>
                  </a:lnTo>
                  <a:lnTo>
                    <a:pt x="131064" y="4572"/>
                  </a:lnTo>
                  <a:lnTo>
                    <a:pt x="134112" y="4572"/>
                  </a:lnTo>
                  <a:lnTo>
                    <a:pt x="134112" y="0"/>
                  </a:lnTo>
                  <a:close/>
                </a:path>
                <a:path w="483235" h="5080">
                  <a:moveTo>
                    <a:pt x="141732" y="0"/>
                  </a:moveTo>
                  <a:lnTo>
                    <a:pt x="137160" y="0"/>
                  </a:lnTo>
                  <a:lnTo>
                    <a:pt x="137160" y="4572"/>
                  </a:lnTo>
                  <a:lnTo>
                    <a:pt x="141732" y="4572"/>
                  </a:lnTo>
                  <a:lnTo>
                    <a:pt x="141732" y="0"/>
                  </a:lnTo>
                  <a:close/>
                </a:path>
                <a:path w="483235" h="5080">
                  <a:moveTo>
                    <a:pt x="147828" y="0"/>
                  </a:moveTo>
                  <a:lnTo>
                    <a:pt x="144780" y="0"/>
                  </a:lnTo>
                  <a:lnTo>
                    <a:pt x="144780" y="4572"/>
                  </a:lnTo>
                  <a:lnTo>
                    <a:pt x="147828" y="4572"/>
                  </a:lnTo>
                  <a:lnTo>
                    <a:pt x="147828" y="0"/>
                  </a:lnTo>
                  <a:close/>
                </a:path>
                <a:path w="483235" h="5080">
                  <a:moveTo>
                    <a:pt x="155448" y="0"/>
                  </a:moveTo>
                  <a:lnTo>
                    <a:pt x="150876" y="0"/>
                  </a:lnTo>
                  <a:lnTo>
                    <a:pt x="150876" y="4572"/>
                  </a:lnTo>
                  <a:lnTo>
                    <a:pt x="155448" y="4572"/>
                  </a:lnTo>
                  <a:lnTo>
                    <a:pt x="155448" y="0"/>
                  </a:lnTo>
                  <a:close/>
                </a:path>
                <a:path w="483235" h="5080">
                  <a:moveTo>
                    <a:pt x="161544" y="0"/>
                  </a:moveTo>
                  <a:lnTo>
                    <a:pt x="158496" y="0"/>
                  </a:lnTo>
                  <a:lnTo>
                    <a:pt x="158496" y="4572"/>
                  </a:lnTo>
                  <a:lnTo>
                    <a:pt x="161544" y="4572"/>
                  </a:lnTo>
                  <a:lnTo>
                    <a:pt x="161544" y="0"/>
                  </a:lnTo>
                  <a:close/>
                </a:path>
                <a:path w="483235" h="5080">
                  <a:moveTo>
                    <a:pt x="169164" y="0"/>
                  </a:moveTo>
                  <a:lnTo>
                    <a:pt x="164592" y="0"/>
                  </a:lnTo>
                  <a:lnTo>
                    <a:pt x="164592" y="4572"/>
                  </a:lnTo>
                  <a:lnTo>
                    <a:pt x="169164" y="4572"/>
                  </a:lnTo>
                  <a:lnTo>
                    <a:pt x="169164" y="0"/>
                  </a:lnTo>
                  <a:close/>
                </a:path>
                <a:path w="483235" h="5080">
                  <a:moveTo>
                    <a:pt x="175260" y="0"/>
                  </a:moveTo>
                  <a:lnTo>
                    <a:pt x="172212" y="0"/>
                  </a:lnTo>
                  <a:lnTo>
                    <a:pt x="172212" y="4572"/>
                  </a:lnTo>
                  <a:lnTo>
                    <a:pt x="175260" y="4572"/>
                  </a:lnTo>
                  <a:lnTo>
                    <a:pt x="175260" y="0"/>
                  </a:lnTo>
                  <a:close/>
                </a:path>
                <a:path w="483235" h="5080">
                  <a:moveTo>
                    <a:pt x="182880" y="0"/>
                  </a:moveTo>
                  <a:lnTo>
                    <a:pt x="178308" y="0"/>
                  </a:lnTo>
                  <a:lnTo>
                    <a:pt x="178308" y="4572"/>
                  </a:lnTo>
                  <a:lnTo>
                    <a:pt x="182880" y="4572"/>
                  </a:lnTo>
                  <a:lnTo>
                    <a:pt x="182880" y="0"/>
                  </a:lnTo>
                  <a:close/>
                </a:path>
                <a:path w="483235" h="5080">
                  <a:moveTo>
                    <a:pt x="188976" y="0"/>
                  </a:moveTo>
                  <a:lnTo>
                    <a:pt x="185928" y="0"/>
                  </a:lnTo>
                  <a:lnTo>
                    <a:pt x="185928" y="4572"/>
                  </a:lnTo>
                  <a:lnTo>
                    <a:pt x="188976" y="4572"/>
                  </a:lnTo>
                  <a:lnTo>
                    <a:pt x="188976" y="0"/>
                  </a:lnTo>
                  <a:close/>
                </a:path>
                <a:path w="483235" h="5080">
                  <a:moveTo>
                    <a:pt x="196596" y="0"/>
                  </a:moveTo>
                  <a:lnTo>
                    <a:pt x="192024" y="0"/>
                  </a:lnTo>
                  <a:lnTo>
                    <a:pt x="192024" y="4572"/>
                  </a:lnTo>
                  <a:lnTo>
                    <a:pt x="196596" y="4572"/>
                  </a:lnTo>
                  <a:lnTo>
                    <a:pt x="196596" y="0"/>
                  </a:lnTo>
                  <a:close/>
                </a:path>
                <a:path w="483235" h="5080">
                  <a:moveTo>
                    <a:pt x="202692" y="0"/>
                  </a:moveTo>
                  <a:lnTo>
                    <a:pt x="199644" y="0"/>
                  </a:lnTo>
                  <a:lnTo>
                    <a:pt x="199644" y="4572"/>
                  </a:lnTo>
                  <a:lnTo>
                    <a:pt x="202692" y="4572"/>
                  </a:lnTo>
                  <a:lnTo>
                    <a:pt x="202692" y="0"/>
                  </a:lnTo>
                  <a:close/>
                </a:path>
                <a:path w="483235" h="5080">
                  <a:moveTo>
                    <a:pt x="210312" y="0"/>
                  </a:moveTo>
                  <a:lnTo>
                    <a:pt x="205740" y="0"/>
                  </a:lnTo>
                  <a:lnTo>
                    <a:pt x="205740" y="4572"/>
                  </a:lnTo>
                  <a:lnTo>
                    <a:pt x="210312" y="4572"/>
                  </a:lnTo>
                  <a:lnTo>
                    <a:pt x="210312" y="0"/>
                  </a:lnTo>
                  <a:close/>
                </a:path>
                <a:path w="483235" h="5080">
                  <a:moveTo>
                    <a:pt x="216408" y="0"/>
                  </a:moveTo>
                  <a:lnTo>
                    <a:pt x="213360" y="0"/>
                  </a:lnTo>
                  <a:lnTo>
                    <a:pt x="213360" y="4572"/>
                  </a:lnTo>
                  <a:lnTo>
                    <a:pt x="216408" y="4572"/>
                  </a:lnTo>
                  <a:lnTo>
                    <a:pt x="216408" y="0"/>
                  </a:lnTo>
                  <a:close/>
                </a:path>
                <a:path w="483235" h="5080">
                  <a:moveTo>
                    <a:pt x="224028" y="0"/>
                  </a:moveTo>
                  <a:lnTo>
                    <a:pt x="219456" y="0"/>
                  </a:lnTo>
                  <a:lnTo>
                    <a:pt x="219456" y="4572"/>
                  </a:lnTo>
                  <a:lnTo>
                    <a:pt x="224028" y="4572"/>
                  </a:lnTo>
                  <a:lnTo>
                    <a:pt x="224028" y="0"/>
                  </a:lnTo>
                  <a:close/>
                </a:path>
                <a:path w="483235" h="5080">
                  <a:moveTo>
                    <a:pt x="230124" y="0"/>
                  </a:moveTo>
                  <a:lnTo>
                    <a:pt x="227076" y="0"/>
                  </a:lnTo>
                  <a:lnTo>
                    <a:pt x="227076" y="4572"/>
                  </a:lnTo>
                  <a:lnTo>
                    <a:pt x="230124" y="4572"/>
                  </a:lnTo>
                  <a:lnTo>
                    <a:pt x="230124" y="0"/>
                  </a:lnTo>
                  <a:close/>
                </a:path>
                <a:path w="483235" h="5080">
                  <a:moveTo>
                    <a:pt x="237744" y="0"/>
                  </a:moveTo>
                  <a:lnTo>
                    <a:pt x="233172" y="0"/>
                  </a:lnTo>
                  <a:lnTo>
                    <a:pt x="233172" y="4572"/>
                  </a:lnTo>
                  <a:lnTo>
                    <a:pt x="237744" y="4572"/>
                  </a:lnTo>
                  <a:lnTo>
                    <a:pt x="237744" y="0"/>
                  </a:lnTo>
                  <a:close/>
                </a:path>
                <a:path w="483235" h="5080">
                  <a:moveTo>
                    <a:pt x="243840" y="0"/>
                  </a:moveTo>
                  <a:lnTo>
                    <a:pt x="240792" y="0"/>
                  </a:lnTo>
                  <a:lnTo>
                    <a:pt x="240792" y="4572"/>
                  </a:lnTo>
                  <a:lnTo>
                    <a:pt x="243840" y="4572"/>
                  </a:lnTo>
                  <a:lnTo>
                    <a:pt x="243840" y="0"/>
                  </a:lnTo>
                  <a:close/>
                </a:path>
                <a:path w="483235" h="5080">
                  <a:moveTo>
                    <a:pt x="251460" y="0"/>
                  </a:moveTo>
                  <a:lnTo>
                    <a:pt x="246888" y="0"/>
                  </a:lnTo>
                  <a:lnTo>
                    <a:pt x="246888" y="4572"/>
                  </a:lnTo>
                  <a:lnTo>
                    <a:pt x="251460" y="4572"/>
                  </a:lnTo>
                  <a:lnTo>
                    <a:pt x="251460" y="0"/>
                  </a:lnTo>
                  <a:close/>
                </a:path>
                <a:path w="483235" h="5080">
                  <a:moveTo>
                    <a:pt x="257556" y="0"/>
                  </a:moveTo>
                  <a:lnTo>
                    <a:pt x="254508" y="0"/>
                  </a:lnTo>
                  <a:lnTo>
                    <a:pt x="254508" y="4572"/>
                  </a:lnTo>
                  <a:lnTo>
                    <a:pt x="257556" y="4572"/>
                  </a:lnTo>
                  <a:lnTo>
                    <a:pt x="257556" y="0"/>
                  </a:lnTo>
                  <a:close/>
                </a:path>
                <a:path w="483235" h="5080">
                  <a:moveTo>
                    <a:pt x="265176" y="0"/>
                  </a:moveTo>
                  <a:lnTo>
                    <a:pt x="260604" y="0"/>
                  </a:lnTo>
                  <a:lnTo>
                    <a:pt x="260604" y="4572"/>
                  </a:lnTo>
                  <a:lnTo>
                    <a:pt x="265176" y="4572"/>
                  </a:lnTo>
                  <a:lnTo>
                    <a:pt x="265176" y="0"/>
                  </a:lnTo>
                  <a:close/>
                </a:path>
                <a:path w="483235" h="5080">
                  <a:moveTo>
                    <a:pt x="271272" y="0"/>
                  </a:moveTo>
                  <a:lnTo>
                    <a:pt x="268224" y="0"/>
                  </a:lnTo>
                  <a:lnTo>
                    <a:pt x="268224" y="4572"/>
                  </a:lnTo>
                  <a:lnTo>
                    <a:pt x="271272" y="4572"/>
                  </a:lnTo>
                  <a:lnTo>
                    <a:pt x="271272" y="0"/>
                  </a:lnTo>
                  <a:close/>
                </a:path>
                <a:path w="483235" h="5080">
                  <a:moveTo>
                    <a:pt x="278892" y="0"/>
                  </a:moveTo>
                  <a:lnTo>
                    <a:pt x="274320" y="0"/>
                  </a:lnTo>
                  <a:lnTo>
                    <a:pt x="274320" y="4572"/>
                  </a:lnTo>
                  <a:lnTo>
                    <a:pt x="278892" y="4572"/>
                  </a:lnTo>
                  <a:lnTo>
                    <a:pt x="278892" y="0"/>
                  </a:lnTo>
                  <a:close/>
                </a:path>
                <a:path w="483235" h="5080">
                  <a:moveTo>
                    <a:pt x="284988" y="0"/>
                  </a:moveTo>
                  <a:lnTo>
                    <a:pt x="281940" y="0"/>
                  </a:lnTo>
                  <a:lnTo>
                    <a:pt x="281940" y="4572"/>
                  </a:lnTo>
                  <a:lnTo>
                    <a:pt x="284988" y="4572"/>
                  </a:lnTo>
                  <a:lnTo>
                    <a:pt x="284988" y="0"/>
                  </a:lnTo>
                  <a:close/>
                </a:path>
                <a:path w="483235" h="5080">
                  <a:moveTo>
                    <a:pt x="292608" y="0"/>
                  </a:moveTo>
                  <a:lnTo>
                    <a:pt x="288036" y="0"/>
                  </a:lnTo>
                  <a:lnTo>
                    <a:pt x="288036" y="4572"/>
                  </a:lnTo>
                  <a:lnTo>
                    <a:pt x="292608" y="4572"/>
                  </a:lnTo>
                  <a:lnTo>
                    <a:pt x="292608" y="0"/>
                  </a:lnTo>
                  <a:close/>
                </a:path>
                <a:path w="483235" h="5080">
                  <a:moveTo>
                    <a:pt x="298704" y="0"/>
                  </a:moveTo>
                  <a:lnTo>
                    <a:pt x="295656" y="0"/>
                  </a:lnTo>
                  <a:lnTo>
                    <a:pt x="295656" y="4572"/>
                  </a:lnTo>
                  <a:lnTo>
                    <a:pt x="298704" y="4572"/>
                  </a:lnTo>
                  <a:lnTo>
                    <a:pt x="298704" y="0"/>
                  </a:lnTo>
                  <a:close/>
                </a:path>
                <a:path w="483235" h="5080">
                  <a:moveTo>
                    <a:pt x="304800" y="0"/>
                  </a:moveTo>
                  <a:lnTo>
                    <a:pt x="301752" y="0"/>
                  </a:lnTo>
                  <a:lnTo>
                    <a:pt x="301752" y="4572"/>
                  </a:lnTo>
                  <a:lnTo>
                    <a:pt x="304800" y="4572"/>
                  </a:lnTo>
                  <a:lnTo>
                    <a:pt x="304800" y="0"/>
                  </a:lnTo>
                  <a:close/>
                </a:path>
                <a:path w="483235" h="5080">
                  <a:moveTo>
                    <a:pt x="312420" y="0"/>
                  </a:moveTo>
                  <a:lnTo>
                    <a:pt x="309372" y="0"/>
                  </a:lnTo>
                  <a:lnTo>
                    <a:pt x="309372" y="4572"/>
                  </a:lnTo>
                  <a:lnTo>
                    <a:pt x="312420" y="4572"/>
                  </a:lnTo>
                  <a:lnTo>
                    <a:pt x="312420" y="0"/>
                  </a:lnTo>
                  <a:close/>
                </a:path>
                <a:path w="483235" h="5080">
                  <a:moveTo>
                    <a:pt x="318516" y="0"/>
                  </a:moveTo>
                  <a:lnTo>
                    <a:pt x="315468" y="0"/>
                  </a:lnTo>
                  <a:lnTo>
                    <a:pt x="315468" y="4572"/>
                  </a:lnTo>
                  <a:lnTo>
                    <a:pt x="318516" y="4572"/>
                  </a:lnTo>
                  <a:lnTo>
                    <a:pt x="318516" y="0"/>
                  </a:lnTo>
                  <a:close/>
                </a:path>
                <a:path w="483235" h="5080">
                  <a:moveTo>
                    <a:pt x="326136" y="0"/>
                  </a:moveTo>
                  <a:lnTo>
                    <a:pt x="323088" y="0"/>
                  </a:lnTo>
                  <a:lnTo>
                    <a:pt x="323088" y="4572"/>
                  </a:lnTo>
                  <a:lnTo>
                    <a:pt x="326136" y="4572"/>
                  </a:lnTo>
                  <a:lnTo>
                    <a:pt x="326136" y="0"/>
                  </a:lnTo>
                  <a:close/>
                </a:path>
                <a:path w="483235" h="5080">
                  <a:moveTo>
                    <a:pt x="332232" y="0"/>
                  </a:moveTo>
                  <a:lnTo>
                    <a:pt x="329184" y="0"/>
                  </a:lnTo>
                  <a:lnTo>
                    <a:pt x="329184" y="4572"/>
                  </a:lnTo>
                  <a:lnTo>
                    <a:pt x="332232" y="4572"/>
                  </a:lnTo>
                  <a:lnTo>
                    <a:pt x="332232" y="0"/>
                  </a:lnTo>
                  <a:close/>
                </a:path>
                <a:path w="483235" h="5080">
                  <a:moveTo>
                    <a:pt x="339852" y="0"/>
                  </a:moveTo>
                  <a:lnTo>
                    <a:pt x="336804" y="0"/>
                  </a:lnTo>
                  <a:lnTo>
                    <a:pt x="336804" y="4572"/>
                  </a:lnTo>
                  <a:lnTo>
                    <a:pt x="339852" y="4572"/>
                  </a:lnTo>
                  <a:lnTo>
                    <a:pt x="339852" y="0"/>
                  </a:lnTo>
                  <a:close/>
                </a:path>
                <a:path w="483235" h="5080">
                  <a:moveTo>
                    <a:pt x="345948" y="0"/>
                  </a:moveTo>
                  <a:lnTo>
                    <a:pt x="342900" y="0"/>
                  </a:lnTo>
                  <a:lnTo>
                    <a:pt x="342900" y="4572"/>
                  </a:lnTo>
                  <a:lnTo>
                    <a:pt x="345948" y="4572"/>
                  </a:lnTo>
                  <a:lnTo>
                    <a:pt x="345948" y="0"/>
                  </a:lnTo>
                  <a:close/>
                </a:path>
                <a:path w="483235" h="5080">
                  <a:moveTo>
                    <a:pt x="353568" y="0"/>
                  </a:moveTo>
                  <a:lnTo>
                    <a:pt x="350520" y="0"/>
                  </a:lnTo>
                  <a:lnTo>
                    <a:pt x="350520" y="4572"/>
                  </a:lnTo>
                  <a:lnTo>
                    <a:pt x="353568" y="4572"/>
                  </a:lnTo>
                  <a:lnTo>
                    <a:pt x="353568" y="0"/>
                  </a:lnTo>
                  <a:close/>
                </a:path>
                <a:path w="483235" h="5080">
                  <a:moveTo>
                    <a:pt x="359664" y="0"/>
                  </a:moveTo>
                  <a:lnTo>
                    <a:pt x="356616" y="0"/>
                  </a:lnTo>
                  <a:lnTo>
                    <a:pt x="356616" y="4572"/>
                  </a:lnTo>
                  <a:lnTo>
                    <a:pt x="359664" y="4572"/>
                  </a:lnTo>
                  <a:lnTo>
                    <a:pt x="359664" y="0"/>
                  </a:lnTo>
                  <a:close/>
                </a:path>
                <a:path w="483235" h="5080">
                  <a:moveTo>
                    <a:pt x="367284" y="0"/>
                  </a:moveTo>
                  <a:lnTo>
                    <a:pt x="364236" y="0"/>
                  </a:lnTo>
                  <a:lnTo>
                    <a:pt x="364236" y="4572"/>
                  </a:lnTo>
                  <a:lnTo>
                    <a:pt x="367284" y="4572"/>
                  </a:lnTo>
                  <a:lnTo>
                    <a:pt x="367284" y="0"/>
                  </a:lnTo>
                  <a:close/>
                </a:path>
                <a:path w="483235" h="5080">
                  <a:moveTo>
                    <a:pt x="373380" y="0"/>
                  </a:moveTo>
                  <a:lnTo>
                    <a:pt x="370332" y="0"/>
                  </a:lnTo>
                  <a:lnTo>
                    <a:pt x="370332" y="4572"/>
                  </a:lnTo>
                  <a:lnTo>
                    <a:pt x="373380" y="4572"/>
                  </a:lnTo>
                  <a:lnTo>
                    <a:pt x="373380" y="0"/>
                  </a:lnTo>
                  <a:close/>
                </a:path>
                <a:path w="483235" h="5080">
                  <a:moveTo>
                    <a:pt x="381000" y="0"/>
                  </a:moveTo>
                  <a:lnTo>
                    <a:pt x="377952" y="0"/>
                  </a:lnTo>
                  <a:lnTo>
                    <a:pt x="377952" y="4572"/>
                  </a:lnTo>
                  <a:lnTo>
                    <a:pt x="381000" y="4572"/>
                  </a:lnTo>
                  <a:lnTo>
                    <a:pt x="381000" y="0"/>
                  </a:lnTo>
                  <a:close/>
                </a:path>
                <a:path w="483235" h="5080">
                  <a:moveTo>
                    <a:pt x="387096" y="0"/>
                  </a:moveTo>
                  <a:lnTo>
                    <a:pt x="384048" y="0"/>
                  </a:lnTo>
                  <a:lnTo>
                    <a:pt x="384048" y="4572"/>
                  </a:lnTo>
                  <a:lnTo>
                    <a:pt x="387096" y="4572"/>
                  </a:lnTo>
                  <a:lnTo>
                    <a:pt x="387096" y="0"/>
                  </a:lnTo>
                  <a:close/>
                </a:path>
                <a:path w="483235" h="5080">
                  <a:moveTo>
                    <a:pt x="394716" y="0"/>
                  </a:moveTo>
                  <a:lnTo>
                    <a:pt x="391668" y="0"/>
                  </a:lnTo>
                  <a:lnTo>
                    <a:pt x="391668" y="4572"/>
                  </a:lnTo>
                  <a:lnTo>
                    <a:pt x="394716" y="4572"/>
                  </a:lnTo>
                  <a:lnTo>
                    <a:pt x="394716" y="0"/>
                  </a:lnTo>
                  <a:close/>
                </a:path>
                <a:path w="483235" h="5080">
                  <a:moveTo>
                    <a:pt x="400812" y="0"/>
                  </a:moveTo>
                  <a:lnTo>
                    <a:pt x="397764" y="0"/>
                  </a:lnTo>
                  <a:lnTo>
                    <a:pt x="397764" y="4572"/>
                  </a:lnTo>
                  <a:lnTo>
                    <a:pt x="400812" y="4572"/>
                  </a:lnTo>
                  <a:lnTo>
                    <a:pt x="400812" y="0"/>
                  </a:lnTo>
                  <a:close/>
                </a:path>
                <a:path w="483235" h="5080">
                  <a:moveTo>
                    <a:pt x="408432" y="0"/>
                  </a:moveTo>
                  <a:lnTo>
                    <a:pt x="405384" y="0"/>
                  </a:lnTo>
                  <a:lnTo>
                    <a:pt x="405384" y="4572"/>
                  </a:lnTo>
                  <a:lnTo>
                    <a:pt x="408432" y="4572"/>
                  </a:lnTo>
                  <a:lnTo>
                    <a:pt x="408432" y="0"/>
                  </a:lnTo>
                  <a:close/>
                </a:path>
                <a:path w="483235" h="5080">
                  <a:moveTo>
                    <a:pt x="414528" y="0"/>
                  </a:moveTo>
                  <a:lnTo>
                    <a:pt x="411480" y="0"/>
                  </a:lnTo>
                  <a:lnTo>
                    <a:pt x="411480" y="4572"/>
                  </a:lnTo>
                  <a:lnTo>
                    <a:pt x="414528" y="4572"/>
                  </a:lnTo>
                  <a:lnTo>
                    <a:pt x="414528" y="0"/>
                  </a:lnTo>
                  <a:close/>
                </a:path>
                <a:path w="483235" h="5080">
                  <a:moveTo>
                    <a:pt x="422148" y="0"/>
                  </a:moveTo>
                  <a:lnTo>
                    <a:pt x="419100" y="0"/>
                  </a:lnTo>
                  <a:lnTo>
                    <a:pt x="419100" y="4572"/>
                  </a:lnTo>
                  <a:lnTo>
                    <a:pt x="422148" y="4572"/>
                  </a:lnTo>
                  <a:lnTo>
                    <a:pt x="422148" y="0"/>
                  </a:lnTo>
                  <a:close/>
                </a:path>
                <a:path w="483235" h="5080">
                  <a:moveTo>
                    <a:pt x="428244" y="0"/>
                  </a:moveTo>
                  <a:lnTo>
                    <a:pt x="425196" y="0"/>
                  </a:lnTo>
                  <a:lnTo>
                    <a:pt x="425196" y="4572"/>
                  </a:lnTo>
                  <a:lnTo>
                    <a:pt x="428244" y="4572"/>
                  </a:lnTo>
                  <a:lnTo>
                    <a:pt x="428244" y="0"/>
                  </a:lnTo>
                  <a:close/>
                </a:path>
                <a:path w="483235" h="5080">
                  <a:moveTo>
                    <a:pt x="435864" y="0"/>
                  </a:moveTo>
                  <a:lnTo>
                    <a:pt x="432816" y="0"/>
                  </a:lnTo>
                  <a:lnTo>
                    <a:pt x="432816" y="4572"/>
                  </a:lnTo>
                  <a:lnTo>
                    <a:pt x="435864" y="4572"/>
                  </a:lnTo>
                  <a:lnTo>
                    <a:pt x="435864" y="0"/>
                  </a:lnTo>
                  <a:close/>
                </a:path>
                <a:path w="483235" h="5080">
                  <a:moveTo>
                    <a:pt x="441960" y="0"/>
                  </a:moveTo>
                  <a:lnTo>
                    <a:pt x="438912" y="0"/>
                  </a:lnTo>
                  <a:lnTo>
                    <a:pt x="438912" y="4572"/>
                  </a:lnTo>
                  <a:lnTo>
                    <a:pt x="441960" y="4572"/>
                  </a:lnTo>
                  <a:lnTo>
                    <a:pt x="441960" y="0"/>
                  </a:lnTo>
                  <a:close/>
                </a:path>
                <a:path w="483235" h="5080">
                  <a:moveTo>
                    <a:pt x="449580" y="0"/>
                  </a:moveTo>
                  <a:lnTo>
                    <a:pt x="446532" y="0"/>
                  </a:lnTo>
                  <a:lnTo>
                    <a:pt x="446532" y="4572"/>
                  </a:lnTo>
                  <a:lnTo>
                    <a:pt x="449580" y="4572"/>
                  </a:lnTo>
                  <a:lnTo>
                    <a:pt x="449580" y="0"/>
                  </a:lnTo>
                  <a:close/>
                </a:path>
                <a:path w="483235" h="5080">
                  <a:moveTo>
                    <a:pt x="455676" y="0"/>
                  </a:moveTo>
                  <a:lnTo>
                    <a:pt x="452628" y="0"/>
                  </a:lnTo>
                  <a:lnTo>
                    <a:pt x="452628" y="4572"/>
                  </a:lnTo>
                  <a:lnTo>
                    <a:pt x="455676" y="4572"/>
                  </a:lnTo>
                  <a:lnTo>
                    <a:pt x="455676" y="0"/>
                  </a:lnTo>
                  <a:close/>
                </a:path>
                <a:path w="483235" h="5080">
                  <a:moveTo>
                    <a:pt x="463296" y="0"/>
                  </a:moveTo>
                  <a:lnTo>
                    <a:pt x="460248" y="0"/>
                  </a:lnTo>
                  <a:lnTo>
                    <a:pt x="460248" y="4572"/>
                  </a:lnTo>
                  <a:lnTo>
                    <a:pt x="463296" y="4572"/>
                  </a:lnTo>
                  <a:lnTo>
                    <a:pt x="463296" y="0"/>
                  </a:lnTo>
                  <a:close/>
                </a:path>
                <a:path w="483235" h="5080">
                  <a:moveTo>
                    <a:pt x="469392" y="0"/>
                  </a:moveTo>
                  <a:lnTo>
                    <a:pt x="466344" y="0"/>
                  </a:lnTo>
                  <a:lnTo>
                    <a:pt x="466344" y="4572"/>
                  </a:lnTo>
                  <a:lnTo>
                    <a:pt x="469392" y="4572"/>
                  </a:lnTo>
                  <a:lnTo>
                    <a:pt x="469392" y="0"/>
                  </a:lnTo>
                  <a:close/>
                </a:path>
                <a:path w="483235" h="5080">
                  <a:moveTo>
                    <a:pt x="477012" y="0"/>
                  </a:moveTo>
                  <a:lnTo>
                    <a:pt x="473964" y="0"/>
                  </a:lnTo>
                  <a:lnTo>
                    <a:pt x="473964" y="4572"/>
                  </a:lnTo>
                  <a:lnTo>
                    <a:pt x="477012" y="4572"/>
                  </a:lnTo>
                  <a:lnTo>
                    <a:pt x="477012" y="0"/>
                  </a:lnTo>
                  <a:close/>
                </a:path>
                <a:path w="483235"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39" name="object 139"/>
            <p:cNvSpPr/>
            <p:nvPr/>
          </p:nvSpPr>
          <p:spPr>
            <a:xfrm>
              <a:off x="3099816" y="1726691"/>
              <a:ext cx="483234" cy="5080"/>
            </a:xfrm>
            <a:custGeom>
              <a:avLst/>
              <a:gdLst/>
              <a:ahLst/>
              <a:cxnLst/>
              <a:rect l="l" t="t" r="r" b="b"/>
              <a:pathLst>
                <a:path w="483235" h="5080">
                  <a:moveTo>
                    <a:pt x="3048" y="0"/>
                  </a:moveTo>
                  <a:lnTo>
                    <a:pt x="0" y="0"/>
                  </a:lnTo>
                  <a:lnTo>
                    <a:pt x="0" y="4572"/>
                  </a:lnTo>
                  <a:lnTo>
                    <a:pt x="3048" y="4572"/>
                  </a:lnTo>
                  <a:lnTo>
                    <a:pt x="3048" y="0"/>
                  </a:lnTo>
                  <a:close/>
                </a:path>
                <a:path w="483235" h="5080">
                  <a:moveTo>
                    <a:pt x="10668" y="0"/>
                  </a:moveTo>
                  <a:lnTo>
                    <a:pt x="7620" y="0"/>
                  </a:lnTo>
                  <a:lnTo>
                    <a:pt x="7620" y="4572"/>
                  </a:lnTo>
                  <a:lnTo>
                    <a:pt x="10668" y="4572"/>
                  </a:lnTo>
                  <a:lnTo>
                    <a:pt x="10668" y="0"/>
                  </a:lnTo>
                  <a:close/>
                </a:path>
                <a:path w="483235" h="5080">
                  <a:moveTo>
                    <a:pt x="16764" y="0"/>
                  </a:moveTo>
                  <a:lnTo>
                    <a:pt x="13716" y="0"/>
                  </a:lnTo>
                  <a:lnTo>
                    <a:pt x="13716" y="4572"/>
                  </a:lnTo>
                  <a:lnTo>
                    <a:pt x="16764" y="4572"/>
                  </a:lnTo>
                  <a:lnTo>
                    <a:pt x="16764" y="0"/>
                  </a:lnTo>
                  <a:close/>
                </a:path>
                <a:path w="483235" h="5080">
                  <a:moveTo>
                    <a:pt x="24384" y="0"/>
                  </a:moveTo>
                  <a:lnTo>
                    <a:pt x="21336" y="0"/>
                  </a:lnTo>
                  <a:lnTo>
                    <a:pt x="21336" y="4572"/>
                  </a:lnTo>
                  <a:lnTo>
                    <a:pt x="24384" y="4572"/>
                  </a:lnTo>
                  <a:lnTo>
                    <a:pt x="24384" y="0"/>
                  </a:lnTo>
                  <a:close/>
                </a:path>
                <a:path w="483235" h="5080">
                  <a:moveTo>
                    <a:pt x="30480" y="0"/>
                  </a:moveTo>
                  <a:lnTo>
                    <a:pt x="27432" y="0"/>
                  </a:lnTo>
                  <a:lnTo>
                    <a:pt x="27432" y="4572"/>
                  </a:lnTo>
                  <a:lnTo>
                    <a:pt x="30480" y="4572"/>
                  </a:lnTo>
                  <a:lnTo>
                    <a:pt x="30480" y="0"/>
                  </a:lnTo>
                  <a:close/>
                </a:path>
                <a:path w="483235" h="5080">
                  <a:moveTo>
                    <a:pt x="38100" y="0"/>
                  </a:moveTo>
                  <a:lnTo>
                    <a:pt x="35052" y="0"/>
                  </a:lnTo>
                  <a:lnTo>
                    <a:pt x="35052" y="4572"/>
                  </a:lnTo>
                  <a:lnTo>
                    <a:pt x="38100" y="4572"/>
                  </a:lnTo>
                  <a:lnTo>
                    <a:pt x="38100" y="0"/>
                  </a:lnTo>
                  <a:close/>
                </a:path>
                <a:path w="483235" h="5080">
                  <a:moveTo>
                    <a:pt x="44196" y="0"/>
                  </a:moveTo>
                  <a:lnTo>
                    <a:pt x="41148" y="0"/>
                  </a:lnTo>
                  <a:lnTo>
                    <a:pt x="41148" y="4572"/>
                  </a:lnTo>
                  <a:lnTo>
                    <a:pt x="44196" y="4572"/>
                  </a:lnTo>
                  <a:lnTo>
                    <a:pt x="44196" y="0"/>
                  </a:lnTo>
                  <a:close/>
                </a:path>
                <a:path w="483235" h="5080">
                  <a:moveTo>
                    <a:pt x="51816" y="0"/>
                  </a:moveTo>
                  <a:lnTo>
                    <a:pt x="48768" y="0"/>
                  </a:lnTo>
                  <a:lnTo>
                    <a:pt x="48768" y="4572"/>
                  </a:lnTo>
                  <a:lnTo>
                    <a:pt x="51816" y="4572"/>
                  </a:lnTo>
                  <a:lnTo>
                    <a:pt x="51816" y="0"/>
                  </a:lnTo>
                  <a:close/>
                </a:path>
                <a:path w="483235" h="5080">
                  <a:moveTo>
                    <a:pt x="57912" y="0"/>
                  </a:moveTo>
                  <a:lnTo>
                    <a:pt x="54864" y="0"/>
                  </a:lnTo>
                  <a:lnTo>
                    <a:pt x="54864" y="4572"/>
                  </a:lnTo>
                  <a:lnTo>
                    <a:pt x="57912" y="4572"/>
                  </a:lnTo>
                  <a:lnTo>
                    <a:pt x="57912" y="0"/>
                  </a:lnTo>
                  <a:close/>
                </a:path>
                <a:path w="483235" h="5080">
                  <a:moveTo>
                    <a:pt x="65532" y="0"/>
                  </a:moveTo>
                  <a:lnTo>
                    <a:pt x="62484" y="0"/>
                  </a:lnTo>
                  <a:lnTo>
                    <a:pt x="62484" y="4572"/>
                  </a:lnTo>
                  <a:lnTo>
                    <a:pt x="65532" y="4572"/>
                  </a:lnTo>
                  <a:lnTo>
                    <a:pt x="65532" y="0"/>
                  </a:lnTo>
                  <a:close/>
                </a:path>
                <a:path w="483235" h="5080">
                  <a:moveTo>
                    <a:pt x="71628" y="0"/>
                  </a:moveTo>
                  <a:lnTo>
                    <a:pt x="68580" y="0"/>
                  </a:lnTo>
                  <a:lnTo>
                    <a:pt x="68580" y="4572"/>
                  </a:lnTo>
                  <a:lnTo>
                    <a:pt x="71628" y="4572"/>
                  </a:lnTo>
                  <a:lnTo>
                    <a:pt x="71628" y="0"/>
                  </a:lnTo>
                  <a:close/>
                </a:path>
                <a:path w="483235" h="5080">
                  <a:moveTo>
                    <a:pt x="79248" y="0"/>
                  </a:moveTo>
                  <a:lnTo>
                    <a:pt x="76200" y="0"/>
                  </a:lnTo>
                  <a:lnTo>
                    <a:pt x="76200" y="4572"/>
                  </a:lnTo>
                  <a:lnTo>
                    <a:pt x="79248" y="4572"/>
                  </a:lnTo>
                  <a:lnTo>
                    <a:pt x="79248" y="0"/>
                  </a:lnTo>
                  <a:close/>
                </a:path>
                <a:path w="483235" h="5080">
                  <a:moveTo>
                    <a:pt x="85344" y="0"/>
                  </a:moveTo>
                  <a:lnTo>
                    <a:pt x="82296" y="0"/>
                  </a:lnTo>
                  <a:lnTo>
                    <a:pt x="82296" y="4572"/>
                  </a:lnTo>
                  <a:lnTo>
                    <a:pt x="85344" y="4572"/>
                  </a:lnTo>
                  <a:lnTo>
                    <a:pt x="85344" y="0"/>
                  </a:lnTo>
                  <a:close/>
                </a:path>
                <a:path w="483235" h="5080">
                  <a:moveTo>
                    <a:pt x="92964" y="0"/>
                  </a:moveTo>
                  <a:lnTo>
                    <a:pt x="89916" y="0"/>
                  </a:lnTo>
                  <a:lnTo>
                    <a:pt x="89916" y="4572"/>
                  </a:lnTo>
                  <a:lnTo>
                    <a:pt x="92964" y="4572"/>
                  </a:lnTo>
                  <a:lnTo>
                    <a:pt x="92964" y="0"/>
                  </a:lnTo>
                  <a:close/>
                </a:path>
                <a:path w="483235" h="5080">
                  <a:moveTo>
                    <a:pt x="99060" y="0"/>
                  </a:moveTo>
                  <a:lnTo>
                    <a:pt x="96012" y="0"/>
                  </a:lnTo>
                  <a:lnTo>
                    <a:pt x="96012" y="4572"/>
                  </a:lnTo>
                  <a:lnTo>
                    <a:pt x="99060" y="4572"/>
                  </a:lnTo>
                  <a:lnTo>
                    <a:pt x="99060" y="0"/>
                  </a:lnTo>
                  <a:close/>
                </a:path>
                <a:path w="483235" h="5080">
                  <a:moveTo>
                    <a:pt x="106680" y="0"/>
                  </a:moveTo>
                  <a:lnTo>
                    <a:pt x="103632" y="0"/>
                  </a:lnTo>
                  <a:lnTo>
                    <a:pt x="103632" y="4572"/>
                  </a:lnTo>
                  <a:lnTo>
                    <a:pt x="106680" y="4572"/>
                  </a:lnTo>
                  <a:lnTo>
                    <a:pt x="106680" y="0"/>
                  </a:lnTo>
                  <a:close/>
                </a:path>
                <a:path w="483235" h="5080">
                  <a:moveTo>
                    <a:pt x="112776" y="0"/>
                  </a:moveTo>
                  <a:lnTo>
                    <a:pt x="109728" y="0"/>
                  </a:lnTo>
                  <a:lnTo>
                    <a:pt x="109728" y="4572"/>
                  </a:lnTo>
                  <a:lnTo>
                    <a:pt x="112776" y="4572"/>
                  </a:lnTo>
                  <a:lnTo>
                    <a:pt x="112776" y="0"/>
                  </a:lnTo>
                  <a:close/>
                </a:path>
                <a:path w="483235" h="5080">
                  <a:moveTo>
                    <a:pt x="120396" y="0"/>
                  </a:moveTo>
                  <a:lnTo>
                    <a:pt x="117348" y="0"/>
                  </a:lnTo>
                  <a:lnTo>
                    <a:pt x="117348" y="4572"/>
                  </a:lnTo>
                  <a:lnTo>
                    <a:pt x="120396" y="4572"/>
                  </a:lnTo>
                  <a:lnTo>
                    <a:pt x="120396" y="0"/>
                  </a:lnTo>
                  <a:close/>
                </a:path>
                <a:path w="483235" h="5080">
                  <a:moveTo>
                    <a:pt x="126492" y="0"/>
                  </a:moveTo>
                  <a:lnTo>
                    <a:pt x="123444" y="0"/>
                  </a:lnTo>
                  <a:lnTo>
                    <a:pt x="123444" y="4572"/>
                  </a:lnTo>
                  <a:lnTo>
                    <a:pt x="126492" y="4572"/>
                  </a:lnTo>
                  <a:lnTo>
                    <a:pt x="126492" y="0"/>
                  </a:lnTo>
                  <a:close/>
                </a:path>
                <a:path w="483235" h="5080">
                  <a:moveTo>
                    <a:pt x="134112" y="0"/>
                  </a:moveTo>
                  <a:lnTo>
                    <a:pt x="131064" y="0"/>
                  </a:lnTo>
                  <a:lnTo>
                    <a:pt x="131064" y="4572"/>
                  </a:lnTo>
                  <a:lnTo>
                    <a:pt x="134112" y="4572"/>
                  </a:lnTo>
                  <a:lnTo>
                    <a:pt x="134112" y="0"/>
                  </a:lnTo>
                  <a:close/>
                </a:path>
                <a:path w="483235" h="5080">
                  <a:moveTo>
                    <a:pt x="140208" y="0"/>
                  </a:moveTo>
                  <a:lnTo>
                    <a:pt x="137160" y="0"/>
                  </a:lnTo>
                  <a:lnTo>
                    <a:pt x="137160" y="4572"/>
                  </a:lnTo>
                  <a:lnTo>
                    <a:pt x="140208" y="4572"/>
                  </a:lnTo>
                  <a:lnTo>
                    <a:pt x="140208" y="0"/>
                  </a:lnTo>
                  <a:close/>
                </a:path>
                <a:path w="483235" h="5080">
                  <a:moveTo>
                    <a:pt x="147828" y="0"/>
                  </a:moveTo>
                  <a:lnTo>
                    <a:pt x="144780" y="0"/>
                  </a:lnTo>
                  <a:lnTo>
                    <a:pt x="144780" y="4572"/>
                  </a:lnTo>
                  <a:lnTo>
                    <a:pt x="147828" y="4572"/>
                  </a:lnTo>
                  <a:lnTo>
                    <a:pt x="147828" y="0"/>
                  </a:lnTo>
                  <a:close/>
                </a:path>
                <a:path w="483235" h="5080">
                  <a:moveTo>
                    <a:pt x="153924" y="0"/>
                  </a:moveTo>
                  <a:lnTo>
                    <a:pt x="150876" y="0"/>
                  </a:lnTo>
                  <a:lnTo>
                    <a:pt x="150876" y="4572"/>
                  </a:lnTo>
                  <a:lnTo>
                    <a:pt x="153924" y="4572"/>
                  </a:lnTo>
                  <a:lnTo>
                    <a:pt x="153924" y="0"/>
                  </a:lnTo>
                  <a:close/>
                </a:path>
                <a:path w="483235" h="5080">
                  <a:moveTo>
                    <a:pt x="161544" y="0"/>
                  </a:moveTo>
                  <a:lnTo>
                    <a:pt x="158496" y="0"/>
                  </a:lnTo>
                  <a:lnTo>
                    <a:pt x="158496" y="4572"/>
                  </a:lnTo>
                  <a:lnTo>
                    <a:pt x="161544" y="4572"/>
                  </a:lnTo>
                  <a:lnTo>
                    <a:pt x="161544" y="0"/>
                  </a:lnTo>
                  <a:close/>
                </a:path>
                <a:path w="483235" h="5080">
                  <a:moveTo>
                    <a:pt x="167627" y="0"/>
                  </a:moveTo>
                  <a:lnTo>
                    <a:pt x="164592" y="0"/>
                  </a:lnTo>
                  <a:lnTo>
                    <a:pt x="164592" y="4572"/>
                  </a:lnTo>
                  <a:lnTo>
                    <a:pt x="167627" y="4572"/>
                  </a:lnTo>
                  <a:lnTo>
                    <a:pt x="167627" y="0"/>
                  </a:lnTo>
                  <a:close/>
                </a:path>
                <a:path w="483235" h="5080">
                  <a:moveTo>
                    <a:pt x="175260" y="0"/>
                  </a:moveTo>
                  <a:lnTo>
                    <a:pt x="172212" y="0"/>
                  </a:lnTo>
                  <a:lnTo>
                    <a:pt x="172212" y="4572"/>
                  </a:lnTo>
                  <a:lnTo>
                    <a:pt x="175260" y="4572"/>
                  </a:lnTo>
                  <a:lnTo>
                    <a:pt x="175260" y="0"/>
                  </a:lnTo>
                  <a:close/>
                </a:path>
                <a:path w="483235" h="5080">
                  <a:moveTo>
                    <a:pt x="181356" y="0"/>
                  </a:moveTo>
                  <a:lnTo>
                    <a:pt x="178308" y="0"/>
                  </a:lnTo>
                  <a:lnTo>
                    <a:pt x="178308" y="4572"/>
                  </a:lnTo>
                  <a:lnTo>
                    <a:pt x="181356" y="4572"/>
                  </a:lnTo>
                  <a:lnTo>
                    <a:pt x="181356" y="0"/>
                  </a:lnTo>
                  <a:close/>
                </a:path>
                <a:path w="483235" h="5080">
                  <a:moveTo>
                    <a:pt x="188963" y="0"/>
                  </a:moveTo>
                  <a:lnTo>
                    <a:pt x="185928" y="0"/>
                  </a:lnTo>
                  <a:lnTo>
                    <a:pt x="185928" y="4572"/>
                  </a:lnTo>
                  <a:lnTo>
                    <a:pt x="188963" y="4572"/>
                  </a:lnTo>
                  <a:lnTo>
                    <a:pt x="188963" y="0"/>
                  </a:lnTo>
                  <a:close/>
                </a:path>
                <a:path w="483235" h="5080">
                  <a:moveTo>
                    <a:pt x="195072" y="0"/>
                  </a:moveTo>
                  <a:lnTo>
                    <a:pt x="192024" y="0"/>
                  </a:lnTo>
                  <a:lnTo>
                    <a:pt x="192024" y="4572"/>
                  </a:lnTo>
                  <a:lnTo>
                    <a:pt x="195072" y="4572"/>
                  </a:lnTo>
                  <a:lnTo>
                    <a:pt x="195072" y="0"/>
                  </a:lnTo>
                  <a:close/>
                </a:path>
                <a:path w="483235" h="5080">
                  <a:moveTo>
                    <a:pt x="202692" y="0"/>
                  </a:moveTo>
                  <a:lnTo>
                    <a:pt x="199644" y="0"/>
                  </a:lnTo>
                  <a:lnTo>
                    <a:pt x="199644" y="4572"/>
                  </a:lnTo>
                  <a:lnTo>
                    <a:pt x="202692" y="4572"/>
                  </a:lnTo>
                  <a:lnTo>
                    <a:pt x="202692" y="0"/>
                  </a:lnTo>
                  <a:close/>
                </a:path>
                <a:path w="483235" h="5080">
                  <a:moveTo>
                    <a:pt x="208775" y="0"/>
                  </a:moveTo>
                  <a:lnTo>
                    <a:pt x="205727" y="0"/>
                  </a:lnTo>
                  <a:lnTo>
                    <a:pt x="205727" y="4572"/>
                  </a:lnTo>
                  <a:lnTo>
                    <a:pt x="208775" y="4572"/>
                  </a:lnTo>
                  <a:lnTo>
                    <a:pt x="208775" y="0"/>
                  </a:lnTo>
                  <a:close/>
                </a:path>
                <a:path w="483235" h="5080">
                  <a:moveTo>
                    <a:pt x="216408" y="0"/>
                  </a:moveTo>
                  <a:lnTo>
                    <a:pt x="213360" y="0"/>
                  </a:lnTo>
                  <a:lnTo>
                    <a:pt x="213360" y="4572"/>
                  </a:lnTo>
                  <a:lnTo>
                    <a:pt x="216408" y="4572"/>
                  </a:lnTo>
                  <a:lnTo>
                    <a:pt x="216408" y="0"/>
                  </a:lnTo>
                  <a:close/>
                </a:path>
                <a:path w="483235" h="5080">
                  <a:moveTo>
                    <a:pt x="222504" y="0"/>
                  </a:moveTo>
                  <a:lnTo>
                    <a:pt x="219456" y="0"/>
                  </a:lnTo>
                  <a:lnTo>
                    <a:pt x="219456" y="4572"/>
                  </a:lnTo>
                  <a:lnTo>
                    <a:pt x="222504" y="4572"/>
                  </a:lnTo>
                  <a:lnTo>
                    <a:pt x="222504" y="0"/>
                  </a:lnTo>
                  <a:close/>
                </a:path>
                <a:path w="483235" h="5080">
                  <a:moveTo>
                    <a:pt x="230124" y="0"/>
                  </a:moveTo>
                  <a:lnTo>
                    <a:pt x="227063" y="0"/>
                  </a:lnTo>
                  <a:lnTo>
                    <a:pt x="227063" y="4572"/>
                  </a:lnTo>
                  <a:lnTo>
                    <a:pt x="230124" y="4572"/>
                  </a:lnTo>
                  <a:lnTo>
                    <a:pt x="230124" y="0"/>
                  </a:lnTo>
                  <a:close/>
                </a:path>
                <a:path w="483235" h="5080">
                  <a:moveTo>
                    <a:pt x="236220" y="0"/>
                  </a:moveTo>
                  <a:lnTo>
                    <a:pt x="233172" y="0"/>
                  </a:lnTo>
                  <a:lnTo>
                    <a:pt x="233172" y="4572"/>
                  </a:lnTo>
                  <a:lnTo>
                    <a:pt x="236220" y="4572"/>
                  </a:lnTo>
                  <a:lnTo>
                    <a:pt x="236220" y="0"/>
                  </a:lnTo>
                  <a:close/>
                </a:path>
                <a:path w="483235" h="5080">
                  <a:moveTo>
                    <a:pt x="243840" y="0"/>
                  </a:moveTo>
                  <a:lnTo>
                    <a:pt x="240792" y="0"/>
                  </a:lnTo>
                  <a:lnTo>
                    <a:pt x="240792" y="4572"/>
                  </a:lnTo>
                  <a:lnTo>
                    <a:pt x="243840" y="4572"/>
                  </a:lnTo>
                  <a:lnTo>
                    <a:pt x="243840" y="0"/>
                  </a:lnTo>
                  <a:close/>
                </a:path>
                <a:path w="483235" h="5080">
                  <a:moveTo>
                    <a:pt x="249936" y="0"/>
                  </a:moveTo>
                  <a:lnTo>
                    <a:pt x="246888" y="0"/>
                  </a:lnTo>
                  <a:lnTo>
                    <a:pt x="246888" y="4572"/>
                  </a:lnTo>
                  <a:lnTo>
                    <a:pt x="249936" y="4572"/>
                  </a:lnTo>
                  <a:lnTo>
                    <a:pt x="249936" y="0"/>
                  </a:lnTo>
                  <a:close/>
                </a:path>
                <a:path w="483235" h="5080">
                  <a:moveTo>
                    <a:pt x="257556" y="0"/>
                  </a:moveTo>
                  <a:lnTo>
                    <a:pt x="254508" y="0"/>
                  </a:lnTo>
                  <a:lnTo>
                    <a:pt x="254508" y="4572"/>
                  </a:lnTo>
                  <a:lnTo>
                    <a:pt x="257556" y="4572"/>
                  </a:lnTo>
                  <a:lnTo>
                    <a:pt x="257556" y="0"/>
                  </a:lnTo>
                  <a:close/>
                </a:path>
                <a:path w="483235" h="5080">
                  <a:moveTo>
                    <a:pt x="263652" y="0"/>
                  </a:moveTo>
                  <a:lnTo>
                    <a:pt x="260604" y="0"/>
                  </a:lnTo>
                  <a:lnTo>
                    <a:pt x="260604" y="4572"/>
                  </a:lnTo>
                  <a:lnTo>
                    <a:pt x="263652" y="4572"/>
                  </a:lnTo>
                  <a:lnTo>
                    <a:pt x="263652" y="0"/>
                  </a:lnTo>
                  <a:close/>
                </a:path>
                <a:path w="483235" h="5080">
                  <a:moveTo>
                    <a:pt x="271272" y="0"/>
                  </a:moveTo>
                  <a:lnTo>
                    <a:pt x="268224" y="0"/>
                  </a:lnTo>
                  <a:lnTo>
                    <a:pt x="268224" y="4572"/>
                  </a:lnTo>
                  <a:lnTo>
                    <a:pt x="271272" y="4572"/>
                  </a:lnTo>
                  <a:lnTo>
                    <a:pt x="271272" y="0"/>
                  </a:lnTo>
                  <a:close/>
                </a:path>
                <a:path w="483235" h="5080">
                  <a:moveTo>
                    <a:pt x="277368" y="0"/>
                  </a:moveTo>
                  <a:lnTo>
                    <a:pt x="274320" y="0"/>
                  </a:lnTo>
                  <a:lnTo>
                    <a:pt x="274320" y="4572"/>
                  </a:lnTo>
                  <a:lnTo>
                    <a:pt x="277368" y="4572"/>
                  </a:lnTo>
                  <a:lnTo>
                    <a:pt x="277368" y="0"/>
                  </a:lnTo>
                  <a:close/>
                </a:path>
                <a:path w="483235" h="5080">
                  <a:moveTo>
                    <a:pt x="284988" y="0"/>
                  </a:moveTo>
                  <a:lnTo>
                    <a:pt x="281940" y="0"/>
                  </a:lnTo>
                  <a:lnTo>
                    <a:pt x="281940" y="4572"/>
                  </a:lnTo>
                  <a:lnTo>
                    <a:pt x="284988" y="4572"/>
                  </a:lnTo>
                  <a:lnTo>
                    <a:pt x="284988" y="0"/>
                  </a:lnTo>
                  <a:close/>
                </a:path>
                <a:path w="483235" h="5080">
                  <a:moveTo>
                    <a:pt x="291084" y="0"/>
                  </a:moveTo>
                  <a:lnTo>
                    <a:pt x="288036" y="0"/>
                  </a:lnTo>
                  <a:lnTo>
                    <a:pt x="288036" y="4572"/>
                  </a:lnTo>
                  <a:lnTo>
                    <a:pt x="291084" y="4572"/>
                  </a:lnTo>
                  <a:lnTo>
                    <a:pt x="291084" y="0"/>
                  </a:lnTo>
                  <a:close/>
                </a:path>
                <a:path w="483235" h="5080">
                  <a:moveTo>
                    <a:pt x="298704" y="0"/>
                  </a:moveTo>
                  <a:lnTo>
                    <a:pt x="295656" y="0"/>
                  </a:lnTo>
                  <a:lnTo>
                    <a:pt x="295656" y="4572"/>
                  </a:lnTo>
                  <a:lnTo>
                    <a:pt x="298704" y="4572"/>
                  </a:lnTo>
                  <a:lnTo>
                    <a:pt x="298704" y="0"/>
                  </a:lnTo>
                  <a:close/>
                </a:path>
                <a:path w="483235" h="5080">
                  <a:moveTo>
                    <a:pt x="304800" y="0"/>
                  </a:moveTo>
                  <a:lnTo>
                    <a:pt x="301752" y="0"/>
                  </a:lnTo>
                  <a:lnTo>
                    <a:pt x="301752" y="4572"/>
                  </a:lnTo>
                  <a:lnTo>
                    <a:pt x="304800" y="4572"/>
                  </a:lnTo>
                  <a:lnTo>
                    <a:pt x="304800" y="0"/>
                  </a:lnTo>
                  <a:close/>
                </a:path>
                <a:path w="483235" h="5080">
                  <a:moveTo>
                    <a:pt x="312420" y="0"/>
                  </a:moveTo>
                  <a:lnTo>
                    <a:pt x="309372" y="0"/>
                  </a:lnTo>
                  <a:lnTo>
                    <a:pt x="309372" y="4572"/>
                  </a:lnTo>
                  <a:lnTo>
                    <a:pt x="312420" y="4572"/>
                  </a:lnTo>
                  <a:lnTo>
                    <a:pt x="312420" y="0"/>
                  </a:lnTo>
                  <a:close/>
                </a:path>
                <a:path w="483235" h="5080">
                  <a:moveTo>
                    <a:pt x="318516" y="0"/>
                  </a:moveTo>
                  <a:lnTo>
                    <a:pt x="315468" y="0"/>
                  </a:lnTo>
                  <a:lnTo>
                    <a:pt x="315468" y="4572"/>
                  </a:lnTo>
                  <a:lnTo>
                    <a:pt x="318516" y="4572"/>
                  </a:lnTo>
                  <a:lnTo>
                    <a:pt x="318516" y="0"/>
                  </a:lnTo>
                  <a:close/>
                </a:path>
                <a:path w="483235" h="5080">
                  <a:moveTo>
                    <a:pt x="326136" y="0"/>
                  </a:moveTo>
                  <a:lnTo>
                    <a:pt x="323088" y="0"/>
                  </a:lnTo>
                  <a:lnTo>
                    <a:pt x="323088" y="4572"/>
                  </a:lnTo>
                  <a:lnTo>
                    <a:pt x="326136" y="4572"/>
                  </a:lnTo>
                  <a:lnTo>
                    <a:pt x="326136" y="0"/>
                  </a:lnTo>
                  <a:close/>
                </a:path>
                <a:path w="483235" h="5080">
                  <a:moveTo>
                    <a:pt x="332232" y="0"/>
                  </a:moveTo>
                  <a:lnTo>
                    <a:pt x="329184" y="0"/>
                  </a:lnTo>
                  <a:lnTo>
                    <a:pt x="329184" y="4572"/>
                  </a:lnTo>
                  <a:lnTo>
                    <a:pt x="332232" y="4572"/>
                  </a:lnTo>
                  <a:lnTo>
                    <a:pt x="332232" y="0"/>
                  </a:lnTo>
                  <a:close/>
                </a:path>
                <a:path w="483235" h="5080">
                  <a:moveTo>
                    <a:pt x="339852" y="0"/>
                  </a:moveTo>
                  <a:lnTo>
                    <a:pt x="336804" y="0"/>
                  </a:lnTo>
                  <a:lnTo>
                    <a:pt x="336804" y="4572"/>
                  </a:lnTo>
                  <a:lnTo>
                    <a:pt x="339852" y="4572"/>
                  </a:lnTo>
                  <a:lnTo>
                    <a:pt x="339852" y="0"/>
                  </a:lnTo>
                  <a:close/>
                </a:path>
                <a:path w="483235" h="5080">
                  <a:moveTo>
                    <a:pt x="345948" y="0"/>
                  </a:moveTo>
                  <a:lnTo>
                    <a:pt x="342900" y="0"/>
                  </a:lnTo>
                  <a:lnTo>
                    <a:pt x="342900" y="4572"/>
                  </a:lnTo>
                  <a:lnTo>
                    <a:pt x="345948" y="4572"/>
                  </a:lnTo>
                  <a:lnTo>
                    <a:pt x="345948" y="0"/>
                  </a:lnTo>
                  <a:close/>
                </a:path>
                <a:path w="483235" h="5080">
                  <a:moveTo>
                    <a:pt x="353568" y="0"/>
                  </a:moveTo>
                  <a:lnTo>
                    <a:pt x="350520" y="0"/>
                  </a:lnTo>
                  <a:lnTo>
                    <a:pt x="350520" y="4572"/>
                  </a:lnTo>
                  <a:lnTo>
                    <a:pt x="353568" y="4572"/>
                  </a:lnTo>
                  <a:lnTo>
                    <a:pt x="353568" y="0"/>
                  </a:lnTo>
                  <a:close/>
                </a:path>
                <a:path w="483235" h="5080">
                  <a:moveTo>
                    <a:pt x="359664" y="0"/>
                  </a:moveTo>
                  <a:lnTo>
                    <a:pt x="356616" y="0"/>
                  </a:lnTo>
                  <a:lnTo>
                    <a:pt x="356616" y="4572"/>
                  </a:lnTo>
                  <a:lnTo>
                    <a:pt x="359664" y="4572"/>
                  </a:lnTo>
                  <a:lnTo>
                    <a:pt x="359664" y="0"/>
                  </a:lnTo>
                  <a:close/>
                </a:path>
                <a:path w="483235" h="5080">
                  <a:moveTo>
                    <a:pt x="367284" y="0"/>
                  </a:moveTo>
                  <a:lnTo>
                    <a:pt x="364236" y="0"/>
                  </a:lnTo>
                  <a:lnTo>
                    <a:pt x="364236" y="4572"/>
                  </a:lnTo>
                  <a:lnTo>
                    <a:pt x="367284" y="4572"/>
                  </a:lnTo>
                  <a:lnTo>
                    <a:pt x="367284" y="0"/>
                  </a:lnTo>
                  <a:close/>
                </a:path>
                <a:path w="483235" h="5080">
                  <a:moveTo>
                    <a:pt x="373380" y="0"/>
                  </a:moveTo>
                  <a:lnTo>
                    <a:pt x="370332" y="0"/>
                  </a:lnTo>
                  <a:lnTo>
                    <a:pt x="370332" y="4572"/>
                  </a:lnTo>
                  <a:lnTo>
                    <a:pt x="373380" y="4572"/>
                  </a:lnTo>
                  <a:lnTo>
                    <a:pt x="373380" y="0"/>
                  </a:lnTo>
                  <a:close/>
                </a:path>
                <a:path w="483235" h="5080">
                  <a:moveTo>
                    <a:pt x="381000" y="0"/>
                  </a:moveTo>
                  <a:lnTo>
                    <a:pt x="377952" y="0"/>
                  </a:lnTo>
                  <a:lnTo>
                    <a:pt x="377952" y="4572"/>
                  </a:lnTo>
                  <a:lnTo>
                    <a:pt x="381000" y="4572"/>
                  </a:lnTo>
                  <a:lnTo>
                    <a:pt x="381000" y="0"/>
                  </a:lnTo>
                  <a:close/>
                </a:path>
                <a:path w="483235" h="5080">
                  <a:moveTo>
                    <a:pt x="387096" y="0"/>
                  </a:moveTo>
                  <a:lnTo>
                    <a:pt x="384048" y="0"/>
                  </a:lnTo>
                  <a:lnTo>
                    <a:pt x="384048" y="4572"/>
                  </a:lnTo>
                  <a:lnTo>
                    <a:pt x="387096" y="4572"/>
                  </a:lnTo>
                  <a:lnTo>
                    <a:pt x="387096" y="0"/>
                  </a:lnTo>
                  <a:close/>
                </a:path>
                <a:path w="483235" h="5080">
                  <a:moveTo>
                    <a:pt x="394716" y="0"/>
                  </a:moveTo>
                  <a:lnTo>
                    <a:pt x="391668" y="0"/>
                  </a:lnTo>
                  <a:lnTo>
                    <a:pt x="391668" y="4572"/>
                  </a:lnTo>
                  <a:lnTo>
                    <a:pt x="394716" y="4572"/>
                  </a:lnTo>
                  <a:lnTo>
                    <a:pt x="394716" y="0"/>
                  </a:lnTo>
                  <a:close/>
                </a:path>
                <a:path w="483235" h="5080">
                  <a:moveTo>
                    <a:pt x="400812" y="0"/>
                  </a:moveTo>
                  <a:lnTo>
                    <a:pt x="397764" y="0"/>
                  </a:lnTo>
                  <a:lnTo>
                    <a:pt x="397764" y="4572"/>
                  </a:lnTo>
                  <a:lnTo>
                    <a:pt x="400812" y="4572"/>
                  </a:lnTo>
                  <a:lnTo>
                    <a:pt x="400812" y="0"/>
                  </a:lnTo>
                  <a:close/>
                </a:path>
                <a:path w="483235" h="5080">
                  <a:moveTo>
                    <a:pt x="408432" y="0"/>
                  </a:moveTo>
                  <a:lnTo>
                    <a:pt x="405384" y="0"/>
                  </a:lnTo>
                  <a:lnTo>
                    <a:pt x="405384" y="4572"/>
                  </a:lnTo>
                  <a:lnTo>
                    <a:pt x="408432" y="4572"/>
                  </a:lnTo>
                  <a:lnTo>
                    <a:pt x="408432" y="0"/>
                  </a:lnTo>
                  <a:close/>
                </a:path>
                <a:path w="483235" h="5080">
                  <a:moveTo>
                    <a:pt x="414528" y="0"/>
                  </a:moveTo>
                  <a:lnTo>
                    <a:pt x="411480" y="0"/>
                  </a:lnTo>
                  <a:lnTo>
                    <a:pt x="411480" y="4572"/>
                  </a:lnTo>
                  <a:lnTo>
                    <a:pt x="414528" y="4572"/>
                  </a:lnTo>
                  <a:lnTo>
                    <a:pt x="414528" y="0"/>
                  </a:lnTo>
                  <a:close/>
                </a:path>
                <a:path w="483235" h="5080">
                  <a:moveTo>
                    <a:pt x="422148" y="0"/>
                  </a:moveTo>
                  <a:lnTo>
                    <a:pt x="419100" y="0"/>
                  </a:lnTo>
                  <a:lnTo>
                    <a:pt x="419100" y="4572"/>
                  </a:lnTo>
                  <a:lnTo>
                    <a:pt x="422148" y="4572"/>
                  </a:lnTo>
                  <a:lnTo>
                    <a:pt x="422148" y="0"/>
                  </a:lnTo>
                  <a:close/>
                </a:path>
                <a:path w="483235" h="5080">
                  <a:moveTo>
                    <a:pt x="428244" y="0"/>
                  </a:moveTo>
                  <a:lnTo>
                    <a:pt x="425196" y="0"/>
                  </a:lnTo>
                  <a:lnTo>
                    <a:pt x="425196" y="4572"/>
                  </a:lnTo>
                  <a:lnTo>
                    <a:pt x="428244" y="4572"/>
                  </a:lnTo>
                  <a:lnTo>
                    <a:pt x="428244" y="0"/>
                  </a:lnTo>
                  <a:close/>
                </a:path>
                <a:path w="483235" h="5080">
                  <a:moveTo>
                    <a:pt x="435864" y="0"/>
                  </a:moveTo>
                  <a:lnTo>
                    <a:pt x="431292" y="0"/>
                  </a:lnTo>
                  <a:lnTo>
                    <a:pt x="431292" y="4572"/>
                  </a:lnTo>
                  <a:lnTo>
                    <a:pt x="435864" y="4572"/>
                  </a:lnTo>
                  <a:lnTo>
                    <a:pt x="435864" y="0"/>
                  </a:lnTo>
                  <a:close/>
                </a:path>
                <a:path w="483235" h="5080">
                  <a:moveTo>
                    <a:pt x="441960" y="0"/>
                  </a:moveTo>
                  <a:lnTo>
                    <a:pt x="438912" y="0"/>
                  </a:lnTo>
                  <a:lnTo>
                    <a:pt x="438912" y="4572"/>
                  </a:lnTo>
                  <a:lnTo>
                    <a:pt x="441960" y="4572"/>
                  </a:lnTo>
                  <a:lnTo>
                    <a:pt x="441960" y="0"/>
                  </a:lnTo>
                  <a:close/>
                </a:path>
                <a:path w="483235" h="5080">
                  <a:moveTo>
                    <a:pt x="449580" y="0"/>
                  </a:moveTo>
                  <a:lnTo>
                    <a:pt x="445008" y="0"/>
                  </a:lnTo>
                  <a:lnTo>
                    <a:pt x="445008" y="4572"/>
                  </a:lnTo>
                  <a:lnTo>
                    <a:pt x="449580" y="4572"/>
                  </a:lnTo>
                  <a:lnTo>
                    <a:pt x="449580" y="0"/>
                  </a:lnTo>
                  <a:close/>
                </a:path>
                <a:path w="483235" h="5080">
                  <a:moveTo>
                    <a:pt x="455676" y="0"/>
                  </a:moveTo>
                  <a:lnTo>
                    <a:pt x="452628" y="0"/>
                  </a:lnTo>
                  <a:lnTo>
                    <a:pt x="452628" y="4572"/>
                  </a:lnTo>
                  <a:lnTo>
                    <a:pt x="455676" y="4572"/>
                  </a:lnTo>
                  <a:lnTo>
                    <a:pt x="455676" y="0"/>
                  </a:lnTo>
                  <a:close/>
                </a:path>
                <a:path w="483235" h="5080">
                  <a:moveTo>
                    <a:pt x="463296" y="0"/>
                  </a:moveTo>
                  <a:lnTo>
                    <a:pt x="458724" y="0"/>
                  </a:lnTo>
                  <a:lnTo>
                    <a:pt x="458724" y="4572"/>
                  </a:lnTo>
                  <a:lnTo>
                    <a:pt x="463296" y="4572"/>
                  </a:lnTo>
                  <a:lnTo>
                    <a:pt x="463296" y="0"/>
                  </a:lnTo>
                  <a:close/>
                </a:path>
                <a:path w="483235" h="5080">
                  <a:moveTo>
                    <a:pt x="469392" y="0"/>
                  </a:moveTo>
                  <a:lnTo>
                    <a:pt x="466344" y="0"/>
                  </a:lnTo>
                  <a:lnTo>
                    <a:pt x="466344" y="4572"/>
                  </a:lnTo>
                  <a:lnTo>
                    <a:pt x="469392" y="4572"/>
                  </a:lnTo>
                  <a:lnTo>
                    <a:pt x="469392" y="0"/>
                  </a:lnTo>
                  <a:close/>
                </a:path>
                <a:path w="483235" h="5080">
                  <a:moveTo>
                    <a:pt x="477012" y="0"/>
                  </a:moveTo>
                  <a:lnTo>
                    <a:pt x="472440" y="0"/>
                  </a:lnTo>
                  <a:lnTo>
                    <a:pt x="472440" y="4572"/>
                  </a:lnTo>
                  <a:lnTo>
                    <a:pt x="477012" y="4572"/>
                  </a:lnTo>
                  <a:lnTo>
                    <a:pt x="477012" y="0"/>
                  </a:lnTo>
                  <a:close/>
                </a:path>
                <a:path w="483235"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40" name="object 140"/>
            <p:cNvSpPr/>
            <p:nvPr/>
          </p:nvSpPr>
          <p:spPr>
            <a:xfrm>
              <a:off x="3579876" y="1726691"/>
              <a:ext cx="818515" cy="5080"/>
            </a:xfrm>
            <a:custGeom>
              <a:avLst/>
              <a:gdLst/>
              <a:ahLst/>
              <a:cxnLst/>
              <a:rect l="l" t="t" r="r" b="b"/>
              <a:pathLst>
                <a:path w="818514" h="5080">
                  <a:moveTo>
                    <a:pt x="3048" y="0"/>
                  </a:moveTo>
                  <a:lnTo>
                    <a:pt x="0" y="0"/>
                  </a:lnTo>
                  <a:lnTo>
                    <a:pt x="0" y="4572"/>
                  </a:lnTo>
                  <a:lnTo>
                    <a:pt x="3048" y="4572"/>
                  </a:lnTo>
                  <a:lnTo>
                    <a:pt x="3048" y="0"/>
                  </a:lnTo>
                  <a:close/>
                </a:path>
                <a:path w="818514" h="5080">
                  <a:moveTo>
                    <a:pt x="10668" y="0"/>
                  </a:moveTo>
                  <a:lnTo>
                    <a:pt x="6096" y="0"/>
                  </a:lnTo>
                  <a:lnTo>
                    <a:pt x="6096" y="4572"/>
                  </a:lnTo>
                  <a:lnTo>
                    <a:pt x="10668" y="4572"/>
                  </a:lnTo>
                  <a:lnTo>
                    <a:pt x="10668" y="0"/>
                  </a:lnTo>
                  <a:close/>
                </a:path>
                <a:path w="818514" h="5080">
                  <a:moveTo>
                    <a:pt x="16764" y="0"/>
                  </a:moveTo>
                  <a:lnTo>
                    <a:pt x="13716" y="0"/>
                  </a:lnTo>
                  <a:lnTo>
                    <a:pt x="13716" y="4572"/>
                  </a:lnTo>
                  <a:lnTo>
                    <a:pt x="16764" y="4572"/>
                  </a:lnTo>
                  <a:lnTo>
                    <a:pt x="16764" y="0"/>
                  </a:lnTo>
                  <a:close/>
                </a:path>
                <a:path w="818514" h="5080">
                  <a:moveTo>
                    <a:pt x="24384" y="0"/>
                  </a:moveTo>
                  <a:lnTo>
                    <a:pt x="19812" y="0"/>
                  </a:lnTo>
                  <a:lnTo>
                    <a:pt x="19812" y="4572"/>
                  </a:lnTo>
                  <a:lnTo>
                    <a:pt x="24384" y="4572"/>
                  </a:lnTo>
                  <a:lnTo>
                    <a:pt x="24384" y="0"/>
                  </a:lnTo>
                  <a:close/>
                </a:path>
                <a:path w="818514" h="5080">
                  <a:moveTo>
                    <a:pt x="30480" y="0"/>
                  </a:moveTo>
                  <a:lnTo>
                    <a:pt x="27432" y="0"/>
                  </a:lnTo>
                  <a:lnTo>
                    <a:pt x="27432" y="4572"/>
                  </a:lnTo>
                  <a:lnTo>
                    <a:pt x="30480" y="4572"/>
                  </a:lnTo>
                  <a:lnTo>
                    <a:pt x="30480" y="0"/>
                  </a:lnTo>
                  <a:close/>
                </a:path>
                <a:path w="818514" h="5080">
                  <a:moveTo>
                    <a:pt x="38100" y="0"/>
                  </a:moveTo>
                  <a:lnTo>
                    <a:pt x="33528" y="0"/>
                  </a:lnTo>
                  <a:lnTo>
                    <a:pt x="33528" y="4572"/>
                  </a:lnTo>
                  <a:lnTo>
                    <a:pt x="38100" y="4572"/>
                  </a:lnTo>
                  <a:lnTo>
                    <a:pt x="38100" y="0"/>
                  </a:lnTo>
                  <a:close/>
                </a:path>
                <a:path w="818514" h="5080">
                  <a:moveTo>
                    <a:pt x="44196" y="0"/>
                  </a:moveTo>
                  <a:lnTo>
                    <a:pt x="41148" y="0"/>
                  </a:lnTo>
                  <a:lnTo>
                    <a:pt x="41148" y="4572"/>
                  </a:lnTo>
                  <a:lnTo>
                    <a:pt x="44196" y="4572"/>
                  </a:lnTo>
                  <a:lnTo>
                    <a:pt x="44196" y="0"/>
                  </a:lnTo>
                  <a:close/>
                </a:path>
                <a:path w="818514" h="5080">
                  <a:moveTo>
                    <a:pt x="51816" y="0"/>
                  </a:moveTo>
                  <a:lnTo>
                    <a:pt x="47244" y="0"/>
                  </a:lnTo>
                  <a:lnTo>
                    <a:pt x="47244" y="4572"/>
                  </a:lnTo>
                  <a:lnTo>
                    <a:pt x="51816" y="4572"/>
                  </a:lnTo>
                  <a:lnTo>
                    <a:pt x="51816" y="0"/>
                  </a:lnTo>
                  <a:close/>
                </a:path>
                <a:path w="818514" h="5080">
                  <a:moveTo>
                    <a:pt x="57912" y="0"/>
                  </a:moveTo>
                  <a:lnTo>
                    <a:pt x="54864" y="0"/>
                  </a:lnTo>
                  <a:lnTo>
                    <a:pt x="54864" y="4572"/>
                  </a:lnTo>
                  <a:lnTo>
                    <a:pt x="57912" y="4572"/>
                  </a:lnTo>
                  <a:lnTo>
                    <a:pt x="57912" y="0"/>
                  </a:lnTo>
                  <a:close/>
                </a:path>
                <a:path w="818514" h="5080">
                  <a:moveTo>
                    <a:pt x="65532" y="0"/>
                  </a:moveTo>
                  <a:lnTo>
                    <a:pt x="60960" y="0"/>
                  </a:lnTo>
                  <a:lnTo>
                    <a:pt x="60960" y="4572"/>
                  </a:lnTo>
                  <a:lnTo>
                    <a:pt x="65532" y="4572"/>
                  </a:lnTo>
                  <a:lnTo>
                    <a:pt x="65532" y="0"/>
                  </a:lnTo>
                  <a:close/>
                </a:path>
                <a:path w="818514" h="5080">
                  <a:moveTo>
                    <a:pt x="71628" y="0"/>
                  </a:moveTo>
                  <a:lnTo>
                    <a:pt x="68580" y="0"/>
                  </a:lnTo>
                  <a:lnTo>
                    <a:pt x="68580" y="4572"/>
                  </a:lnTo>
                  <a:lnTo>
                    <a:pt x="71628" y="4572"/>
                  </a:lnTo>
                  <a:lnTo>
                    <a:pt x="71628" y="0"/>
                  </a:lnTo>
                  <a:close/>
                </a:path>
                <a:path w="818514" h="5080">
                  <a:moveTo>
                    <a:pt x="79248" y="0"/>
                  </a:moveTo>
                  <a:lnTo>
                    <a:pt x="74676" y="0"/>
                  </a:lnTo>
                  <a:lnTo>
                    <a:pt x="74676" y="4572"/>
                  </a:lnTo>
                  <a:lnTo>
                    <a:pt x="79248" y="4572"/>
                  </a:lnTo>
                  <a:lnTo>
                    <a:pt x="79248" y="0"/>
                  </a:lnTo>
                  <a:close/>
                </a:path>
                <a:path w="818514" h="5080">
                  <a:moveTo>
                    <a:pt x="85344" y="0"/>
                  </a:moveTo>
                  <a:lnTo>
                    <a:pt x="82296" y="0"/>
                  </a:lnTo>
                  <a:lnTo>
                    <a:pt x="82296" y="4572"/>
                  </a:lnTo>
                  <a:lnTo>
                    <a:pt x="85344" y="4572"/>
                  </a:lnTo>
                  <a:lnTo>
                    <a:pt x="85344" y="0"/>
                  </a:lnTo>
                  <a:close/>
                </a:path>
                <a:path w="818514" h="5080">
                  <a:moveTo>
                    <a:pt x="92964" y="0"/>
                  </a:moveTo>
                  <a:lnTo>
                    <a:pt x="88392" y="0"/>
                  </a:lnTo>
                  <a:lnTo>
                    <a:pt x="88392" y="4572"/>
                  </a:lnTo>
                  <a:lnTo>
                    <a:pt x="92964" y="4572"/>
                  </a:lnTo>
                  <a:lnTo>
                    <a:pt x="92964" y="0"/>
                  </a:lnTo>
                  <a:close/>
                </a:path>
                <a:path w="818514" h="5080">
                  <a:moveTo>
                    <a:pt x="99060" y="0"/>
                  </a:moveTo>
                  <a:lnTo>
                    <a:pt x="96012" y="0"/>
                  </a:lnTo>
                  <a:lnTo>
                    <a:pt x="96012" y="4572"/>
                  </a:lnTo>
                  <a:lnTo>
                    <a:pt x="99060" y="4572"/>
                  </a:lnTo>
                  <a:lnTo>
                    <a:pt x="99060" y="0"/>
                  </a:lnTo>
                  <a:close/>
                </a:path>
                <a:path w="818514" h="5080">
                  <a:moveTo>
                    <a:pt x="106680" y="0"/>
                  </a:moveTo>
                  <a:lnTo>
                    <a:pt x="102108" y="0"/>
                  </a:lnTo>
                  <a:lnTo>
                    <a:pt x="102108" y="4572"/>
                  </a:lnTo>
                  <a:lnTo>
                    <a:pt x="106680" y="4572"/>
                  </a:lnTo>
                  <a:lnTo>
                    <a:pt x="106680" y="0"/>
                  </a:lnTo>
                  <a:close/>
                </a:path>
                <a:path w="818514" h="5080">
                  <a:moveTo>
                    <a:pt x="112776" y="0"/>
                  </a:moveTo>
                  <a:lnTo>
                    <a:pt x="109728" y="0"/>
                  </a:lnTo>
                  <a:lnTo>
                    <a:pt x="109728" y="4572"/>
                  </a:lnTo>
                  <a:lnTo>
                    <a:pt x="112776" y="4572"/>
                  </a:lnTo>
                  <a:lnTo>
                    <a:pt x="112776" y="0"/>
                  </a:lnTo>
                  <a:close/>
                </a:path>
                <a:path w="818514" h="5080">
                  <a:moveTo>
                    <a:pt x="120396" y="0"/>
                  </a:moveTo>
                  <a:lnTo>
                    <a:pt x="115824" y="0"/>
                  </a:lnTo>
                  <a:lnTo>
                    <a:pt x="115824" y="4572"/>
                  </a:lnTo>
                  <a:lnTo>
                    <a:pt x="120396" y="4572"/>
                  </a:lnTo>
                  <a:lnTo>
                    <a:pt x="120396" y="0"/>
                  </a:lnTo>
                  <a:close/>
                </a:path>
                <a:path w="818514" h="5080">
                  <a:moveTo>
                    <a:pt x="126492" y="0"/>
                  </a:moveTo>
                  <a:lnTo>
                    <a:pt x="123444" y="0"/>
                  </a:lnTo>
                  <a:lnTo>
                    <a:pt x="123444" y="4572"/>
                  </a:lnTo>
                  <a:lnTo>
                    <a:pt x="126492" y="4572"/>
                  </a:lnTo>
                  <a:lnTo>
                    <a:pt x="126492" y="0"/>
                  </a:lnTo>
                  <a:close/>
                </a:path>
                <a:path w="818514" h="5080">
                  <a:moveTo>
                    <a:pt x="134112" y="0"/>
                  </a:moveTo>
                  <a:lnTo>
                    <a:pt x="129540" y="0"/>
                  </a:lnTo>
                  <a:lnTo>
                    <a:pt x="129540" y="4572"/>
                  </a:lnTo>
                  <a:lnTo>
                    <a:pt x="134112" y="4572"/>
                  </a:lnTo>
                  <a:lnTo>
                    <a:pt x="134112" y="0"/>
                  </a:lnTo>
                  <a:close/>
                </a:path>
                <a:path w="818514" h="5080">
                  <a:moveTo>
                    <a:pt x="140208" y="0"/>
                  </a:moveTo>
                  <a:lnTo>
                    <a:pt x="137160" y="0"/>
                  </a:lnTo>
                  <a:lnTo>
                    <a:pt x="137160" y="4572"/>
                  </a:lnTo>
                  <a:lnTo>
                    <a:pt x="140208" y="4572"/>
                  </a:lnTo>
                  <a:lnTo>
                    <a:pt x="140208" y="0"/>
                  </a:lnTo>
                  <a:close/>
                </a:path>
                <a:path w="818514" h="5080">
                  <a:moveTo>
                    <a:pt x="147828" y="0"/>
                  </a:moveTo>
                  <a:lnTo>
                    <a:pt x="143256" y="0"/>
                  </a:lnTo>
                  <a:lnTo>
                    <a:pt x="143256" y="4572"/>
                  </a:lnTo>
                  <a:lnTo>
                    <a:pt x="147828" y="4572"/>
                  </a:lnTo>
                  <a:lnTo>
                    <a:pt x="147828" y="0"/>
                  </a:lnTo>
                  <a:close/>
                </a:path>
                <a:path w="818514" h="5080">
                  <a:moveTo>
                    <a:pt x="153924" y="0"/>
                  </a:moveTo>
                  <a:lnTo>
                    <a:pt x="150876" y="0"/>
                  </a:lnTo>
                  <a:lnTo>
                    <a:pt x="150876" y="4572"/>
                  </a:lnTo>
                  <a:lnTo>
                    <a:pt x="153924" y="4572"/>
                  </a:lnTo>
                  <a:lnTo>
                    <a:pt x="153924" y="0"/>
                  </a:lnTo>
                  <a:close/>
                </a:path>
                <a:path w="818514" h="5080">
                  <a:moveTo>
                    <a:pt x="161544" y="0"/>
                  </a:moveTo>
                  <a:lnTo>
                    <a:pt x="156972" y="0"/>
                  </a:lnTo>
                  <a:lnTo>
                    <a:pt x="156972" y="4572"/>
                  </a:lnTo>
                  <a:lnTo>
                    <a:pt x="161544" y="4572"/>
                  </a:lnTo>
                  <a:lnTo>
                    <a:pt x="161544" y="0"/>
                  </a:lnTo>
                  <a:close/>
                </a:path>
                <a:path w="818514" h="5080">
                  <a:moveTo>
                    <a:pt x="167640" y="0"/>
                  </a:moveTo>
                  <a:lnTo>
                    <a:pt x="164592" y="0"/>
                  </a:lnTo>
                  <a:lnTo>
                    <a:pt x="164592" y="4572"/>
                  </a:lnTo>
                  <a:lnTo>
                    <a:pt x="167640" y="4572"/>
                  </a:lnTo>
                  <a:lnTo>
                    <a:pt x="167640" y="0"/>
                  </a:lnTo>
                  <a:close/>
                </a:path>
                <a:path w="818514" h="5080">
                  <a:moveTo>
                    <a:pt x="175260" y="0"/>
                  </a:moveTo>
                  <a:lnTo>
                    <a:pt x="170688" y="0"/>
                  </a:lnTo>
                  <a:lnTo>
                    <a:pt x="170688" y="4572"/>
                  </a:lnTo>
                  <a:lnTo>
                    <a:pt x="175260" y="4572"/>
                  </a:lnTo>
                  <a:lnTo>
                    <a:pt x="175260" y="0"/>
                  </a:lnTo>
                  <a:close/>
                </a:path>
                <a:path w="818514" h="5080">
                  <a:moveTo>
                    <a:pt x="181356" y="0"/>
                  </a:moveTo>
                  <a:lnTo>
                    <a:pt x="178308" y="0"/>
                  </a:lnTo>
                  <a:lnTo>
                    <a:pt x="178308" y="4572"/>
                  </a:lnTo>
                  <a:lnTo>
                    <a:pt x="181356" y="4572"/>
                  </a:lnTo>
                  <a:lnTo>
                    <a:pt x="181356" y="0"/>
                  </a:lnTo>
                  <a:close/>
                </a:path>
                <a:path w="818514" h="5080">
                  <a:moveTo>
                    <a:pt x="353568" y="0"/>
                  </a:moveTo>
                  <a:lnTo>
                    <a:pt x="352044" y="0"/>
                  </a:lnTo>
                  <a:lnTo>
                    <a:pt x="352044" y="4572"/>
                  </a:lnTo>
                  <a:lnTo>
                    <a:pt x="353568" y="4572"/>
                  </a:lnTo>
                  <a:lnTo>
                    <a:pt x="353568" y="0"/>
                  </a:lnTo>
                  <a:close/>
                </a:path>
                <a:path w="818514" h="5080">
                  <a:moveTo>
                    <a:pt x="359664" y="0"/>
                  </a:moveTo>
                  <a:lnTo>
                    <a:pt x="356616" y="0"/>
                  </a:lnTo>
                  <a:lnTo>
                    <a:pt x="356616" y="4572"/>
                  </a:lnTo>
                  <a:lnTo>
                    <a:pt x="359664" y="4572"/>
                  </a:lnTo>
                  <a:lnTo>
                    <a:pt x="359664" y="0"/>
                  </a:lnTo>
                  <a:close/>
                </a:path>
                <a:path w="818514" h="5080">
                  <a:moveTo>
                    <a:pt x="367284" y="0"/>
                  </a:moveTo>
                  <a:lnTo>
                    <a:pt x="362712" y="0"/>
                  </a:lnTo>
                  <a:lnTo>
                    <a:pt x="362712" y="4572"/>
                  </a:lnTo>
                  <a:lnTo>
                    <a:pt x="367284" y="4572"/>
                  </a:lnTo>
                  <a:lnTo>
                    <a:pt x="367284" y="0"/>
                  </a:lnTo>
                  <a:close/>
                </a:path>
                <a:path w="818514" h="5080">
                  <a:moveTo>
                    <a:pt x="373380" y="0"/>
                  </a:moveTo>
                  <a:lnTo>
                    <a:pt x="370332" y="0"/>
                  </a:lnTo>
                  <a:lnTo>
                    <a:pt x="370332" y="4572"/>
                  </a:lnTo>
                  <a:lnTo>
                    <a:pt x="373380" y="4572"/>
                  </a:lnTo>
                  <a:lnTo>
                    <a:pt x="373380" y="0"/>
                  </a:lnTo>
                  <a:close/>
                </a:path>
                <a:path w="818514" h="5080">
                  <a:moveTo>
                    <a:pt x="381000" y="0"/>
                  </a:moveTo>
                  <a:lnTo>
                    <a:pt x="376428" y="0"/>
                  </a:lnTo>
                  <a:lnTo>
                    <a:pt x="376428" y="4572"/>
                  </a:lnTo>
                  <a:lnTo>
                    <a:pt x="381000" y="4572"/>
                  </a:lnTo>
                  <a:lnTo>
                    <a:pt x="381000" y="0"/>
                  </a:lnTo>
                  <a:close/>
                </a:path>
                <a:path w="818514" h="5080">
                  <a:moveTo>
                    <a:pt x="387096" y="0"/>
                  </a:moveTo>
                  <a:lnTo>
                    <a:pt x="384048" y="0"/>
                  </a:lnTo>
                  <a:lnTo>
                    <a:pt x="384048" y="4572"/>
                  </a:lnTo>
                  <a:lnTo>
                    <a:pt x="387096" y="4572"/>
                  </a:lnTo>
                  <a:lnTo>
                    <a:pt x="387096" y="0"/>
                  </a:lnTo>
                  <a:close/>
                </a:path>
                <a:path w="818514" h="5080">
                  <a:moveTo>
                    <a:pt x="394716" y="0"/>
                  </a:moveTo>
                  <a:lnTo>
                    <a:pt x="390144" y="0"/>
                  </a:lnTo>
                  <a:lnTo>
                    <a:pt x="390144" y="4572"/>
                  </a:lnTo>
                  <a:lnTo>
                    <a:pt x="394716" y="4572"/>
                  </a:lnTo>
                  <a:lnTo>
                    <a:pt x="394716" y="0"/>
                  </a:lnTo>
                  <a:close/>
                </a:path>
                <a:path w="818514" h="5080">
                  <a:moveTo>
                    <a:pt x="400812" y="0"/>
                  </a:moveTo>
                  <a:lnTo>
                    <a:pt x="397764" y="0"/>
                  </a:lnTo>
                  <a:lnTo>
                    <a:pt x="397764" y="4572"/>
                  </a:lnTo>
                  <a:lnTo>
                    <a:pt x="400812" y="4572"/>
                  </a:lnTo>
                  <a:lnTo>
                    <a:pt x="400812" y="0"/>
                  </a:lnTo>
                  <a:close/>
                </a:path>
                <a:path w="818514" h="5080">
                  <a:moveTo>
                    <a:pt x="408432" y="0"/>
                  </a:moveTo>
                  <a:lnTo>
                    <a:pt x="403860" y="0"/>
                  </a:lnTo>
                  <a:lnTo>
                    <a:pt x="403860" y="4572"/>
                  </a:lnTo>
                  <a:lnTo>
                    <a:pt x="408432" y="4572"/>
                  </a:lnTo>
                  <a:lnTo>
                    <a:pt x="408432" y="0"/>
                  </a:lnTo>
                  <a:close/>
                </a:path>
                <a:path w="818514" h="5080">
                  <a:moveTo>
                    <a:pt x="414528" y="0"/>
                  </a:moveTo>
                  <a:lnTo>
                    <a:pt x="411480" y="0"/>
                  </a:lnTo>
                  <a:lnTo>
                    <a:pt x="411480" y="4572"/>
                  </a:lnTo>
                  <a:lnTo>
                    <a:pt x="414528" y="4572"/>
                  </a:lnTo>
                  <a:lnTo>
                    <a:pt x="414528" y="0"/>
                  </a:lnTo>
                  <a:close/>
                </a:path>
                <a:path w="818514" h="5080">
                  <a:moveTo>
                    <a:pt x="422148" y="0"/>
                  </a:moveTo>
                  <a:lnTo>
                    <a:pt x="417576" y="0"/>
                  </a:lnTo>
                  <a:lnTo>
                    <a:pt x="417576" y="4572"/>
                  </a:lnTo>
                  <a:lnTo>
                    <a:pt x="422148" y="4572"/>
                  </a:lnTo>
                  <a:lnTo>
                    <a:pt x="422148" y="0"/>
                  </a:lnTo>
                  <a:close/>
                </a:path>
                <a:path w="818514" h="5080">
                  <a:moveTo>
                    <a:pt x="428244" y="0"/>
                  </a:moveTo>
                  <a:lnTo>
                    <a:pt x="425196" y="0"/>
                  </a:lnTo>
                  <a:lnTo>
                    <a:pt x="425196" y="4572"/>
                  </a:lnTo>
                  <a:lnTo>
                    <a:pt x="428244" y="4572"/>
                  </a:lnTo>
                  <a:lnTo>
                    <a:pt x="428244" y="0"/>
                  </a:lnTo>
                  <a:close/>
                </a:path>
                <a:path w="818514" h="5080">
                  <a:moveTo>
                    <a:pt x="435864" y="0"/>
                  </a:moveTo>
                  <a:lnTo>
                    <a:pt x="431292" y="0"/>
                  </a:lnTo>
                  <a:lnTo>
                    <a:pt x="431292" y="4572"/>
                  </a:lnTo>
                  <a:lnTo>
                    <a:pt x="435864" y="4572"/>
                  </a:lnTo>
                  <a:lnTo>
                    <a:pt x="435864" y="0"/>
                  </a:lnTo>
                  <a:close/>
                </a:path>
                <a:path w="818514" h="5080">
                  <a:moveTo>
                    <a:pt x="441960" y="0"/>
                  </a:moveTo>
                  <a:lnTo>
                    <a:pt x="438912" y="0"/>
                  </a:lnTo>
                  <a:lnTo>
                    <a:pt x="438912" y="4572"/>
                  </a:lnTo>
                  <a:lnTo>
                    <a:pt x="441960" y="4572"/>
                  </a:lnTo>
                  <a:lnTo>
                    <a:pt x="441960" y="0"/>
                  </a:lnTo>
                  <a:close/>
                </a:path>
                <a:path w="818514" h="5080">
                  <a:moveTo>
                    <a:pt x="449580" y="0"/>
                  </a:moveTo>
                  <a:lnTo>
                    <a:pt x="445008" y="0"/>
                  </a:lnTo>
                  <a:lnTo>
                    <a:pt x="445008" y="4572"/>
                  </a:lnTo>
                  <a:lnTo>
                    <a:pt x="449580" y="4572"/>
                  </a:lnTo>
                  <a:lnTo>
                    <a:pt x="449580" y="0"/>
                  </a:lnTo>
                  <a:close/>
                </a:path>
                <a:path w="818514" h="5080">
                  <a:moveTo>
                    <a:pt x="455676" y="0"/>
                  </a:moveTo>
                  <a:lnTo>
                    <a:pt x="452628" y="0"/>
                  </a:lnTo>
                  <a:lnTo>
                    <a:pt x="452628" y="4572"/>
                  </a:lnTo>
                  <a:lnTo>
                    <a:pt x="455676" y="4572"/>
                  </a:lnTo>
                  <a:lnTo>
                    <a:pt x="455676" y="0"/>
                  </a:lnTo>
                  <a:close/>
                </a:path>
                <a:path w="818514" h="5080">
                  <a:moveTo>
                    <a:pt x="463296" y="0"/>
                  </a:moveTo>
                  <a:lnTo>
                    <a:pt x="458724" y="0"/>
                  </a:lnTo>
                  <a:lnTo>
                    <a:pt x="458724" y="4572"/>
                  </a:lnTo>
                  <a:lnTo>
                    <a:pt x="463296" y="4572"/>
                  </a:lnTo>
                  <a:lnTo>
                    <a:pt x="463296" y="0"/>
                  </a:lnTo>
                  <a:close/>
                </a:path>
                <a:path w="818514" h="5080">
                  <a:moveTo>
                    <a:pt x="469392" y="0"/>
                  </a:moveTo>
                  <a:lnTo>
                    <a:pt x="466344" y="0"/>
                  </a:lnTo>
                  <a:lnTo>
                    <a:pt x="466344" y="4572"/>
                  </a:lnTo>
                  <a:lnTo>
                    <a:pt x="469392" y="4572"/>
                  </a:lnTo>
                  <a:lnTo>
                    <a:pt x="469392" y="0"/>
                  </a:lnTo>
                  <a:close/>
                </a:path>
                <a:path w="818514" h="5080">
                  <a:moveTo>
                    <a:pt x="477012" y="0"/>
                  </a:moveTo>
                  <a:lnTo>
                    <a:pt x="472440" y="0"/>
                  </a:lnTo>
                  <a:lnTo>
                    <a:pt x="472440" y="4572"/>
                  </a:lnTo>
                  <a:lnTo>
                    <a:pt x="477012" y="4572"/>
                  </a:lnTo>
                  <a:lnTo>
                    <a:pt x="477012" y="0"/>
                  </a:lnTo>
                  <a:close/>
                </a:path>
                <a:path w="818514" h="5080">
                  <a:moveTo>
                    <a:pt x="483108" y="0"/>
                  </a:moveTo>
                  <a:lnTo>
                    <a:pt x="480060" y="0"/>
                  </a:lnTo>
                  <a:lnTo>
                    <a:pt x="480060" y="4572"/>
                  </a:lnTo>
                  <a:lnTo>
                    <a:pt x="483108" y="4572"/>
                  </a:lnTo>
                  <a:lnTo>
                    <a:pt x="483108" y="0"/>
                  </a:lnTo>
                  <a:close/>
                </a:path>
                <a:path w="818514" h="5080">
                  <a:moveTo>
                    <a:pt x="490728" y="0"/>
                  </a:moveTo>
                  <a:lnTo>
                    <a:pt x="486156" y="0"/>
                  </a:lnTo>
                  <a:lnTo>
                    <a:pt x="486156" y="4572"/>
                  </a:lnTo>
                  <a:lnTo>
                    <a:pt x="490728" y="4572"/>
                  </a:lnTo>
                  <a:lnTo>
                    <a:pt x="490728" y="0"/>
                  </a:lnTo>
                  <a:close/>
                </a:path>
                <a:path w="818514" h="5080">
                  <a:moveTo>
                    <a:pt x="496824" y="0"/>
                  </a:moveTo>
                  <a:lnTo>
                    <a:pt x="493776" y="0"/>
                  </a:lnTo>
                  <a:lnTo>
                    <a:pt x="493776" y="4572"/>
                  </a:lnTo>
                  <a:lnTo>
                    <a:pt x="496824" y="4572"/>
                  </a:lnTo>
                  <a:lnTo>
                    <a:pt x="496824" y="0"/>
                  </a:lnTo>
                  <a:close/>
                </a:path>
                <a:path w="818514" h="5080">
                  <a:moveTo>
                    <a:pt x="504444" y="0"/>
                  </a:moveTo>
                  <a:lnTo>
                    <a:pt x="499872" y="0"/>
                  </a:lnTo>
                  <a:lnTo>
                    <a:pt x="499872" y="4572"/>
                  </a:lnTo>
                  <a:lnTo>
                    <a:pt x="504444" y="4572"/>
                  </a:lnTo>
                  <a:lnTo>
                    <a:pt x="504444" y="0"/>
                  </a:lnTo>
                  <a:close/>
                </a:path>
                <a:path w="818514" h="5080">
                  <a:moveTo>
                    <a:pt x="510540" y="0"/>
                  </a:moveTo>
                  <a:lnTo>
                    <a:pt x="507492" y="0"/>
                  </a:lnTo>
                  <a:lnTo>
                    <a:pt x="507492" y="4572"/>
                  </a:lnTo>
                  <a:lnTo>
                    <a:pt x="510540" y="4572"/>
                  </a:lnTo>
                  <a:lnTo>
                    <a:pt x="510540" y="0"/>
                  </a:lnTo>
                  <a:close/>
                </a:path>
                <a:path w="818514" h="5080">
                  <a:moveTo>
                    <a:pt x="518160" y="0"/>
                  </a:moveTo>
                  <a:lnTo>
                    <a:pt x="513588" y="0"/>
                  </a:lnTo>
                  <a:lnTo>
                    <a:pt x="513588" y="4572"/>
                  </a:lnTo>
                  <a:lnTo>
                    <a:pt x="518160" y="4572"/>
                  </a:lnTo>
                  <a:lnTo>
                    <a:pt x="518160" y="0"/>
                  </a:lnTo>
                  <a:close/>
                </a:path>
                <a:path w="818514" h="5080">
                  <a:moveTo>
                    <a:pt x="524256" y="0"/>
                  </a:moveTo>
                  <a:lnTo>
                    <a:pt x="521208" y="0"/>
                  </a:lnTo>
                  <a:lnTo>
                    <a:pt x="521208" y="4572"/>
                  </a:lnTo>
                  <a:lnTo>
                    <a:pt x="524256" y="4572"/>
                  </a:lnTo>
                  <a:lnTo>
                    <a:pt x="524256" y="0"/>
                  </a:lnTo>
                  <a:close/>
                </a:path>
                <a:path w="818514" h="5080">
                  <a:moveTo>
                    <a:pt x="531876" y="0"/>
                  </a:moveTo>
                  <a:lnTo>
                    <a:pt x="527304" y="0"/>
                  </a:lnTo>
                  <a:lnTo>
                    <a:pt x="527304" y="4572"/>
                  </a:lnTo>
                  <a:lnTo>
                    <a:pt x="531876" y="4572"/>
                  </a:lnTo>
                  <a:lnTo>
                    <a:pt x="531876" y="0"/>
                  </a:lnTo>
                  <a:close/>
                </a:path>
                <a:path w="818514" h="5080">
                  <a:moveTo>
                    <a:pt x="537972" y="0"/>
                  </a:moveTo>
                  <a:lnTo>
                    <a:pt x="534924" y="0"/>
                  </a:lnTo>
                  <a:lnTo>
                    <a:pt x="534924" y="4572"/>
                  </a:lnTo>
                  <a:lnTo>
                    <a:pt x="537972" y="4572"/>
                  </a:lnTo>
                  <a:lnTo>
                    <a:pt x="537972" y="0"/>
                  </a:lnTo>
                  <a:close/>
                </a:path>
                <a:path w="818514" h="5080">
                  <a:moveTo>
                    <a:pt x="545592" y="0"/>
                  </a:moveTo>
                  <a:lnTo>
                    <a:pt x="541020" y="0"/>
                  </a:lnTo>
                  <a:lnTo>
                    <a:pt x="541020" y="4572"/>
                  </a:lnTo>
                  <a:lnTo>
                    <a:pt x="545592" y="4572"/>
                  </a:lnTo>
                  <a:lnTo>
                    <a:pt x="545592" y="0"/>
                  </a:lnTo>
                  <a:close/>
                </a:path>
                <a:path w="818514" h="5080">
                  <a:moveTo>
                    <a:pt x="551688" y="0"/>
                  </a:moveTo>
                  <a:lnTo>
                    <a:pt x="548640" y="0"/>
                  </a:lnTo>
                  <a:lnTo>
                    <a:pt x="548640" y="4572"/>
                  </a:lnTo>
                  <a:lnTo>
                    <a:pt x="551688" y="4572"/>
                  </a:lnTo>
                  <a:lnTo>
                    <a:pt x="551688" y="0"/>
                  </a:lnTo>
                  <a:close/>
                </a:path>
                <a:path w="818514" h="5080">
                  <a:moveTo>
                    <a:pt x="557784" y="0"/>
                  </a:moveTo>
                  <a:lnTo>
                    <a:pt x="554736" y="0"/>
                  </a:lnTo>
                  <a:lnTo>
                    <a:pt x="554736" y="4572"/>
                  </a:lnTo>
                  <a:lnTo>
                    <a:pt x="557784" y="4572"/>
                  </a:lnTo>
                  <a:lnTo>
                    <a:pt x="557784" y="0"/>
                  </a:lnTo>
                  <a:close/>
                </a:path>
                <a:path w="818514" h="5080">
                  <a:moveTo>
                    <a:pt x="565404" y="0"/>
                  </a:moveTo>
                  <a:lnTo>
                    <a:pt x="562356" y="0"/>
                  </a:lnTo>
                  <a:lnTo>
                    <a:pt x="562356" y="4572"/>
                  </a:lnTo>
                  <a:lnTo>
                    <a:pt x="565404" y="4572"/>
                  </a:lnTo>
                  <a:lnTo>
                    <a:pt x="565404" y="0"/>
                  </a:lnTo>
                  <a:close/>
                </a:path>
                <a:path w="818514" h="5080">
                  <a:moveTo>
                    <a:pt x="571500" y="0"/>
                  </a:moveTo>
                  <a:lnTo>
                    <a:pt x="568452" y="0"/>
                  </a:lnTo>
                  <a:lnTo>
                    <a:pt x="568452" y="4572"/>
                  </a:lnTo>
                  <a:lnTo>
                    <a:pt x="571500" y="4572"/>
                  </a:lnTo>
                  <a:lnTo>
                    <a:pt x="571500" y="0"/>
                  </a:lnTo>
                  <a:close/>
                </a:path>
                <a:path w="818514" h="5080">
                  <a:moveTo>
                    <a:pt x="579120" y="0"/>
                  </a:moveTo>
                  <a:lnTo>
                    <a:pt x="576072" y="0"/>
                  </a:lnTo>
                  <a:lnTo>
                    <a:pt x="576072" y="4572"/>
                  </a:lnTo>
                  <a:lnTo>
                    <a:pt x="579120" y="4572"/>
                  </a:lnTo>
                  <a:lnTo>
                    <a:pt x="579120" y="0"/>
                  </a:lnTo>
                  <a:close/>
                </a:path>
                <a:path w="818514" h="5080">
                  <a:moveTo>
                    <a:pt x="585216" y="0"/>
                  </a:moveTo>
                  <a:lnTo>
                    <a:pt x="582168" y="0"/>
                  </a:lnTo>
                  <a:lnTo>
                    <a:pt x="582168" y="4572"/>
                  </a:lnTo>
                  <a:lnTo>
                    <a:pt x="585216" y="4572"/>
                  </a:lnTo>
                  <a:lnTo>
                    <a:pt x="585216" y="0"/>
                  </a:lnTo>
                  <a:close/>
                </a:path>
                <a:path w="818514" h="5080">
                  <a:moveTo>
                    <a:pt x="592836" y="0"/>
                  </a:moveTo>
                  <a:lnTo>
                    <a:pt x="589788" y="0"/>
                  </a:lnTo>
                  <a:lnTo>
                    <a:pt x="589788" y="4572"/>
                  </a:lnTo>
                  <a:lnTo>
                    <a:pt x="592836" y="4572"/>
                  </a:lnTo>
                  <a:lnTo>
                    <a:pt x="592836" y="0"/>
                  </a:lnTo>
                  <a:close/>
                </a:path>
                <a:path w="818514" h="5080">
                  <a:moveTo>
                    <a:pt x="598932" y="0"/>
                  </a:moveTo>
                  <a:lnTo>
                    <a:pt x="595884" y="0"/>
                  </a:lnTo>
                  <a:lnTo>
                    <a:pt x="595884" y="4572"/>
                  </a:lnTo>
                  <a:lnTo>
                    <a:pt x="598932" y="4572"/>
                  </a:lnTo>
                  <a:lnTo>
                    <a:pt x="598932" y="0"/>
                  </a:lnTo>
                  <a:close/>
                </a:path>
                <a:path w="818514" h="5080">
                  <a:moveTo>
                    <a:pt x="606552" y="0"/>
                  </a:moveTo>
                  <a:lnTo>
                    <a:pt x="603504" y="0"/>
                  </a:lnTo>
                  <a:lnTo>
                    <a:pt x="603504" y="4572"/>
                  </a:lnTo>
                  <a:lnTo>
                    <a:pt x="606552" y="4572"/>
                  </a:lnTo>
                  <a:lnTo>
                    <a:pt x="606552" y="0"/>
                  </a:lnTo>
                  <a:close/>
                </a:path>
                <a:path w="818514" h="5080">
                  <a:moveTo>
                    <a:pt x="784860" y="0"/>
                  </a:moveTo>
                  <a:lnTo>
                    <a:pt x="781812" y="0"/>
                  </a:lnTo>
                  <a:lnTo>
                    <a:pt x="781812" y="4572"/>
                  </a:lnTo>
                  <a:lnTo>
                    <a:pt x="784860" y="4572"/>
                  </a:lnTo>
                  <a:lnTo>
                    <a:pt x="784860" y="0"/>
                  </a:lnTo>
                  <a:close/>
                </a:path>
                <a:path w="818514" h="5080">
                  <a:moveTo>
                    <a:pt x="790956" y="0"/>
                  </a:moveTo>
                  <a:lnTo>
                    <a:pt x="787908" y="0"/>
                  </a:lnTo>
                  <a:lnTo>
                    <a:pt x="787908" y="4572"/>
                  </a:lnTo>
                  <a:lnTo>
                    <a:pt x="790956" y="4572"/>
                  </a:lnTo>
                  <a:lnTo>
                    <a:pt x="790956" y="0"/>
                  </a:lnTo>
                  <a:close/>
                </a:path>
                <a:path w="818514" h="5080">
                  <a:moveTo>
                    <a:pt x="798576" y="0"/>
                  </a:moveTo>
                  <a:lnTo>
                    <a:pt x="795528" y="0"/>
                  </a:lnTo>
                  <a:lnTo>
                    <a:pt x="795528" y="4572"/>
                  </a:lnTo>
                  <a:lnTo>
                    <a:pt x="798576" y="4572"/>
                  </a:lnTo>
                  <a:lnTo>
                    <a:pt x="798576" y="0"/>
                  </a:lnTo>
                  <a:close/>
                </a:path>
                <a:path w="818514" h="5080">
                  <a:moveTo>
                    <a:pt x="804672" y="0"/>
                  </a:moveTo>
                  <a:lnTo>
                    <a:pt x="801624" y="0"/>
                  </a:lnTo>
                  <a:lnTo>
                    <a:pt x="801624" y="4572"/>
                  </a:lnTo>
                  <a:lnTo>
                    <a:pt x="804672" y="4572"/>
                  </a:lnTo>
                  <a:lnTo>
                    <a:pt x="804672" y="0"/>
                  </a:lnTo>
                  <a:close/>
                </a:path>
                <a:path w="818514" h="5080">
                  <a:moveTo>
                    <a:pt x="812292" y="0"/>
                  </a:moveTo>
                  <a:lnTo>
                    <a:pt x="809244" y="0"/>
                  </a:lnTo>
                  <a:lnTo>
                    <a:pt x="809244" y="4572"/>
                  </a:lnTo>
                  <a:lnTo>
                    <a:pt x="812292" y="4572"/>
                  </a:lnTo>
                  <a:lnTo>
                    <a:pt x="812292" y="0"/>
                  </a:lnTo>
                  <a:close/>
                </a:path>
                <a:path w="818514" h="5080">
                  <a:moveTo>
                    <a:pt x="818388" y="0"/>
                  </a:moveTo>
                  <a:lnTo>
                    <a:pt x="815340" y="0"/>
                  </a:lnTo>
                  <a:lnTo>
                    <a:pt x="815340" y="4572"/>
                  </a:lnTo>
                  <a:lnTo>
                    <a:pt x="818388" y="4572"/>
                  </a:lnTo>
                  <a:lnTo>
                    <a:pt x="818388" y="0"/>
                  </a:lnTo>
                  <a:close/>
                </a:path>
              </a:pathLst>
            </a:custGeom>
            <a:solidFill>
              <a:srgbClr val="D8D8D8"/>
            </a:solidFill>
          </p:spPr>
          <p:txBody>
            <a:bodyPr wrap="square" lIns="0" tIns="0" rIns="0" bIns="0" rtlCol="0"/>
            <a:lstStyle/>
            <a:p>
              <a:endParaRPr sz="1539"/>
            </a:p>
          </p:txBody>
        </p:sp>
        <p:sp>
          <p:nvSpPr>
            <p:cNvPr id="141" name="object 141"/>
            <p:cNvSpPr/>
            <p:nvPr/>
          </p:nvSpPr>
          <p:spPr>
            <a:xfrm>
              <a:off x="4395216" y="1726691"/>
              <a:ext cx="216535" cy="5080"/>
            </a:xfrm>
            <a:custGeom>
              <a:avLst/>
              <a:gdLst/>
              <a:ahLst/>
              <a:cxnLst/>
              <a:rect l="l" t="t" r="r" b="b"/>
              <a:pathLst>
                <a:path w="216535" h="5080">
                  <a:moveTo>
                    <a:pt x="3048" y="0"/>
                  </a:moveTo>
                  <a:lnTo>
                    <a:pt x="0" y="0"/>
                  </a:lnTo>
                  <a:lnTo>
                    <a:pt x="0" y="4572"/>
                  </a:lnTo>
                  <a:lnTo>
                    <a:pt x="3048" y="4572"/>
                  </a:lnTo>
                  <a:lnTo>
                    <a:pt x="3048" y="0"/>
                  </a:lnTo>
                  <a:close/>
                </a:path>
                <a:path w="216535" h="5080">
                  <a:moveTo>
                    <a:pt x="10668" y="0"/>
                  </a:moveTo>
                  <a:lnTo>
                    <a:pt x="7620" y="0"/>
                  </a:lnTo>
                  <a:lnTo>
                    <a:pt x="7620" y="4572"/>
                  </a:lnTo>
                  <a:lnTo>
                    <a:pt x="10668" y="4572"/>
                  </a:lnTo>
                  <a:lnTo>
                    <a:pt x="10668" y="0"/>
                  </a:lnTo>
                  <a:close/>
                </a:path>
                <a:path w="216535" h="5080">
                  <a:moveTo>
                    <a:pt x="16764" y="0"/>
                  </a:moveTo>
                  <a:lnTo>
                    <a:pt x="13716" y="0"/>
                  </a:lnTo>
                  <a:lnTo>
                    <a:pt x="13716" y="4572"/>
                  </a:lnTo>
                  <a:lnTo>
                    <a:pt x="16764" y="4572"/>
                  </a:lnTo>
                  <a:lnTo>
                    <a:pt x="16764" y="0"/>
                  </a:lnTo>
                  <a:close/>
                </a:path>
                <a:path w="216535" h="5080">
                  <a:moveTo>
                    <a:pt x="24384" y="0"/>
                  </a:moveTo>
                  <a:lnTo>
                    <a:pt x="21336" y="0"/>
                  </a:lnTo>
                  <a:lnTo>
                    <a:pt x="21336" y="4572"/>
                  </a:lnTo>
                  <a:lnTo>
                    <a:pt x="24384" y="4572"/>
                  </a:lnTo>
                  <a:lnTo>
                    <a:pt x="24384" y="0"/>
                  </a:lnTo>
                  <a:close/>
                </a:path>
                <a:path w="216535" h="5080">
                  <a:moveTo>
                    <a:pt x="30480" y="0"/>
                  </a:moveTo>
                  <a:lnTo>
                    <a:pt x="27432" y="0"/>
                  </a:lnTo>
                  <a:lnTo>
                    <a:pt x="27432" y="4572"/>
                  </a:lnTo>
                  <a:lnTo>
                    <a:pt x="30480" y="4572"/>
                  </a:lnTo>
                  <a:lnTo>
                    <a:pt x="30480" y="0"/>
                  </a:lnTo>
                  <a:close/>
                </a:path>
                <a:path w="216535" h="5080">
                  <a:moveTo>
                    <a:pt x="38100" y="0"/>
                  </a:moveTo>
                  <a:lnTo>
                    <a:pt x="35052" y="0"/>
                  </a:lnTo>
                  <a:lnTo>
                    <a:pt x="35052" y="4572"/>
                  </a:lnTo>
                  <a:lnTo>
                    <a:pt x="38100" y="4572"/>
                  </a:lnTo>
                  <a:lnTo>
                    <a:pt x="38100" y="0"/>
                  </a:lnTo>
                  <a:close/>
                </a:path>
                <a:path w="216535" h="5080">
                  <a:moveTo>
                    <a:pt x="44196" y="0"/>
                  </a:moveTo>
                  <a:lnTo>
                    <a:pt x="41148" y="0"/>
                  </a:lnTo>
                  <a:lnTo>
                    <a:pt x="41148" y="4572"/>
                  </a:lnTo>
                  <a:lnTo>
                    <a:pt x="44196" y="4572"/>
                  </a:lnTo>
                  <a:lnTo>
                    <a:pt x="44196" y="0"/>
                  </a:lnTo>
                  <a:close/>
                </a:path>
                <a:path w="216535" h="5080">
                  <a:moveTo>
                    <a:pt x="51816" y="0"/>
                  </a:moveTo>
                  <a:lnTo>
                    <a:pt x="48768" y="0"/>
                  </a:lnTo>
                  <a:lnTo>
                    <a:pt x="48768" y="4572"/>
                  </a:lnTo>
                  <a:lnTo>
                    <a:pt x="51816" y="4572"/>
                  </a:lnTo>
                  <a:lnTo>
                    <a:pt x="51816" y="0"/>
                  </a:lnTo>
                  <a:close/>
                </a:path>
                <a:path w="216535" h="5080">
                  <a:moveTo>
                    <a:pt x="57912" y="0"/>
                  </a:moveTo>
                  <a:lnTo>
                    <a:pt x="54864" y="0"/>
                  </a:lnTo>
                  <a:lnTo>
                    <a:pt x="54864" y="4572"/>
                  </a:lnTo>
                  <a:lnTo>
                    <a:pt x="57912" y="4572"/>
                  </a:lnTo>
                  <a:lnTo>
                    <a:pt x="57912" y="0"/>
                  </a:lnTo>
                  <a:close/>
                </a:path>
                <a:path w="216535" h="5080">
                  <a:moveTo>
                    <a:pt x="65532" y="0"/>
                  </a:moveTo>
                  <a:lnTo>
                    <a:pt x="62484" y="0"/>
                  </a:lnTo>
                  <a:lnTo>
                    <a:pt x="62484" y="4572"/>
                  </a:lnTo>
                  <a:lnTo>
                    <a:pt x="65532" y="4572"/>
                  </a:lnTo>
                  <a:lnTo>
                    <a:pt x="65532" y="0"/>
                  </a:lnTo>
                  <a:close/>
                </a:path>
                <a:path w="216535" h="5080">
                  <a:moveTo>
                    <a:pt x="71628" y="0"/>
                  </a:moveTo>
                  <a:lnTo>
                    <a:pt x="68580" y="0"/>
                  </a:lnTo>
                  <a:lnTo>
                    <a:pt x="68580" y="4572"/>
                  </a:lnTo>
                  <a:lnTo>
                    <a:pt x="71628" y="4572"/>
                  </a:lnTo>
                  <a:lnTo>
                    <a:pt x="71628" y="0"/>
                  </a:lnTo>
                  <a:close/>
                </a:path>
                <a:path w="216535" h="5080">
                  <a:moveTo>
                    <a:pt x="79248" y="0"/>
                  </a:moveTo>
                  <a:lnTo>
                    <a:pt x="76200" y="0"/>
                  </a:lnTo>
                  <a:lnTo>
                    <a:pt x="76200" y="4572"/>
                  </a:lnTo>
                  <a:lnTo>
                    <a:pt x="79248" y="4572"/>
                  </a:lnTo>
                  <a:lnTo>
                    <a:pt x="79248" y="0"/>
                  </a:lnTo>
                  <a:close/>
                </a:path>
                <a:path w="216535" h="5080">
                  <a:moveTo>
                    <a:pt x="85344" y="0"/>
                  </a:moveTo>
                  <a:lnTo>
                    <a:pt x="82296" y="0"/>
                  </a:lnTo>
                  <a:lnTo>
                    <a:pt x="82296" y="4572"/>
                  </a:lnTo>
                  <a:lnTo>
                    <a:pt x="85344" y="4572"/>
                  </a:lnTo>
                  <a:lnTo>
                    <a:pt x="85344" y="0"/>
                  </a:lnTo>
                  <a:close/>
                </a:path>
                <a:path w="216535" h="5080">
                  <a:moveTo>
                    <a:pt x="92964" y="0"/>
                  </a:moveTo>
                  <a:lnTo>
                    <a:pt x="89916" y="0"/>
                  </a:lnTo>
                  <a:lnTo>
                    <a:pt x="89916" y="4572"/>
                  </a:lnTo>
                  <a:lnTo>
                    <a:pt x="92964" y="4572"/>
                  </a:lnTo>
                  <a:lnTo>
                    <a:pt x="92964" y="0"/>
                  </a:lnTo>
                  <a:close/>
                </a:path>
                <a:path w="216535" h="5080">
                  <a:moveTo>
                    <a:pt x="99060" y="0"/>
                  </a:moveTo>
                  <a:lnTo>
                    <a:pt x="96012" y="0"/>
                  </a:lnTo>
                  <a:lnTo>
                    <a:pt x="96012" y="4572"/>
                  </a:lnTo>
                  <a:lnTo>
                    <a:pt x="99060" y="4572"/>
                  </a:lnTo>
                  <a:lnTo>
                    <a:pt x="99060" y="0"/>
                  </a:lnTo>
                  <a:close/>
                </a:path>
                <a:path w="216535" h="5080">
                  <a:moveTo>
                    <a:pt x="106680" y="0"/>
                  </a:moveTo>
                  <a:lnTo>
                    <a:pt x="103632" y="0"/>
                  </a:lnTo>
                  <a:lnTo>
                    <a:pt x="103632" y="4572"/>
                  </a:lnTo>
                  <a:lnTo>
                    <a:pt x="106680" y="4572"/>
                  </a:lnTo>
                  <a:lnTo>
                    <a:pt x="106680" y="0"/>
                  </a:lnTo>
                  <a:close/>
                </a:path>
                <a:path w="216535" h="5080">
                  <a:moveTo>
                    <a:pt x="112776" y="0"/>
                  </a:moveTo>
                  <a:lnTo>
                    <a:pt x="109728" y="0"/>
                  </a:lnTo>
                  <a:lnTo>
                    <a:pt x="109728" y="4572"/>
                  </a:lnTo>
                  <a:lnTo>
                    <a:pt x="112776" y="4572"/>
                  </a:lnTo>
                  <a:lnTo>
                    <a:pt x="112776" y="0"/>
                  </a:lnTo>
                  <a:close/>
                </a:path>
                <a:path w="216535" h="5080">
                  <a:moveTo>
                    <a:pt x="120396" y="0"/>
                  </a:moveTo>
                  <a:lnTo>
                    <a:pt x="117348" y="0"/>
                  </a:lnTo>
                  <a:lnTo>
                    <a:pt x="117348" y="4572"/>
                  </a:lnTo>
                  <a:lnTo>
                    <a:pt x="120396" y="4572"/>
                  </a:lnTo>
                  <a:lnTo>
                    <a:pt x="120396" y="0"/>
                  </a:lnTo>
                  <a:close/>
                </a:path>
                <a:path w="216535" h="5080">
                  <a:moveTo>
                    <a:pt x="126492" y="0"/>
                  </a:moveTo>
                  <a:lnTo>
                    <a:pt x="123444" y="0"/>
                  </a:lnTo>
                  <a:lnTo>
                    <a:pt x="123444" y="4572"/>
                  </a:lnTo>
                  <a:lnTo>
                    <a:pt x="126492" y="4572"/>
                  </a:lnTo>
                  <a:lnTo>
                    <a:pt x="126492" y="0"/>
                  </a:lnTo>
                  <a:close/>
                </a:path>
                <a:path w="216535" h="5080">
                  <a:moveTo>
                    <a:pt x="134112" y="0"/>
                  </a:moveTo>
                  <a:lnTo>
                    <a:pt x="131064" y="0"/>
                  </a:lnTo>
                  <a:lnTo>
                    <a:pt x="131064" y="4572"/>
                  </a:lnTo>
                  <a:lnTo>
                    <a:pt x="134112" y="4572"/>
                  </a:lnTo>
                  <a:lnTo>
                    <a:pt x="134112" y="0"/>
                  </a:lnTo>
                  <a:close/>
                </a:path>
                <a:path w="216535" h="5080">
                  <a:moveTo>
                    <a:pt x="140208" y="0"/>
                  </a:moveTo>
                  <a:lnTo>
                    <a:pt x="137160" y="0"/>
                  </a:lnTo>
                  <a:lnTo>
                    <a:pt x="137160" y="4572"/>
                  </a:lnTo>
                  <a:lnTo>
                    <a:pt x="140208" y="4572"/>
                  </a:lnTo>
                  <a:lnTo>
                    <a:pt x="140208" y="0"/>
                  </a:lnTo>
                  <a:close/>
                </a:path>
                <a:path w="216535" h="5080">
                  <a:moveTo>
                    <a:pt x="147828" y="0"/>
                  </a:moveTo>
                  <a:lnTo>
                    <a:pt x="144780" y="0"/>
                  </a:lnTo>
                  <a:lnTo>
                    <a:pt x="144780" y="4572"/>
                  </a:lnTo>
                  <a:lnTo>
                    <a:pt x="147828" y="4572"/>
                  </a:lnTo>
                  <a:lnTo>
                    <a:pt x="147828" y="0"/>
                  </a:lnTo>
                  <a:close/>
                </a:path>
                <a:path w="216535" h="5080">
                  <a:moveTo>
                    <a:pt x="153924" y="0"/>
                  </a:moveTo>
                  <a:lnTo>
                    <a:pt x="150876" y="0"/>
                  </a:lnTo>
                  <a:lnTo>
                    <a:pt x="150876" y="4572"/>
                  </a:lnTo>
                  <a:lnTo>
                    <a:pt x="153924" y="4572"/>
                  </a:lnTo>
                  <a:lnTo>
                    <a:pt x="153924" y="0"/>
                  </a:lnTo>
                  <a:close/>
                </a:path>
                <a:path w="216535" h="5080">
                  <a:moveTo>
                    <a:pt x="161544" y="0"/>
                  </a:moveTo>
                  <a:lnTo>
                    <a:pt x="158496" y="0"/>
                  </a:lnTo>
                  <a:lnTo>
                    <a:pt x="158496" y="4572"/>
                  </a:lnTo>
                  <a:lnTo>
                    <a:pt x="161544" y="4572"/>
                  </a:lnTo>
                  <a:lnTo>
                    <a:pt x="161544" y="0"/>
                  </a:lnTo>
                  <a:close/>
                </a:path>
                <a:path w="216535" h="5080">
                  <a:moveTo>
                    <a:pt x="167640" y="0"/>
                  </a:moveTo>
                  <a:lnTo>
                    <a:pt x="164592" y="0"/>
                  </a:lnTo>
                  <a:lnTo>
                    <a:pt x="164592" y="4572"/>
                  </a:lnTo>
                  <a:lnTo>
                    <a:pt x="167640" y="4572"/>
                  </a:lnTo>
                  <a:lnTo>
                    <a:pt x="167640" y="0"/>
                  </a:lnTo>
                  <a:close/>
                </a:path>
                <a:path w="216535" h="5080">
                  <a:moveTo>
                    <a:pt x="175260" y="0"/>
                  </a:moveTo>
                  <a:lnTo>
                    <a:pt x="172212" y="0"/>
                  </a:lnTo>
                  <a:lnTo>
                    <a:pt x="172212" y="4572"/>
                  </a:lnTo>
                  <a:lnTo>
                    <a:pt x="175260" y="4572"/>
                  </a:lnTo>
                  <a:lnTo>
                    <a:pt x="175260" y="0"/>
                  </a:lnTo>
                  <a:close/>
                </a:path>
                <a:path w="216535" h="5080">
                  <a:moveTo>
                    <a:pt x="181356" y="0"/>
                  </a:moveTo>
                  <a:lnTo>
                    <a:pt x="178308" y="0"/>
                  </a:lnTo>
                  <a:lnTo>
                    <a:pt x="178308" y="4572"/>
                  </a:lnTo>
                  <a:lnTo>
                    <a:pt x="181356" y="4572"/>
                  </a:lnTo>
                  <a:lnTo>
                    <a:pt x="181356" y="0"/>
                  </a:lnTo>
                  <a:close/>
                </a:path>
                <a:path w="216535" h="5080">
                  <a:moveTo>
                    <a:pt x="188976" y="0"/>
                  </a:moveTo>
                  <a:lnTo>
                    <a:pt x="185928" y="0"/>
                  </a:lnTo>
                  <a:lnTo>
                    <a:pt x="185928" y="4572"/>
                  </a:lnTo>
                  <a:lnTo>
                    <a:pt x="188976" y="4572"/>
                  </a:lnTo>
                  <a:lnTo>
                    <a:pt x="188976" y="0"/>
                  </a:lnTo>
                  <a:close/>
                </a:path>
                <a:path w="216535" h="5080">
                  <a:moveTo>
                    <a:pt x="195072" y="0"/>
                  </a:moveTo>
                  <a:lnTo>
                    <a:pt x="192024" y="0"/>
                  </a:lnTo>
                  <a:lnTo>
                    <a:pt x="192024" y="4572"/>
                  </a:lnTo>
                  <a:lnTo>
                    <a:pt x="195072" y="4572"/>
                  </a:lnTo>
                  <a:lnTo>
                    <a:pt x="195072" y="0"/>
                  </a:lnTo>
                  <a:close/>
                </a:path>
                <a:path w="216535" h="5080">
                  <a:moveTo>
                    <a:pt x="202692" y="0"/>
                  </a:moveTo>
                  <a:lnTo>
                    <a:pt x="199644" y="0"/>
                  </a:lnTo>
                  <a:lnTo>
                    <a:pt x="199644" y="4572"/>
                  </a:lnTo>
                  <a:lnTo>
                    <a:pt x="202692" y="4572"/>
                  </a:lnTo>
                  <a:lnTo>
                    <a:pt x="202692" y="0"/>
                  </a:lnTo>
                  <a:close/>
                </a:path>
                <a:path w="216535" h="5080">
                  <a:moveTo>
                    <a:pt x="208788" y="0"/>
                  </a:moveTo>
                  <a:lnTo>
                    <a:pt x="205740" y="0"/>
                  </a:lnTo>
                  <a:lnTo>
                    <a:pt x="205740" y="4572"/>
                  </a:lnTo>
                  <a:lnTo>
                    <a:pt x="208788" y="4572"/>
                  </a:lnTo>
                  <a:lnTo>
                    <a:pt x="208788" y="0"/>
                  </a:lnTo>
                  <a:close/>
                </a:path>
                <a:path w="216535" h="5080">
                  <a:moveTo>
                    <a:pt x="216408" y="0"/>
                  </a:moveTo>
                  <a:lnTo>
                    <a:pt x="213360" y="0"/>
                  </a:lnTo>
                  <a:lnTo>
                    <a:pt x="213360" y="4572"/>
                  </a:lnTo>
                  <a:lnTo>
                    <a:pt x="216408" y="4572"/>
                  </a:lnTo>
                  <a:lnTo>
                    <a:pt x="216408" y="0"/>
                  </a:lnTo>
                  <a:close/>
                </a:path>
              </a:pathLst>
            </a:custGeom>
            <a:solidFill>
              <a:srgbClr val="D8D8D8"/>
            </a:solidFill>
          </p:spPr>
          <p:txBody>
            <a:bodyPr wrap="square" lIns="0" tIns="0" rIns="0" bIns="0" rtlCol="0"/>
            <a:lstStyle/>
            <a:p>
              <a:endParaRPr sz="1539"/>
            </a:p>
          </p:txBody>
        </p:sp>
        <p:sp>
          <p:nvSpPr>
            <p:cNvPr id="142" name="object 142"/>
            <p:cNvSpPr/>
            <p:nvPr/>
          </p:nvSpPr>
          <p:spPr>
            <a:xfrm>
              <a:off x="4780788" y="1728977"/>
              <a:ext cx="256540" cy="0"/>
            </a:xfrm>
            <a:custGeom>
              <a:avLst/>
              <a:gdLst/>
              <a:ahLst/>
              <a:cxnLst/>
              <a:rect l="l" t="t" r="r" b="b"/>
              <a:pathLst>
                <a:path w="256539">
                  <a:moveTo>
                    <a:pt x="0" y="0"/>
                  </a:moveTo>
                  <a:lnTo>
                    <a:pt x="256032" y="0"/>
                  </a:lnTo>
                </a:path>
              </a:pathLst>
            </a:custGeom>
            <a:ln w="4571">
              <a:solidFill>
                <a:srgbClr val="D8D8D8"/>
              </a:solidFill>
              <a:prstDash val="sysDot"/>
            </a:ln>
          </p:spPr>
          <p:txBody>
            <a:bodyPr wrap="square" lIns="0" tIns="0" rIns="0" bIns="0" rtlCol="0"/>
            <a:lstStyle/>
            <a:p>
              <a:endParaRPr sz="1539"/>
            </a:p>
          </p:txBody>
        </p:sp>
        <p:sp>
          <p:nvSpPr>
            <p:cNvPr id="143" name="object 143"/>
            <p:cNvSpPr/>
            <p:nvPr/>
          </p:nvSpPr>
          <p:spPr>
            <a:xfrm>
              <a:off x="5205984" y="1726691"/>
              <a:ext cx="646430" cy="5080"/>
            </a:xfrm>
            <a:custGeom>
              <a:avLst/>
              <a:gdLst/>
              <a:ahLst/>
              <a:cxnLst/>
              <a:rect l="l" t="t" r="r" b="b"/>
              <a:pathLst>
                <a:path w="646429" h="5080">
                  <a:moveTo>
                    <a:pt x="1524" y="0"/>
                  </a:moveTo>
                  <a:lnTo>
                    <a:pt x="0" y="0"/>
                  </a:lnTo>
                  <a:lnTo>
                    <a:pt x="0" y="4572"/>
                  </a:lnTo>
                  <a:lnTo>
                    <a:pt x="1524" y="4572"/>
                  </a:lnTo>
                  <a:lnTo>
                    <a:pt x="1524" y="0"/>
                  </a:lnTo>
                  <a:close/>
                </a:path>
                <a:path w="646429" h="5080">
                  <a:moveTo>
                    <a:pt x="9144" y="0"/>
                  </a:moveTo>
                  <a:lnTo>
                    <a:pt x="4572" y="0"/>
                  </a:lnTo>
                  <a:lnTo>
                    <a:pt x="4572" y="4572"/>
                  </a:lnTo>
                  <a:lnTo>
                    <a:pt x="9144" y="4572"/>
                  </a:lnTo>
                  <a:lnTo>
                    <a:pt x="9144" y="0"/>
                  </a:lnTo>
                  <a:close/>
                </a:path>
                <a:path w="646429" h="5080">
                  <a:moveTo>
                    <a:pt x="15240" y="0"/>
                  </a:moveTo>
                  <a:lnTo>
                    <a:pt x="12192" y="0"/>
                  </a:lnTo>
                  <a:lnTo>
                    <a:pt x="12192" y="4572"/>
                  </a:lnTo>
                  <a:lnTo>
                    <a:pt x="15240" y="4572"/>
                  </a:lnTo>
                  <a:lnTo>
                    <a:pt x="15240" y="0"/>
                  </a:lnTo>
                  <a:close/>
                </a:path>
                <a:path w="646429" h="5080">
                  <a:moveTo>
                    <a:pt x="22860" y="0"/>
                  </a:moveTo>
                  <a:lnTo>
                    <a:pt x="18288" y="0"/>
                  </a:lnTo>
                  <a:lnTo>
                    <a:pt x="18288" y="4572"/>
                  </a:lnTo>
                  <a:lnTo>
                    <a:pt x="22860" y="4572"/>
                  </a:lnTo>
                  <a:lnTo>
                    <a:pt x="22860" y="0"/>
                  </a:lnTo>
                  <a:close/>
                </a:path>
                <a:path w="646429" h="5080">
                  <a:moveTo>
                    <a:pt x="28956" y="0"/>
                  </a:moveTo>
                  <a:lnTo>
                    <a:pt x="25908" y="0"/>
                  </a:lnTo>
                  <a:lnTo>
                    <a:pt x="25908" y="4572"/>
                  </a:lnTo>
                  <a:lnTo>
                    <a:pt x="28956" y="4572"/>
                  </a:lnTo>
                  <a:lnTo>
                    <a:pt x="28956" y="0"/>
                  </a:lnTo>
                  <a:close/>
                </a:path>
                <a:path w="646429" h="5080">
                  <a:moveTo>
                    <a:pt x="36576" y="0"/>
                  </a:moveTo>
                  <a:lnTo>
                    <a:pt x="32004" y="0"/>
                  </a:lnTo>
                  <a:lnTo>
                    <a:pt x="32004" y="4572"/>
                  </a:lnTo>
                  <a:lnTo>
                    <a:pt x="36576" y="4572"/>
                  </a:lnTo>
                  <a:lnTo>
                    <a:pt x="36576" y="0"/>
                  </a:lnTo>
                  <a:close/>
                </a:path>
                <a:path w="646429" h="5080">
                  <a:moveTo>
                    <a:pt x="42672" y="0"/>
                  </a:moveTo>
                  <a:lnTo>
                    <a:pt x="39624" y="0"/>
                  </a:lnTo>
                  <a:lnTo>
                    <a:pt x="39624" y="4572"/>
                  </a:lnTo>
                  <a:lnTo>
                    <a:pt x="42672" y="4572"/>
                  </a:lnTo>
                  <a:lnTo>
                    <a:pt x="42672" y="0"/>
                  </a:lnTo>
                  <a:close/>
                </a:path>
                <a:path w="646429" h="5080">
                  <a:moveTo>
                    <a:pt x="50292" y="0"/>
                  </a:moveTo>
                  <a:lnTo>
                    <a:pt x="45720" y="0"/>
                  </a:lnTo>
                  <a:lnTo>
                    <a:pt x="45720" y="4572"/>
                  </a:lnTo>
                  <a:lnTo>
                    <a:pt x="50292" y="4572"/>
                  </a:lnTo>
                  <a:lnTo>
                    <a:pt x="50292" y="0"/>
                  </a:lnTo>
                  <a:close/>
                </a:path>
                <a:path w="646429" h="5080">
                  <a:moveTo>
                    <a:pt x="56388" y="0"/>
                  </a:moveTo>
                  <a:lnTo>
                    <a:pt x="53340" y="0"/>
                  </a:lnTo>
                  <a:lnTo>
                    <a:pt x="53340" y="4572"/>
                  </a:lnTo>
                  <a:lnTo>
                    <a:pt x="56388" y="4572"/>
                  </a:lnTo>
                  <a:lnTo>
                    <a:pt x="56388" y="0"/>
                  </a:lnTo>
                  <a:close/>
                </a:path>
                <a:path w="646429" h="5080">
                  <a:moveTo>
                    <a:pt x="64008" y="0"/>
                  </a:moveTo>
                  <a:lnTo>
                    <a:pt x="59436" y="0"/>
                  </a:lnTo>
                  <a:lnTo>
                    <a:pt x="59436" y="4572"/>
                  </a:lnTo>
                  <a:lnTo>
                    <a:pt x="64008" y="4572"/>
                  </a:lnTo>
                  <a:lnTo>
                    <a:pt x="64008" y="0"/>
                  </a:lnTo>
                  <a:close/>
                </a:path>
                <a:path w="646429" h="5080">
                  <a:moveTo>
                    <a:pt x="70104" y="0"/>
                  </a:moveTo>
                  <a:lnTo>
                    <a:pt x="67056" y="0"/>
                  </a:lnTo>
                  <a:lnTo>
                    <a:pt x="67056" y="4572"/>
                  </a:lnTo>
                  <a:lnTo>
                    <a:pt x="70104" y="4572"/>
                  </a:lnTo>
                  <a:lnTo>
                    <a:pt x="70104" y="0"/>
                  </a:lnTo>
                  <a:close/>
                </a:path>
                <a:path w="646429" h="5080">
                  <a:moveTo>
                    <a:pt x="77724" y="0"/>
                  </a:moveTo>
                  <a:lnTo>
                    <a:pt x="73152" y="0"/>
                  </a:lnTo>
                  <a:lnTo>
                    <a:pt x="73152" y="4572"/>
                  </a:lnTo>
                  <a:lnTo>
                    <a:pt x="77724" y="4572"/>
                  </a:lnTo>
                  <a:lnTo>
                    <a:pt x="77724" y="0"/>
                  </a:lnTo>
                  <a:close/>
                </a:path>
                <a:path w="646429" h="5080">
                  <a:moveTo>
                    <a:pt x="83820" y="0"/>
                  </a:moveTo>
                  <a:lnTo>
                    <a:pt x="80772" y="0"/>
                  </a:lnTo>
                  <a:lnTo>
                    <a:pt x="80772" y="4572"/>
                  </a:lnTo>
                  <a:lnTo>
                    <a:pt x="83820" y="4572"/>
                  </a:lnTo>
                  <a:lnTo>
                    <a:pt x="83820" y="0"/>
                  </a:lnTo>
                  <a:close/>
                </a:path>
                <a:path w="646429" h="5080">
                  <a:moveTo>
                    <a:pt x="91440" y="0"/>
                  </a:moveTo>
                  <a:lnTo>
                    <a:pt x="86868" y="0"/>
                  </a:lnTo>
                  <a:lnTo>
                    <a:pt x="86868" y="4572"/>
                  </a:lnTo>
                  <a:lnTo>
                    <a:pt x="91440" y="4572"/>
                  </a:lnTo>
                  <a:lnTo>
                    <a:pt x="91440" y="0"/>
                  </a:lnTo>
                  <a:close/>
                </a:path>
                <a:path w="646429" h="5080">
                  <a:moveTo>
                    <a:pt x="97536" y="0"/>
                  </a:moveTo>
                  <a:lnTo>
                    <a:pt x="94488" y="0"/>
                  </a:lnTo>
                  <a:lnTo>
                    <a:pt x="94488" y="4572"/>
                  </a:lnTo>
                  <a:lnTo>
                    <a:pt x="97536" y="4572"/>
                  </a:lnTo>
                  <a:lnTo>
                    <a:pt x="97536" y="0"/>
                  </a:lnTo>
                  <a:close/>
                </a:path>
                <a:path w="646429" h="5080">
                  <a:moveTo>
                    <a:pt x="105156" y="0"/>
                  </a:moveTo>
                  <a:lnTo>
                    <a:pt x="100584" y="0"/>
                  </a:lnTo>
                  <a:lnTo>
                    <a:pt x="100584" y="4572"/>
                  </a:lnTo>
                  <a:lnTo>
                    <a:pt x="105156" y="4572"/>
                  </a:lnTo>
                  <a:lnTo>
                    <a:pt x="105156" y="0"/>
                  </a:lnTo>
                  <a:close/>
                </a:path>
                <a:path w="646429" h="5080">
                  <a:moveTo>
                    <a:pt x="111252" y="0"/>
                  </a:moveTo>
                  <a:lnTo>
                    <a:pt x="108204" y="0"/>
                  </a:lnTo>
                  <a:lnTo>
                    <a:pt x="108204" y="4572"/>
                  </a:lnTo>
                  <a:lnTo>
                    <a:pt x="111252" y="4572"/>
                  </a:lnTo>
                  <a:lnTo>
                    <a:pt x="111252" y="0"/>
                  </a:lnTo>
                  <a:close/>
                </a:path>
                <a:path w="646429" h="5080">
                  <a:moveTo>
                    <a:pt x="118872" y="0"/>
                  </a:moveTo>
                  <a:lnTo>
                    <a:pt x="114300" y="0"/>
                  </a:lnTo>
                  <a:lnTo>
                    <a:pt x="114300" y="4572"/>
                  </a:lnTo>
                  <a:lnTo>
                    <a:pt x="118872" y="4572"/>
                  </a:lnTo>
                  <a:lnTo>
                    <a:pt x="118872" y="0"/>
                  </a:lnTo>
                  <a:close/>
                </a:path>
                <a:path w="646429" h="5080">
                  <a:moveTo>
                    <a:pt x="124968" y="0"/>
                  </a:moveTo>
                  <a:lnTo>
                    <a:pt x="121920" y="0"/>
                  </a:lnTo>
                  <a:lnTo>
                    <a:pt x="121920" y="4572"/>
                  </a:lnTo>
                  <a:lnTo>
                    <a:pt x="124968" y="4572"/>
                  </a:lnTo>
                  <a:lnTo>
                    <a:pt x="124968" y="0"/>
                  </a:lnTo>
                  <a:close/>
                </a:path>
                <a:path w="646429" h="5080">
                  <a:moveTo>
                    <a:pt x="132588" y="0"/>
                  </a:moveTo>
                  <a:lnTo>
                    <a:pt x="128016" y="0"/>
                  </a:lnTo>
                  <a:lnTo>
                    <a:pt x="128016" y="4572"/>
                  </a:lnTo>
                  <a:lnTo>
                    <a:pt x="132588" y="4572"/>
                  </a:lnTo>
                  <a:lnTo>
                    <a:pt x="132588" y="0"/>
                  </a:lnTo>
                  <a:close/>
                </a:path>
                <a:path w="646429" h="5080">
                  <a:moveTo>
                    <a:pt x="138684" y="0"/>
                  </a:moveTo>
                  <a:lnTo>
                    <a:pt x="135636" y="0"/>
                  </a:lnTo>
                  <a:lnTo>
                    <a:pt x="135636" y="4572"/>
                  </a:lnTo>
                  <a:lnTo>
                    <a:pt x="138684" y="4572"/>
                  </a:lnTo>
                  <a:lnTo>
                    <a:pt x="138684" y="0"/>
                  </a:lnTo>
                  <a:close/>
                </a:path>
                <a:path w="646429" h="5080">
                  <a:moveTo>
                    <a:pt x="146304" y="0"/>
                  </a:moveTo>
                  <a:lnTo>
                    <a:pt x="141732" y="0"/>
                  </a:lnTo>
                  <a:lnTo>
                    <a:pt x="141732" y="4572"/>
                  </a:lnTo>
                  <a:lnTo>
                    <a:pt x="146304" y="4572"/>
                  </a:lnTo>
                  <a:lnTo>
                    <a:pt x="146304" y="0"/>
                  </a:lnTo>
                  <a:close/>
                </a:path>
                <a:path w="646429" h="5080">
                  <a:moveTo>
                    <a:pt x="152400" y="0"/>
                  </a:moveTo>
                  <a:lnTo>
                    <a:pt x="149352" y="0"/>
                  </a:lnTo>
                  <a:lnTo>
                    <a:pt x="149352" y="4572"/>
                  </a:lnTo>
                  <a:lnTo>
                    <a:pt x="152400" y="4572"/>
                  </a:lnTo>
                  <a:lnTo>
                    <a:pt x="152400" y="0"/>
                  </a:lnTo>
                  <a:close/>
                </a:path>
                <a:path w="646429" h="5080">
                  <a:moveTo>
                    <a:pt x="158496" y="0"/>
                  </a:moveTo>
                  <a:lnTo>
                    <a:pt x="155448" y="0"/>
                  </a:lnTo>
                  <a:lnTo>
                    <a:pt x="155448" y="4572"/>
                  </a:lnTo>
                  <a:lnTo>
                    <a:pt x="158496" y="4572"/>
                  </a:lnTo>
                  <a:lnTo>
                    <a:pt x="158496" y="0"/>
                  </a:lnTo>
                  <a:close/>
                </a:path>
                <a:path w="646429" h="5080">
                  <a:moveTo>
                    <a:pt x="166116" y="0"/>
                  </a:moveTo>
                  <a:lnTo>
                    <a:pt x="163068" y="0"/>
                  </a:lnTo>
                  <a:lnTo>
                    <a:pt x="163068" y="4572"/>
                  </a:lnTo>
                  <a:lnTo>
                    <a:pt x="166116" y="4572"/>
                  </a:lnTo>
                  <a:lnTo>
                    <a:pt x="166116" y="0"/>
                  </a:lnTo>
                  <a:close/>
                </a:path>
                <a:path w="646429" h="5080">
                  <a:moveTo>
                    <a:pt x="172212" y="0"/>
                  </a:moveTo>
                  <a:lnTo>
                    <a:pt x="169164" y="0"/>
                  </a:lnTo>
                  <a:lnTo>
                    <a:pt x="169164" y="4572"/>
                  </a:lnTo>
                  <a:lnTo>
                    <a:pt x="172212" y="4572"/>
                  </a:lnTo>
                  <a:lnTo>
                    <a:pt x="172212" y="0"/>
                  </a:lnTo>
                  <a:close/>
                </a:path>
                <a:path w="646429" h="5080">
                  <a:moveTo>
                    <a:pt x="179832" y="0"/>
                  </a:moveTo>
                  <a:lnTo>
                    <a:pt x="176784" y="0"/>
                  </a:lnTo>
                  <a:lnTo>
                    <a:pt x="176784" y="4572"/>
                  </a:lnTo>
                  <a:lnTo>
                    <a:pt x="179832" y="4572"/>
                  </a:lnTo>
                  <a:lnTo>
                    <a:pt x="179832" y="0"/>
                  </a:lnTo>
                  <a:close/>
                </a:path>
                <a:path w="646429" h="5080">
                  <a:moveTo>
                    <a:pt x="185928" y="0"/>
                  </a:moveTo>
                  <a:lnTo>
                    <a:pt x="182880" y="0"/>
                  </a:lnTo>
                  <a:lnTo>
                    <a:pt x="182880" y="4572"/>
                  </a:lnTo>
                  <a:lnTo>
                    <a:pt x="185928" y="4572"/>
                  </a:lnTo>
                  <a:lnTo>
                    <a:pt x="185928" y="0"/>
                  </a:lnTo>
                  <a:close/>
                </a:path>
                <a:path w="646429" h="5080">
                  <a:moveTo>
                    <a:pt x="193548" y="0"/>
                  </a:moveTo>
                  <a:lnTo>
                    <a:pt x="190500" y="0"/>
                  </a:lnTo>
                  <a:lnTo>
                    <a:pt x="190500" y="4572"/>
                  </a:lnTo>
                  <a:lnTo>
                    <a:pt x="193548" y="4572"/>
                  </a:lnTo>
                  <a:lnTo>
                    <a:pt x="193548" y="0"/>
                  </a:lnTo>
                  <a:close/>
                </a:path>
                <a:path w="646429" h="5080">
                  <a:moveTo>
                    <a:pt x="199644" y="0"/>
                  </a:moveTo>
                  <a:lnTo>
                    <a:pt x="196596" y="0"/>
                  </a:lnTo>
                  <a:lnTo>
                    <a:pt x="196596" y="4572"/>
                  </a:lnTo>
                  <a:lnTo>
                    <a:pt x="199644" y="4572"/>
                  </a:lnTo>
                  <a:lnTo>
                    <a:pt x="199644" y="0"/>
                  </a:lnTo>
                  <a:close/>
                </a:path>
                <a:path w="646429" h="5080">
                  <a:moveTo>
                    <a:pt x="207264" y="0"/>
                  </a:moveTo>
                  <a:lnTo>
                    <a:pt x="204216" y="0"/>
                  </a:lnTo>
                  <a:lnTo>
                    <a:pt x="204216" y="4572"/>
                  </a:lnTo>
                  <a:lnTo>
                    <a:pt x="207264" y="4572"/>
                  </a:lnTo>
                  <a:lnTo>
                    <a:pt x="207264" y="0"/>
                  </a:lnTo>
                  <a:close/>
                </a:path>
                <a:path w="646429" h="5080">
                  <a:moveTo>
                    <a:pt x="213360" y="0"/>
                  </a:moveTo>
                  <a:lnTo>
                    <a:pt x="210312" y="0"/>
                  </a:lnTo>
                  <a:lnTo>
                    <a:pt x="210312" y="4572"/>
                  </a:lnTo>
                  <a:lnTo>
                    <a:pt x="213360" y="4572"/>
                  </a:lnTo>
                  <a:lnTo>
                    <a:pt x="213360" y="0"/>
                  </a:lnTo>
                  <a:close/>
                </a:path>
                <a:path w="646429" h="5080">
                  <a:moveTo>
                    <a:pt x="220980" y="0"/>
                  </a:moveTo>
                  <a:lnTo>
                    <a:pt x="217932" y="0"/>
                  </a:lnTo>
                  <a:lnTo>
                    <a:pt x="217932" y="4572"/>
                  </a:lnTo>
                  <a:lnTo>
                    <a:pt x="220980" y="4572"/>
                  </a:lnTo>
                  <a:lnTo>
                    <a:pt x="220980" y="0"/>
                  </a:lnTo>
                  <a:close/>
                </a:path>
                <a:path w="646429" h="5080">
                  <a:moveTo>
                    <a:pt x="227076" y="0"/>
                  </a:moveTo>
                  <a:lnTo>
                    <a:pt x="224028" y="0"/>
                  </a:lnTo>
                  <a:lnTo>
                    <a:pt x="224028" y="4572"/>
                  </a:lnTo>
                  <a:lnTo>
                    <a:pt x="227076" y="4572"/>
                  </a:lnTo>
                  <a:lnTo>
                    <a:pt x="227076" y="0"/>
                  </a:lnTo>
                  <a:close/>
                </a:path>
                <a:path w="646429" h="5080">
                  <a:moveTo>
                    <a:pt x="234696" y="0"/>
                  </a:moveTo>
                  <a:lnTo>
                    <a:pt x="231648" y="0"/>
                  </a:lnTo>
                  <a:lnTo>
                    <a:pt x="231648" y="4572"/>
                  </a:lnTo>
                  <a:lnTo>
                    <a:pt x="234696" y="4572"/>
                  </a:lnTo>
                  <a:lnTo>
                    <a:pt x="234696" y="0"/>
                  </a:lnTo>
                  <a:close/>
                </a:path>
                <a:path w="646429" h="5080">
                  <a:moveTo>
                    <a:pt x="240792" y="0"/>
                  </a:moveTo>
                  <a:lnTo>
                    <a:pt x="237744" y="0"/>
                  </a:lnTo>
                  <a:lnTo>
                    <a:pt x="237744" y="4572"/>
                  </a:lnTo>
                  <a:lnTo>
                    <a:pt x="240792" y="4572"/>
                  </a:lnTo>
                  <a:lnTo>
                    <a:pt x="240792" y="0"/>
                  </a:lnTo>
                  <a:close/>
                </a:path>
                <a:path w="646429" h="5080">
                  <a:moveTo>
                    <a:pt x="248412" y="0"/>
                  </a:moveTo>
                  <a:lnTo>
                    <a:pt x="245364" y="0"/>
                  </a:lnTo>
                  <a:lnTo>
                    <a:pt x="245364" y="4572"/>
                  </a:lnTo>
                  <a:lnTo>
                    <a:pt x="248412" y="4572"/>
                  </a:lnTo>
                  <a:lnTo>
                    <a:pt x="248412" y="0"/>
                  </a:lnTo>
                  <a:close/>
                </a:path>
                <a:path w="646429" h="5080">
                  <a:moveTo>
                    <a:pt x="254508" y="0"/>
                  </a:moveTo>
                  <a:lnTo>
                    <a:pt x="251460" y="0"/>
                  </a:lnTo>
                  <a:lnTo>
                    <a:pt x="251460" y="4572"/>
                  </a:lnTo>
                  <a:lnTo>
                    <a:pt x="254508" y="4572"/>
                  </a:lnTo>
                  <a:lnTo>
                    <a:pt x="254508" y="0"/>
                  </a:lnTo>
                  <a:close/>
                </a:path>
                <a:path w="646429" h="5080">
                  <a:moveTo>
                    <a:pt x="426720" y="0"/>
                  </a:moveTo>
                  <a:lnTo>
                    <a:pt x="425196" y="0"/>
                  </a:lnTo>
                  <a:lnTo>
                    <a:pt x="425196" y="4572"/>
                  </a:lnTo>
                  <a:lnTo>
                    <a:pt x="426720" y="4572"/>
                  </a:lnTo>
                  <a:lnTo>
                    <a:pt x="426720" y="0"/>
                  </a:lnTo>
                  <a:close/>
                </a:path>
                <a:path w="646429" h="5080">
                  <a:moveTo>
                    <a:pt x="432816" y="0"/>
                  </a:moveTo>
                  <a:lnTo>
                    <a:pt x="429768" y="0"/>
                  </a:lnTo>
                  <a:lnTo>
                    <a:pt x="429768" y="4572"/>
                  </a:lnTo>
                  <a:lnTo>
                    <a:pt x="432816" y="4572"/>
                  </a:lnTo>
                  <a:lnTo>
                    <a:pt x="432816" y="0"/>
                  </a:lnTo>
                  <a:close/>
                </a:path>
                <a:path w="646429" h="5080">
                  <a:moveTo>
                    <a:pt x="440436" y="0"/>
                  </a:moveTo>
                  <a:lnTo>
                    <a:pt x="437388" y="0"/>
                  </a:lnTo>
                  <a:lnTo>
                    <a:pt x="437388" y="4572"/>
                  </a:lnTo>
                  <a:lnTo>
                    <a:pt x="440436" y="4572"/>
                  </a:lnTo>
                  <a:lnTo>
                    <a:pt x="440436" y="0"/>
                  </a:lnTo>
                  <a:close/>
                </a:path>
                <a:path w="646429" h="5080">
                  <a:moveTo>
                    <a:pt x="446532" y="0"/>
                  </a:moveTo>
                  <a:lnTo>
                    <a:pt x="443484" y="0"/>
                  </a:lnTo>
                  <a:lnTo>
                    <a:pt x="443484" y="4572"/>
                  </a:lnTo>
                  <a:lnTo>
                    <a:pt x="446532" y="4572"/>
                  </a:lnTo>
                  <a:lnTo>
                    <a:pt x="446532" y="0"/>
                  </a:lnTo>
                  <a:close/>
                </a:path>
                <a:path w="646429" h="5080">
                  <a:moveTo>
                    <a:pt x="454152" y="0"/>
                  </a:moveTo>
                  <a:lnTo>
                    <a:pt x="451104" y="0"/>
                  </a:lnTo>
                  <a:lnTo>
                    <a:pt x="451104" y="4572"/>
                  </a:lnTo>
                  <a:lnTo>
                    <a:pt x="454152" y="4572"/>
                  </a:lnTo>
                  <a:lnTo>
                    <a:pt x="454152" y="0"/>
                  </a:lnTo>
                  <a:close/>
                </a:path>
                <a:path w="646429" h="5080">
                  <a:moveTo>
                    <a:pt x="460248" y="0"/>
                  </a:moveTo>
                  <a:lnTo>
                    <a:pt x="457200" y="0"/>
                  </a:lnTo>
                  <a:lnTo>
                    <a:pt x="457200" y="4572"/>
                  </a:lnTo>
                  <a:lnTo>
                    <a:pt x="460248" y="4572"/>
                  </a:lnTo>
                  <a:lnTo>
                    <a:pt x="460248" y="0"/>
                  </a:lnTo>
                  <a:close/>
                </a:path>
                <a:path w="646429" h="5080">
                  <a:moveTo>
                    <a:pt x="467868" y="0"/>
                  </a:moveTo>
                  <a:lnTo>
                    <a:pt x="464820" y="0"/>
                  </a:lnTo>
                  <a:lnTo>
                    <a:pt x="464820" y="4572"/>
                  </a:lnTo>
                  <a:lnTo>
                    <a:pt x="467868" y="4572"/>
                  </a:lnTo>
                  <a:lnTo>
                    <a:pt x="467868" y="0"/>
                  </a:lnTo>
                  <a:close/>
                </a:path>
                <a:path w="646429" h="5080">
                  <a:moveTo>
                    <a:pt x="473964" y="0"/>
                  </a:moveTo>
                  <a:lnTo>
                    <a:pt x="470916" y="0"/>
                  </a:lnTo>
                  <a:lnTo>
                    <a:pt x="470916" y="4572"/>
                  </a:lnTo>
                  <a:lnTo>
                    <a:pt x="473964" y="4572"/>
                  </a:lnTo>
                  <a:lnTo>
                    <a:pt x="473964" y="0"/>
                  </a:lnTo>
                  <a:close/>
                </a:path>
                <a:path w="646429" h="5080">
                  <a:moveTo>
                    <a:pt x="481584" y="0"/>
                  </a:moveTo>
                  <a:lnTo>
                    <a:pt x="478536" y="0"/>
                  </a:lnTo>
                  <a:lnTo>
                    <a:pt x="478536" y="4572"/>
                  </a:lnTo>
                  <a:lnTo>
                    <a:pt x="481584" y="4572"/>
                  </a:lnTo>
                  <a:lnTo>
                    <a:pt x="481584" y="0"/>
                  </a:lnTo>
                  <a:close/>
                </a:path>
                <a:path w="646429" h="5080">
                  <a:moveTo>
                    <a:pt x="487680" y="0"/>
                  </a:moveTo>
                  <a:lnTo>
                    <a:pt x="484632" y="0"/>
                  </a:lnTo>
                  <a:lnTo>
                    <a:pt x="484632" y="4572"/>
                  </a:lnTo>
                  <a:lnTo>
                    <a:pt x="487680" y="4572"/>
                  </a:lnTo>
                  <a:lnTo>
                    <a:pt x="487680" y="0"/>
                  </a:lnTo>
                  <a:close/>
                </a:path>
                <a:path w="646429" h="5080">
                  <a:moveTo>
                    <a:pt x="495300" y="0"/>
                  </a:moveTo>
                  <a:lnTo>
                    <a:pt x="492252" y="0"/>
                  </a:lnTo>
                  <a:lnTo>
                    <a:pt x="492252" y="4572"/>
                  </a:lnTo>
                  <a:lnTo>
                    <a:pt x="495300" y="4572"/>
                  </a:lnTo>
                  <a:lnTo>
                    <a:pt x="495300" y="0"/>
                  </a:lnTo>
                  <a:close/>
                </a:path>
                <a:path w="646429" h="5080">
                  <a:moveTo>
                    <a:pt x="501396" y="0"/>
                  </a:moveTo>
                  <a:lnTo>
                    <a:pt x="498348" y="0"/>
                  </a:lnTo>
                  <a:lnTo>
                    <a:pt x="498348" y="4572"/>
                  </a:lnTo>
                  <a:lnTo>
                    <a:pt x="501396" y="4572"/>
                  </a:lnTo>
                  <a:lnTo>
                    <a:pt x="501396" y="0"/>
                  </a:lnTo>
                  <a:close/>
                </a:path>
                <a:path w="646429" h="5080">
                  <a:moveTo>
                    <a:pt x="509016" y="0"/>
                  </a:moveTo>
                  <a:lnTo>
                    <a:pt x="505968" y="0"/>
                  </a:lnTo>
                  <a:lnTo>
                    <a:pt x="505968" y="4572"/>
                  </a:lnTo>
                  <a:lnTo>
                    <a:pt x="509016" y="4572"/>
                  </a:lnTo>
                  <a:lnTo>
                    <a:pt x="509016" y="0"/>
                  </a:lnTo>
                  <a:close/>
                </a:path>
                <a:path w="646429" h="5080">
                  <a:moveTo>
                    <a:pt x="515112" y="0"/>
                  </a:moveTo>
                  <a:lnTo>
                    <a:pt x="512064" y="0"/>
                  </a:lnTo>
                  <a:lnTo>
                    <a:pt x="512064" y="4572"/>
                  </a:lnTo>
                  <a:lnTo>
                    <a:pt x="515112" y="4572"/>
                  </a:lnTo>
                  <a:lnTo>
                    <a:pt x="515112" y="0"/>
                  </a:lnTo>
                  <a:close/>
                </a:path>
                <a:path w="646429" h="5080">
                  <a:moveTo>
                    <a:pt x="522732" y="0"/>
                  </a:moveTo>
                  <a:lnTo>
                    <a:pt x="519684" y="0"/>
                  </a:lnTo>
                  <a:lnTo>
                    <a:pt x="519684" y="4572"/>
                  </a:lnTo>
                  <a:lnTo>
                    <a:pt x="522732" y="4572"/>
                  </a:lnTo>
                  <a:lnTo>
                    <a:pt x="522732" y="0"/>
                  </a:lnTo>
                  <a:close/>
                </a:path>
                <a:path w="646429" h="5080">
                  <a:moveTo>
                    <a:pt x="528828" y="0"/>
                  </a:moveTo>
                  <a:lnTo>
                    <a:pt x="525780" y="0"/>
                  </a:lnTo>
                  <a:lnTo>
                    <a:pt x="525780" y="4572"/>
                  </a:lnTo>
                  <a:lnTo>
                    <a:pt x="528828" y="4572"/>
                  </a:lnTo>
                  <a:lnTo>
                    <a:pt x="528828" y="0"/>
                  </a:lnTo>
                  <a:close/>
                </a:path>
                <a:path w="646429" h="5080">
                  <a:moveTo>
                    <a:pt x="536448" y="0"/>
                  </a:moveTo>
                  <a:lnTo>
                    <a:pt x="533400" y="0"/>
                  </a:lnTo>
                  <a:lnTo>
                    <a:pt x="533400" y="4572"/>
                  </a:lnTo>
                  <a:lnTo>
                    <a:pt x="536448" y="4572"/>
                  </a:lnTo>
                  <a:lnTo>
                    <a:pt x="536448" y="0"/>
                  </a:lnTo>
                  <a:close/>
                </a:path>
                <a:path w="646429" h="5080">
                  <a:moveTo>
                    <a:pt x="542544" y="0"/>
                  </a:moveTo>
                  <a:lnTo>
                    <a:pt x="539496" y="0"/>
                  </a:lnTo>
                  <a:lnTo>
                    <a:pt x="539496" y="4572"/>
                  </a:lnTo>
                  <a:lnTo>
                    <a:pt x="542544" y="4572"/>
                  </a:lnTo>
                  <a:lnTo>
                    <a:pt x="542544" y="0"/>
                  </a:lnTo>
                  <a:close/>
                </a:path>
                <a:path w="646429" h="5080">
                  <a:moveTo>
                    <a:pt x="550164" y="0"/>
                  </a:moveTo>
                  <a:lnTo>
                    <a:pt x="547116" y="0"/>
                  </a:lnTo>
                  <a:lnTo>
                    <a:pt x="547116" y="4572"/>
                  </a:lnTo>
                  <a:lnTo>
                    <a:pt x="550164" y="4572"/>
                  </a:lnTo>
                  <a:lnTo>
                    <a:pt x="550164" y="0"/>
                  </a:lnTo>
                  <a:close/>
                </a:path>
                <a:path w="646429" h="5080">
                  <a:moveTo>
                    <a:pt x="556260" y="0"/>
                  </a:moveTo>
                  <a:lnTo>
                    <a:pt x="553212" y="0"/>
                  </a:lnTo>
                  <a:lnTo>
                    <a:pt x="553212" y="4572"/>
                  </a:lnTo>
                  <a:lnTo>
                    <a:pt x="556260" y="4572"/>
                  </a:lnTo>
                  <a:lnTo>
                    <a:pt x="556260" y="0"/>
                  </a:lnTo>
                  <a:close/>
                </a:path>
                <a:path w="646429" h="5080">
                  <a:moveTo>
                    <a:pt x="563880" y="0"/>
                  </a:moveTo>
                  <a:lnTo>
                    <a:pt x="560832" y="0"/>
                  </a:lnTo>
                  <a:lnTo>
                    <a:pt x="560832" y="4572"/>
                  </a:lnTo>
                  <a:lnTo>
                    <a:pt x="563880" y="4572"/>
                  </a:lnTo>
                  <a:lnTo>
                    <a:pt x="563880" y="0"/>
                  </a:lnTo>
                  <a:close/>
                </a:path>
                <a:path w="646429" h="5080">
                  <a:moveTo>
                    <a:pt x="569976" y="0"/>
                  </a:moveTo>
                  <a:lnTo>
                    <a:pt x="566928" y="0"/>
                  </a:lnTo>
                  <a:lnTo>
                    <a:pt x="566928" y="4572"/>
                  </a:lnTo>
                  <a:lnTo>
                    <a:pt x="569976" y="4572"/>
                  </a:lnTo>
                  <a:lnTo>
                    <a:pt x="569976" y="0"/>
                  </a:lnTo>
                  <a:close/>
                </a:path>
                <a:path w="646429" h="5080">
                  <a:moveTo>
                    <a:pt x="577596" y="0"/>
                  </a:moveTo>
                  <a:lnTo>
                    <a:pt x="574548" y="0"/>
                  </a:lnTo>
                  <a:lnTo>
                    <a:pt x="574548" y="4572"/>
                  </a:lnTo>
                  <a:lnTo>
                    <a:pt x="577596" y="4572"/>
                  </a:lnTo>
                  <a:lnTo>
                    <a:pt x="577596" y="0"/>
                  </a:lnTo>
                  <a:close/>
                </a:path>
                <a:path w="646429" h="5080">
                  <a:moveTo>
                    <a:pt x="583692" y="0"/>
                  </a:moveTo>
                  <a:lnTo>
                    <a:pt x="580644" y="0"/>
                  </a:lnTo>
                  <a:lnTo>
                    <a:pt x="580644" y="4572"/>
                  </a:lnTo>
                  <a:lnTo>
                    <a:pt x="583692" y="4572"/>
                  </a:lnTo>
                  <a:lnTo>
                    <a:pt x="583692" y="0"/>
                  </a:lnTo>
                  <a:close/>
                </a:path>
                <a:path w="646429" h="5080">
                  <a:moveTo>
                    <a:pt x="591312" y="0"/>
                  </a:moveTo>
                  <a:lnTo>
                    <a:pt x="588264" y="0"/>
                  </a:lnTo>
                  <a:lnTo>
                    <a:pt x="588264" y="4572"/>
                  </a:lnTo>
                  <a:lnTo>
                    <a:pt x="591312" y="4572"/>
                  </a:lnTo>
                  <a:lnTo>
                    <a:pt x="591312" y="0"/>
                  </a:lnTo>
                  <a:close/>
                </a:path>
                <a:path w="646429" h="5080">
                  <a:moveTo>
                    <a:pt x="597408" y="0"/>
                  </a:moveTo>
                  <a:lnTo>
                    <a:pt x="594360" y="0"/>
                  </a:lnTo>
                  <a:lnTo>
                    <a:pt x="594360" y="4572"/>
                  </a:lnTo>
                  <a:lnTo>
                    <a:pt x="597408" y="4572"/>
                  </a:lnTo>
                  <a:lnTo>
                    <a:pt x="597408" y="0"/>
                  </a:lnTo>
                  <a:close/>
                </a:path>
                <a:path w="646429" h="5080">
                  <a:moveTo>
                    <a:pt x="605028" y="0"/>
                  </a:moveTo>
                  <a:lnTo>
                    <a:pt x="601980" y="0"/>
                  </a:lnTo>
                  <a:lnTo>
                    <a:pt x="601980" y="4572"/>
                  </a:lnTo>
                  <a:lnTo>
                    <a:pt x="605028" y="4572"/>
                  </a:lnTo>
                  <a:lnTo>
                    <a:pt x="605028" y="0"/>
                  </a:lnTo>
                  <a:close/>
                </a:path>
                <a:path w="646429" h="5080">
                  <a:moveTo>
                    <a:pt x="611124" y="0"/>
                  </a:moveTo>
                  <a:lnTo>
                    <a:pt x="608076" y="0"/>
                  </a:lnTo>
                  <a:lnTo>
                    <a:pt x="608076" y="4572"/>
                  </a:lnTo>
                  <a:lnTo>
                    <a:pt x="611124" y="4572"/>
                  </a:lnTo>
                  <a:lnTo>
                    <a:pt x="611124" y="0"/>
                  </a:lnTo>
                  <a:close/>
                </a:path>
                <a:path w="646429" h="5080">
                  <a:moveTo>
                    <a:pt x="618744" y="0"/>
                  </a:moveTo>
                  <a:lnTo>
                    <a:pt x="615696" y="0"/>
                  </a:lnTo>
                  <a:lnTo>
                    <a:pt x="615696" y="4572"/>
                  </a:lnTo>
                  <a:lnTo>
                    <a:pt x="618744" y="4572"/>
                  </a:lnTo>
                  <a:lnTo>
                    <a:pt x="618744" y="0"/>
                  </a:lnTo>
                  <a:close/>
                </a:path>
                <a:path w="646429" h="5080">
                  <a:moveTo>
                    <a:pt x="624840" y="0"/>
                  </a:moveTo>
                  <a:lnTo>
                    <a:pt x="621792" y="0"/>
                  </a:lnTo>
                  <a:lnTo>
                    <a:pt x="621792" y="4572"/>
                  </a:lnTo>
                  <a:lnTo>
                    <a:pt x="624840" y="4572"/>
                  </a:lnTo>
                  <a:lnTo>
                    <a:pt x="624840" y="0"/>
                  </a:lnTo>
                  <a:close/>
                </a:path>
                <a:path w="646429" h="5080">
                  <a:moveTo>
                    <a:pt x="632460" y="0"/>
                  </a:moveTo>
                  <a:lnTo>
                    <a:pt x="629412" y="0"/>
                  </a:lnTo>
                  <a:lnTo>
                    <a:pt x="629412" y="4572"/>
                  </a:lnTo>
                  <a:lnTo>
                    <a:pt x="632460" y="4572"/>
                  </a:lnTo>
                  <a:lnTo>
                    <a:pt x="632460" y="0"/>
                  </a:lnTo>
                  <a:close/>
                </a:path>
                <a:path w="646429" h="5080">
                  <a:moveTo>
                    <a:pt x="638556" y="0"/>
                  </a:moveTo>
                  <a:lnTo>
                    <a:pt x="635508" y="0"/>
                  </a:lnTo>
                  <a:lnTo>
                    <a:pt x="635508" y="4572"/>
                  </a:lnTo>
                  <a:lnTo>
                    <a:pt x="638556" y="4572"/>
                  </a:lnTo>
                  <a:lnTo>
                    <a:pt x="638556" y="0"/>
                  </a:lnTo>
                  <a:close/>
                </a:path>
                <a:path w="646429" h="5080">
                  <a:moveTo>
                    <a:pt x="646176" y="0"/>
                  </a:moveTo>
                  <a:lnTo>
                    <a:pt x="643128" y="0"/>
                  </a:lnTo>
                  <a:lnTo>
                    <a:pt x="643128" y="4572"/>
                  </a:lnTo>
                  <a:lnTo>
                    <a:pt x="646176" y="4572"/>
                  </a:lnTo>
                  <a:lnTo>
                    <a:pt x="646176" y="0"/>
                  </a:lnTo>
                  <a:close/>
                </a:path>
              </a:pathLst>
            </a:custGeom>
            <a:solidFill>
              <a:srgbClr val="D8D8D8"/>
            </a:solidFill>
          </p:spPr>
          <p:txBody>
            <a:bodyPr wrap="square" lIns="0" tIns="0" rIns="0" bIns="0" rtlCol="0"/>
            <a:lstStyle/>
            <a:p>
              <a:endParaRPr sz="1539"/>
            </a:p>
          </p:txBody>
        </p:sp>
        <p:sp>
          <p:nvSpPr>
            <p:cNvPr id="144" name="object 144"/>
            <p:cNvSpPr/>
            <p:nvPr/>
          </p:nvSpPr>
          <p:spPr>
            <a:xfrm>
              <a:off x="5849112" y="1726691"/>
              <a:ext cx="647700" cy="5080"/>
            </a:xfrm>
            <a:custGeom>
              <a:avLst/>
              <a:gdLst/>
              <a:ahLst/>
              <a:cxnLst/>
              <a:rect l="l" t="t" r="r" b="b"/>
              <a:pathLst>
                <a:path w="647700" h="5080">
                  <a:moveTo>
                    <a:pt x="3048" y="0"/>
                  </a:moveTo>
                  <a:lnTo>
                    <a:pt x="0" y="0"/>
                  </a:lnTo>
                  <a:lnTo>
                    <a:pt x="0" y="4572"/>
                  </a:lnTo>
                  <a:lnTo>
                    <a:pt x="3048" y="4572"/>
                  </a:lnTo>
                  <a:lnTo>
                    <a:pt x="3048" y="0"/>
                  </a:lnTo>
                  <a:close/>
                </a:path>
                <a:path w="647700" h="5080">
                  <a:moveTo>
                    <a:pt x="9144" y="0"/>
                  </a:moveTo>
                  <a:lnTo>
                    <a:pt x="6096" y="0"/>
                  </a:lnTo>
                  <a:lnTo>
                    <a:pt x="6096" y="4572"/>
                  </a:lnTo>
                  <a:lnTo>
                    <a:pt x="9144" y="4572"/>
                  </a:lnTo>
                  <a:lnTo>
                    <a:pt x="9144" y="0"/>
                  </a:lnTo>
                  <a:close/>
                </a:path>
                <a:path w="647700" h="5080">
                  <a:moveTo>
                    <a:pt x="16764" y="0"/>
                  </a:moveTo>
                  <a:lnTo>
                    <a:pt x="13716" y="0"/>
                  </a:lnTo>
                  <a:lnTo>
                    <a:pt x="13716" y="4572"/>
                  </a:lnTo>
                  <a:lnTo>
                    <a:pt x="16764" y="4572"/>
                  </a:lnTo>
                  <a:lnTo>
                    <a:pt x="16764" y="0"/>
                  </a:lnTo>
                  <a:close/>
                </a:path>
                <a:path w="647700" h="5080">
                  <a:moveTo>
                    <a:pt x="22860" y="0"/>
                  </a:moveTo>
                  <a:lnTo>
                    <a:pt x="19812" y="0"/>
                  </a:lnTo>
                  <a:lnTo>
                    <a:pt x="19812" y="4572"/>
                  </a:lnTo>
                  <a:lnTo>
                    <a:pt x="22860" y="4572"/>
                  </a:lnTo>
                  <a:lnTo>
                    <a:pt x="22860" y="0"/>
                  </a:lnTo>
                  <a:close/>
                </a:path>
                <a:path w="647700" h="5080">
                  <a:moveTo>
                    <a:pt x="30480" y="0"/>
                  </a:moveTo>
                  <a:lnTo>
                    <a:pt x="27432" y="0"/>
                  </a:lnTo>
                  <a:lnTo>
                    <a:pt x="27432" y="4572"/>
                  </a:lnTo>
                  <a:lnTo>
                    <a:pt x="30480" y="4572"/>
                  </a:lnTo>
                  <a:lnTo>
                    <a:pt x="30480" y="0"/>
                  </a:lnTo>
                  <a:close/>
                </a:path>
                <a:path w="647700" h="5080">
                  <a:moveTo>
                    <a:pt x="36576" y="0"/>
                  </a:moveTo>
                  <a:lnTo>
                    <a:pt x="33528" y="0"/>
                  </a:lnTo>
                  <a:lnTo>
                    <a:pt x="33528" y="4572"/>
                  </a:lnTo>
                  <a:lnTo>
                    <a:pt x="36576" y="4572"/>
                  </a:lnTo>
                  <a:lnTo>
                    <a:pt x="36576" y="0"/>
                  </a:lnTo>
                  <a:close/>
                </a:path>
                <a:path w="647700" h="5080">
                  <a:moveTo>
                    <a:pt x="208788" y="0"/>
                  </a:moveTo>
                  <a:lnTo>
                    <a:pt x="207264" y="0"/>
                  </a:lnTo>
                  <a:lnTo>
                    <a:pt x="207264" y="4572"/>
                  </a:lnTo>
                  <a:lnTo>
                    <a:pt x="208788" y="4572"/>
                  </a:lnTo>
                  <a:lnTo>
                    <a:pt x="208788" y="0"/>
                  </a:lnTo>
                  <a:close/>
                </a:path>
                <a:path w="647700" h="5080">
                  <a:moveTo>
                    <a:pt x="214884" y="0"/>
                  </a:moveTo>
                  <a:lnTo>
                    <a:pt x="211836" y="0"/>
                  </a:lnTo>
                  <a:lnTo>
                    <a:pt x="211836" y="4572"/>
                  </a:lnTo>
                  <a:lnTo>
                    <a:pt x="214884" y="4572"/>
                  </a:lnTo>
                  <a:lnTo>
                    <a:pt x="214884" y="0"/>
                  </a:lnTo>
                  <a:close/>
                </a:path>
                <a:path w="647700" h="5080">
                  <a:moveTo>
                    <a:pt x="222504" y="0"/>
                  </a:moveTo>
                  <a:lnTo>
                    <a:pt x="217932" y="0"/>
                  </a:lnTo>
                  <a:lnTo>
                    <a:pt x="217932" y="4572"/>
                  </a:lnTo>
                  <a:lnTo>
                    <a:pt x="222504" y="4572"/>
                  </a:lnTo>
                  <a:lnTo>
                    <a:pt x="222504" y="0"/>
                  </a:lnTo>
                  <a:close/>
                </a:path>
                <a:path w="647700" h="5080">
                  <a:moveTo>
                    <a:pt x="228600" y="0"/>
                  </a:moveTo>
                  <a:lnTo>
                    <a:pt x="225552" y="0"/>
                  </a:lnTo>
                  <a:lnTo>
                    <a:pt x="225552" y="4572"/>
                  </a:lnTo>
                  <a:lnTo>
                    <a:pt x="228600" y="4572"/>
                  </a:lnTo>
                  <a:lnTo>
                    <a:pt x="228600" y="0"/>
                  </a:lnTo>
                  <a:close/>
                </a:path>
                <a:path w="647700" h="5080">
                  <a:moveTo>
                    <a:pt x="236220" y="0"/>
                  </a:moveTo>
                  <a:lnTo>
                    <a:pt x="231648" y="0"/>
                  </a:lnTo>
                  <a:lnTo>
                    <a:pt x="231648" y="4572"/>
                  </a:lnTo>
                  <a:lnTo>
                    <a:pt x="236220" y="4572"/>
                  </a:lnTo>
                  <a:lnTo>
                    <a:pt x="236220" y="0"/>
                  </a:lnTo>
                  <a:close/>
                </a:path>
                <a:path w="647700" h="5080">
                  <a:moveTo>
                    <a:pt x="242316" y="0"/>
                  </a:moveTo>
                  <a:lnTo>
                    <a:pt x="239268" y="0"/>
                  </a:lnTo>
                  <a:lnTo>
                    <a:pt x="239268" y="4572"/>
                  </a:lnTo>
                  <a:lnTo>
                    <a:pt x="242316" y="4572"/>
                  </a:lnTo>
                  <a:lnTo>
                    <a:pt x="242316" y="0"/>
                  </a:lnTo>
                  <a:close/>
                </a:path>
                <a:path w="647700" h="5080">
                  <a:moveTo>
                    <a:pt x="249936" y="0"/>
                  </a:moveTo>
                  <a:lnTo>
                    <a:pt x="245364" y="0"/>
                  </a:lnTo>
                  <a:lnTo>
                    <a:pt x="245364" y="4572"/>
                  </a:lnTo>
                  <a:lnTo>
                    <a:pt x="249936" y="4572"/>
                  </a:lnTo>
                  <a:lnTo>
                    <a:pt x="249936" y="0"/>
                  </a:lnTo>
                  <a:close/>
                </a:path>
                <a:path w="647700" h="5080">
                  <a:moveTo>
                    <a:pt x="256032" y="0"/>
                  </a:moveTo>
                  <a:lnTo>
                    <a:pt x="252984" y="0"/>
                  </a:lnTo>
                  <a:lnTo>
                    <a:pt x="252984" y="4572"/>
                  </a:lnTo>
                  <a:lnTo>
                    <a:pt x="256032" y="4572"/>
                  </a:lnTo>
                  <a:lnTo>
                    <a:pt x="256032" y="0"/>
                  </a:lnTo>
                  <a:close/>
                </a:path>
                <a:path w="647700" h="5080">
                  <a:moveTo>
                    <a:pt x="263652" y="0"/>
                  </a:moveTo>
                  <a:lnTo>
                    <a:pt x="259080" y="0"/>
                  </a:lnTo>
                  <a:lnTo>
                    <a:pt x="259080" y="4572"/>
                  </a:lnTo>
                  <a:lnTo>
                    <a:pt x="263652" y="4572"/>
                  </a:lnTo>
                  <a:lnTo>
                    <a:pt x="263652" y="0"/>
                  </a:lnTo>
                  <a:close/>
                </a:path>
                <a:path w="647700" h="5080">
                  <a:moveTo>
                    <a:pt x="269748" y="0"/>
                  </a:moveTo>
                  <a:lnTo>
                    <a:pt x="266700" y="0"/>
                  </a:lnTo>
                  <a:lnTo>
                    <a:pt x="266700" y="4572"/>
                  </a:lnTo>
                  <a:lnTo>
                    <a:pt x="269748" y="4572"/>
                  </a:lnTo>
                  <a:lnTo>
                    <a:pt x="269748" y="0"/>
                  </a:lnTo>
                  <a:close/>
                </a:path>
                <a:path w="647700" h="5080">
                  <a:moveTo>
                    <a:pt x="277368" y="0"/>
                  </a:moveTo>
                  <a:lnTo>
                    <a:pt x="272796" y="0"/>
                  </a:lnTo>
                  <a:lnTo>
                    <a:pt x="272796" y="4572"/>
                  </a:lnTo>
                  <a:lnTo>
                    <a:pt x="277368" y="4572"/>
                  </a:lnTo>
                  <a:lnTo>
                    <a:pt x="277368" y="0"/>
                  </a:lnTo>
                  <a:close/>
                </a:path>
                <a:path w="647700" h="5080">
                  <a:moveTo>
                    <a:pt x="283464" y="0"/>
                  </a:moveTo>
                  <a:lnTo>
                    <a:pt x="280416" y="0"/>
                  </a:lnTo>
                  <a:lnTo>
                    <a:pt x="280416" y="4572"/>
                  </a:lnTo>
                  <a:lnTo>
                    <a:pt x="283464" y="4572"/>
                  </a:lnTo>
                  <a:lnTo>
                    <a:pt x="283464" y="0"/>
                  </a:lnTo>
                  <a:close/>
                </a:path>
                <a:path w="647700" h="5080">
                  <a:moveTo>
                    <a:pt x="291084" y="0"/>
                  </a:moveTo>
                  <a:lnTo>
                    <a:pt x="286512" y="0"/>
                  </a:lnTo>
                  <a:lnTo>
                    <a:pt x="286512" y="4572"/>
                  </a:lnTo>
                  <a:lnTo>
                    <a:pt x="291084" y="4572"/>
                  </a:lnTo>
                  <a:lnTo>
                    <a:pt x="291084" y="0"/>
                  </a:lnTo>
                  <a:close/>
                </a:path>
                <a:path w="647700" h="5080">
                  <a:moveTo>
                    <a:pt x="297180" y="0"/>
                  </a:moveTo>
                  <a:lnTo>
                    <a:pt x="294132" y="0"/>
                  </a:lnTo>
                  <a:lnTo>
                    <a:pt x="294132" y="4572"/>
                  </a:lnTo>
                  <a:lnTo>
                    <a:pt x="297180" y="4572"/>
                  </a:lnTo>
                  <a:lnTo>
                    <a:pt x="297180" y="0"/>
                  </a:lnTo>
                  <a:close/>
                </a:path>
                <a:path w="647700" h="5080">
                  <a:moveTo>
                    <a:pt x="304800" y="0"/>
                  </a:moveTo>
                  <a:lnTo>
                    <a:pt x="300228" y="0"/>
                  </a:lnTo>
                  <a:lnTo>
                    <a:pt x="300228" y="4572"/>
                  </a:lnTo>
                  <a:lnTo>
                    <a:pt x="304800" y="4572"/>
                  </a:lnTo>
                  <a:lnTo>
                    <a:pt x="304800" y="0"/>
                  </a:lnTo>
                  <a:close/>
                </a:path>
                <a:path w="647700" h="5080">
                  <a:moveTo>
                    <a:pt x="310896" y="0"/>
                  </a:moveTo>
                  <a:lnTo>
                    <a:pt x="307848" y="0"/>
                  </a:lnTo>
                  <a:lnTo>
                    <a:pt x="307848" y="4572"/>
                  </a:lnTo>
                  <a:lnTo>
                    <a:pt x="310896" y="4572"/>
                  </a:lnTo>
                  <a:lnTo>
                    <a:pt x="310896" y="0"/>
                  </a:lnTo>
                  <a:close/>
                </a:path>
                <a:path w="647700" h="5080">
                  <a:moveTo>
                    <a:pt x="318516" y="0"/>
                  </a:moveTo>
                  <a:lnTo>
                    <a:pt x="313944" y="0"/>
                  </a:lnTo>
                  <a:lnTo>
                    <a:pt x="313944" y="4572"/>
                  </a:lnTo>
                  <a:lnTo>
                    <a:pt x="318516" y="4572"/>
                  </a:lnTo>
                  <a:lnTo>
                    <a:pt x="318516" y="0"/>
                  </a:lnTo>
                  <a:close/>
                </a:path>
                <a:path w="647700" h="5080">
                  <a:moveTo>
                    <a:pt x="324612" y="0"/>
                  </a:moveTo>
                  <a:lnTo>
                    <a:pt x="321564" y="0"/>
                  </a:lnTo>
                  <a:lnTo>
                    <a:pt x="321564" y="4572"/>
                  </a:lnTo>
                  <a:lnTo>
                    <a:pt x="324612" y="4572"/>
                  </a:lnTo>
                  <a:lnTo>
                    <a:pt x="324612" y="0"/>
                  </a:lnTo>
                  <a:close/>
                </a:path>
                <a:path w="647700" h="5080">
                  <a:moveTo>
                    <a:pt x="332232" y="0"/>
                  </a:moveTo>
                  <a:lnTo>
                    <a:pt x="327660" y="0"/>
                  </a:lnTo>
                  <a:lnTo>
                    <a:pt x="327660" y="4572"/>
                  </a:lnTo>
                  <a:lnTo>
                    <a:pt x="332232" y="4572"/>
                  </a:lnTo>
                  <a:lnTo>
                    <a:pt x="332232" y="0"/>
                  </a:lnTo>
                  <a:close/>
                </a:path>
                <a:path w="647700" h="5080">
                  <a:moveTo>
                    <a:pt x="338328" y="0"/>
                  </a:moveTo>
                  <a:lnTo>
                    <a:pt x="335280" y="0"/>
                  </a:lnTo>
                  <a:lnTo>
                    <a:pt x="335280" y="4572"/>
                  </a:lnTo>
                  <a:lnTo>
                    <a:pt x="338328" y="4572"/>
                  </a:lnTo>
                  <a:lnTo>
                    <a:pt x="338328" y="0"/>
                  </a:lnTo>
                  <a:close/>
                </a:path>
                <a:path w="647700" h="5080">
                  <a:moveTo>
                    <a:pt x="345948" y="0"/>
                  </a:moveTo>
                  <a:lnTo>
                    <a:pt x="341376" y="0"/>
                  </a:lnTo>
                  <a:lnTo>
                    <a:pt x="341376" y="4572"/>
                  </a:lnTo>
                  <a:lnTo>
                    <a:pt x="345948" y="4572"/>
                  </a:lnTo>
                  <a:lnTo>
                    <a:pt x="345948" y="0"/>
                  </a:lnTo>
                  <a:close/>
                </a:path>
                <a:path w="647700" h="5080">
                  <a:moveTo>
                    <a:pt x="352044" y="0"/>
                  </a:moveTo>
                  <a:lnTo>
                    <a:pt x="348996" y="0"/>
                  </a:lnTo>
                  <a:lnTo>
                    <a:pt x="348996" y="4572"/>
                  </a:lnTo>
                  <a:lnTo>
                    <a:pt x="352044" y="4572"/>
                  </a:lnTo>
                  <a:lnTo>
                    <a:pt x="352044" y="0"/>
                  </a:lnTo>
                  <a:close/>
                </a:path>
                <a:path w="647700" h="5080">
                  <a:moveTo>
                    <a:pt x="359664" y="0"/>
                  </a:moveTo>
                  <a:lnTo>
                    <a:pt x="355092" y="0"/>
                  </a:lnTo>
                  <a:lnTo>
                    <a:pt x="355092" y="4572"/>
                  </a:lnTo>
                  <a:lnTo>
                    <a:pt x="359664" y="4572"/>
                  </a:lnTo>
                  <a:lnTo>
                    <a:pt x="359664" y="0"/>
                  </a:lnTo>
                  <a:close/>
                </a:path>
                <a:path w="647700" h="5080">
                  <a:moveTo>
                    <a:pt x="365760" y="0"/>
                  </a:moveTo>
                  <a:lnTo>
                    <a:pt x="362712" y="0"/>
                  </a:lnTo>
                  <a:lnTo>
                    <a:pt x="362712" y="4572"/>
                  </a:lnTo>
                  <a:lnTo>
                    <a:pt x="365760" y="4572"/>
                  </a:lnTo>
                  <a:lnTo>
                    <a:pt x="365760" y="0"/>
                  </a:lnTo>
                  <a:close/>
                </a:path>
                <a:path w="647700" h="5080">
                  <a:moveTo>
                    <a:pt x="373380" y="0"/>
                  </a:moveTo>
                  <a:lnTo>
                    <a:pt x="368808" y="0"/>
                  </a:lnTo>
                  <a:lnTo>
                    <a:pt x="368808" y="4572"/>
                  </a:lnTo>
                  <a:lnTo>
                    <a:pt x="373380" y="4572"/>
                  </a:lnTo>
                  <a:lnTo>
                    <a:pt x="373380" y="0"/>
                  </a:lnTo>
                  <a:close/>
                </a:path>
                <a:path w="647700" h="5080">
                  <a:moveTo>
                    <a:pt x="379476" y="0"/>
                  </a:moveTo>
                  <a:lnTo>
                    <a:pt x="376428" y="0"/>
                  </a:lnTo>
                  <a:lnTo>
                    <a:pt x="376428" y="4572"/>
                  </a:lnTo>
                  <a:lnTo>
                    <a:pt x="379476" y="4572"/>
                  </a:lnTo>
                  <a:lnTo>
                    <a:pt x="379476" y="0"/>
                  </a:lnTo>
                  <a:close/>
                </a:path>
                <a:path w="647700" h="5080">
                  <a:moveTo>
                    <a:pt x="387096" y="0"/>
                  </a:moveTo>
                  <a:lnTo>
                    <a:pt x="382524" y="0"/>
                  </a:lnTo>
                  <a:lnTo>
                    <a:pt x="382524" y="4572"/>
                  </a:lnTo>
                  <a:lnTo>
                    <a:pt x="387096" y="4572"/>
                  </a:lnTo>
                  <a:lnTo>
                    <a:pt x="387096" y="0"/>
                  </a:lnTo>
                  <a:close/>
                </a:path>
                <a:path w="647700" h="5080">
                  <a:moveTo>
                    <a:pt x="393192" y="0"/>
                  </a:moveTo>
                  <a:lnTo>
                    <a:pt x="390144" y="0"/>
                  </a:lnTo>
                  <a:lnTo>
                    <a:pt x="390144" y="4572"/>
                  </a:lnTo>
                  <a:lnTo>
                    <a:pt x="393192" y="4572"/>
                  </a:lnTo>
                  <a:lnTo>
                    <a:pt x="393192" y="0"/>
                  </a:lnTo>
                  <a:close/>
                </a:path>
                <a:path w="647700" h="5080">
                  <a:moveTo>
                    <a:pt x="400812" y="0"/>
                  </a:moveTo>
                  <a:lnTo>
                    <a:pt x="396240" y="0"/>
                  </a:lnTo>
                  <a:lnTo>
                    <a:pt x="396240" y="4572"/>
                  </a:lnTo>
                  <a:lnTo>
                    <a:pt x="400812" y="4572"/>
                  </a:lnTo>
                  <a:lnTo>
                    <a:pt x="400812" y="0"/>
                  </a:lnTo>
                  <a:close/>
                </a:path>
                <a:path w="647700" h="5080">
                  <a:moveTo>
                    <a:pt x="406908" y="0"/>
                  </a:moveTo>
                  <a:lnTo>
                    <a:pt x="403860" y="0"/>
                  </a:lnTo>
                  <a:lnTo>
                    <a:pt x="403860" y="4572"/>
                  </a:lnTo>
                  <a:lnTo>
                    <a:pt x="406908" y="4572"/>
                  </a:lnTo>
                  <a:lnTo>
                    <a:pt x="406908" y="0"/>
                  </a:lnTo>
                  <a:close/>
                </a:path>
                <a:path w="647700" h="5080">
                  <a:moveTo>
                    <a:pt x="414528" y="0"/>
                  </a:moveTo>
                  <a:lnTo>
                    <a:pt x="409956" y="0"/>
                  </a:lnTo>
                  <a:lnTo>
                    <a:pt x="409956" y="4572"/>
                  </a:lnTo>
                  <a:lnTo>
                    <a:pt x="414528" y="4572"/>
                  </a:lnTo>
                  <a:lnTo>
                    <a:pt x="414528" y="0"/>
                  </a:lnTo>
                  <a:close/>
                </a:path>
                <a:path w="647700" h="5080">
                  <a:moveTo>
                    <a:pt x="420624" y="0"/>
                  </a:moveTo>
                  <a:lnTo>
                    <a:pt x="417576" y="0"/>
                  </a:lnTo>
                  <a:lnTo>
                    <a:pt x="417576" y="4572"/>
                  </a:lnTo>
                  <a:lnTo>
                    <a:pt x="420624" y="4572"/>
                  </a:lnTo>
                  <a:lnTo>
                    <a:pt x="420624" y="0"/>
                  </a:lnTo>
                  <a:close/>
                </a:path>
                <a:path w="647700" h="5080">
                  <a:moveTo>
                    <a:pt x="428244" y="0"/>
                  </a:moveTo>
                  <a:lnTo>
                    <a:pt x="423672" y="0"/>
                  </a:lnTo>
                  <a:lnTo>
                    <a:pt x="423672" y="4572"/>
                  </a:lnTo>
                  <a:lnTo>
                    <a:pt x="428244" y="4572"/>
                  </a:lnTo>
                  <a:lnTo>
                    <a:pt x="428244" y="0"/>
                  </a:lnTo>
                  <a:close/>
                </a:path>
                <a:path w="647700" h="5080">
                  <a:moveTo>
                    <a:pt x="434340" y="0"/>
                  </a:moveTo>
                  <a:lnTo>
                    <a:pt x="431292" y="0"/>
                  </a:lnTo>
                  <a:lnTo>
                    <a:pt x="431292" y="4572"/>
                  </a:lnTo>
                  <a:lnTo>
                    <a:pt x="434340" y="4572"/>
                  </a:lnTo>
                  <a:lnTo>
                    <a:pt x="434340" y="0"/>
                  </a:lnTo>
                  <a:close/>
                </a:path>
                <a:path w="647700" h="5080">
                  <a:moveTo>
                    <a:pt x="441960" y="0"/>
                  </a:moveTo>
                  <a:lnTo>
                    <a:pt x="437388" y="0"/>
                  </a:lnTo>
                  <a:lnTo>
                    <a:pt x="437388" y="4572"/>
                  </a:lnTo>
                  <a:lnTo>
                    <a:pt x="441960" y="4572"/>
                  </a:lnTo>
                  <a:lnTo>
                    <a:pt x="441960" y="0"/>
                  </a:lnTo>
                  <a:close/>
                </a:path>
                <a:path w="647700" h="5080">
                  <a:moveTo>
                    <a:pt x="448056" y="0"/>
                  </a:moveTo>
                  <a:lnTo>
                    <a:pt x="445008" y="0"/>
                  </a:lnTo>
                  <a:lnTo>
                    <a:pt x="445008" y="4572"/>
                  </a:lnTo>
                  <a:lnTo>
                    <a:pt x="448056" y="4572"/>
                  </a:lnTo>
                  <a:lnTo>
                    <a:pt x="448056" y="0"/>
                  </a:lnTo>
                  <a:close/>
                </a:path>
                <a:path w="647700" h="5080">
                  <a:moveTo>
                    <a:pt x="455676" y="0"/>
                  </a:moveTo>
                  <a:lnTo>
                    <a:pt x="451104" y="0"/>
                  </a:lnTo>
                  <a:lnTo>
                    <a:pt x="451104" y="4572"/>
                  </a:lnTo>
                  <a:lnTo>
                    <a:pt x="455676" y="4572"/>
                  </a:lnTo>
                  <a:lnTo>
                    <a:pt x="455676" y="0"/>
                  </a:lnTo>
                  <a:close/>
                </a:path>
                <a:path w="647700" h="5080">
                  <a:moveTo>
                    <a:pt x="461772" y="0"/>
                  </a:moveTo>
                  <a:lnTo>
                    <a:pt x="458724" y="0"/>
                  </a:lnTo>
                  <a:lnTo>
                    <a:pt x="458724" y="4572"/>
                  </a:lnTo>
                  <a:lnTo>
                    <a:pt x="461772" y="4572"/>
                  </a:lnTo>
                  <a:lnTo>
                    <a:pt x="461772" y="0"/>
                  </a:lnTo>
                  <a:close/>
                </a:path>
                <a:path w="647700" h="5080">
                  <a:moveTo>
                    <a:pt x="469392" y="0"/>
                  </a:moveTo>
                  <a:lnTo>
                    <a:pt x="464820" y="0"/>
                  </a:lnTo>
                  <a:lnTo>
                    <a:pt x="464820" y="4572"/>
                  </a:lnTo>
                  <a:lnTo>
                    <a:pt x="469392" y="4572"/>
                  </a:lnTo>
                  <a:lnTo>
                    <a:pt x="469392" y="0"/>
                  </a:lnTo>
                  <a:close/>
                </a:path>
                <a:path w="647700" h="5080">
                  <a:moveTo>
                    <a:pt x="475488" y="0"/>
                  </a:moveTo>
                  <a:lnTo>
                    <a:pt x="472440" y="0"/>
                  </a:lnTo>
                  <a:lnTo>
                    <a:pt x="472440" y="4572"/>
                  </a:lnTo>
                  <a:lnTo>
                    <a:pt x="475488" y="4572"/>
                  </a:lnTo>
                  <a:lnTo>
                    <a:pt x="475488" y="0"/>
                  </a:lnTo>
                  <a:close/>
                </a:path>
                <a:path w="647700" h="5080">
                  <a:moveTo>
                    <a:pt x="483108" y="0"/>
                  </a:moveTo>
                  <a:lnTo>
                    <a:pt x="478536" y="0"/>
                  </a:lnTo>
                  <a:lnTo>
                    <a:pt x="478536" y="4572"/>
                  </a:lnTo>
                  <a:lnTo>
                    <a:pt x="483108" y="4572"/>
                  </a:lnTo>
                  <a:lnTo>
                    <a:pt x="483108" y="0"/>
                  </a:lnTo>
                  <a:close/>
                </a:path>
                <a:path w="647700" h="5080">
                  <a:moveTo>
                    <a:pt x="489204" y="0"/>
                  </a:moveTo>
                  <a:lnTo>
                    <a:pt x="486156" y="0"/>
                  </a:lnTo>
                  <a:lnTo>
                    <a:pt x="486156" y="4572"/>
                  </a:lnTo>
                  <a:lnTo>
                    <a:pt x="489204" y="4572"/>
                  </a:lnTo>
                  <a:lnTo>
                    <a:pt x="489204" y="0"/>
                  </a:lnTo>
                  <a:close/>
                </a:path>
                <a:path w="647700" h="5080">
                  <a:moveTo>
                    <a:pt x="496824" y="0"/>
                  </a:moveTo>
                  <a:lnTo>
                    <a:pt x="492252" y="0"/>
                  </a:lnTo>
                  <a:lnTo>
                    <a:pt x="492252" y="4572"/>
                  </a:lnTo>
                  <a:lnTo>
                    <a:pt x="496824" y="4572"/>
                  </a:lnTo>
                  <a:lnTo>
                    <a:pt x="496824" y="0"/>
                  </a:lnTo>
                  <a:close/>
                </a:path>
                <a:path w="647700" h="5080">
                  <a:moveTo>
                    <a:pt x="502920" y="0"/>
                  </a:moveTo>
                  <a:lnTo>
                    <a:pt x="499872" y="0"/>
                  </a:lnTo>
                  <a:lnTo>
                    <a:pt x="499872" y="4572"/>
                  </a:lnTo>
                  <a:lnTo>
                    <a:pt x="502920" y="4572"/>
                  </a:lnTo>
                  <a:lnTo>
                    <a:pt x="502920" y="0"/>
                  </a:lnTo>
                  <a:close/>
                </a:path>
                <a:path w="647700" h="5080">
                  <a:moveTo>
                    <a:pt x="510540" y="0"/>
                  </a:moveTo>
                  <a:lnTo>
                    <a:pt x="505968" y="0"/>
                  </a:lnTo>
                  <a:lnTo>
                    <a:pt x="505968" y="4572"/>
                  </a:lnTo>
                  <a:lnTo>
                    <a:pt x="510540" y="4572"/>
                  </a:lnTo>
                  <a:lnTo>
                    <a:pt x="510540" y="0"/>
                  </a:lnTo>
                  <a:close/>
                </a:path>
                <a:path w="647700" h="5080">
                  <a:moveTo>
                    <a:pt x="516636" y="0"/>
                  </a:moveTo>
                  <a:lnTo>
                    <a:pt x="513588" y="0"/>
                  </a:lnTo>
                  <a:lnTo>
                    <a:pt x="513588" y="4572"/>
                  </a:lnTo>
                  <a:lnTo>
                    <a:pt x="516636" y="4572"/>
                  </a:lnTo>
                  <a:lnTo>
                    <a:pt x="516636" y="0"/>
                  </a:lnTo>
                  <a:close/>
                </a:path>
                <a:path w="647700" h="5080">
                  <a:moveTo>
                    <a:pt x="524256" y="0"/>
                  </a:moveTo>
                  <a:lnTo>
                    <a:pt x="519684" y="0"/>
                  </a:lnTo>
                  <a:lnTo>
                    <a:pt x="519684" y="4572"/>
                  </a:lnTo>
                  <a:lnTo>
                    <a:pt x="524256" y="4572"/>
                  </a:lnTo>
                  <a:lnTo>
                    <a:pt x="524256" y="0"/>
                  </a:lnTo>
                  <a:close/>
                </a:path>
                <a:path w="647700" h="5080">
                  <a:moveTo>
                    <a:pt x="530352" y="0"/>
                  </a:moveTo>
                  <a:lnTo>
                    <a:pt x="527304" y="0"/>
                  </a:lnTo>
                  <a:lnTo>
                    <a:pt x="527304" y="4572"/>
                  </a:lnTo>
                  <a:lnTo>
                    <a:pt x="530352" y="4572"/>
                  </a:lnTo>
                  <a:lnTo>
                    <a:pt x="530352" y="0"/>
                  </a:lnTo>
                  <a:close/>
                </a:path>
                <a:path w="647700" h="5080">
                  <a:moveTo>
                    <a:pt x="537972" y="0"/>
                  </a:moveTo>
                  <a:lnTo>
                    <a:pt x="533400" y="0"/>
                  </a:lnTo>
                  <a:lnTo>
                    <a:pt x="533400" y="4572"/>
                  </a:lnTo>
                  <a:lnTo>
                    <a:pt x="537972" y="4572"/>
                  </a:lnTo>
                  <a:lnTo>
                    <a:pt x="537972" y="0"/>
                  </a:lnTo>
                  <a:close/>
                </a:path>
                <a:path w="647700" h="5080">
                  <a:moveTo>
                    <a:pt x="544068" y="0"/>
                  </a:moveTo>
                  <a:lnTo>
                    <a:pt x="541020" y="0"/>
                  </a:lnTo>
                  <a:lnTo>
                    <a:pt x="541020" y="4572"/>
                  </a:lnTo>
                  <a:lnTo>
                    <a:pt x="544068" y="4572"/>
                  </a:lnTo>
                  <a:lnTo>
                    <a:pt x="544068" y="0"/>
                  </a:lnTo>
                  <a:close/>
                </a:path>
                <a:path w="647700" h="5080">
                  <a:moveTo>
                    <a:pt x="551688" y="0"/>
                  </a:moveTo>
                  <a:lnTo>
                    <a:pt x="547116" y="0"/>
                  </a:lnTo>
                  <a:lnTo>
                    <a:pt x="547116" y="4572"/>
                  </a:lnTo>
                  <a:lnTo>
                    <a:pt x="551688" y="4572"/>
                  </a:lnTo>
                  <a:lnTo>
                    <a:pt x="551688" y="0"/>
                  </a:lnTo>
                  <a:close/>
                </a:path>
                <a:path w="647700" h="5080">
                  <a:moveTo>
                    <a:pt x="557784" y="0"/>
                  </a:moveTo>
                  <a:lnTo>
                    <a:pt x="554736" y="0"/>
                  </a:lnTo>
                  <a:lnTo>
                    <a:pt x="554736" y="4572"/>
                  </a:lnTo>
                  <a:lnTo>
                    <a:pt x="557784" y="4572"/>
                  </a:lnTo>
                  <a:lnTo>
                    <a:pt x="557784" y="0"/>
                  </a:lnTo>
                  <a:close/>
                </a:path>
                <a:path w="647700" h="5080">
                  <a:moveTo>
                    <a:pt x="565404" y="0"/>
                  </a:moveTo>
                  <a:lnTo>
                    <a:pt x="560832" y="0"/>
                  </a:lnTo>
                  <a:lnTo>
                    <a:pt x="560832" y="4572"/>
                  </a:lnTo>
                  <a:lnTo>
                    <a:pt x="565404" y="4572"/>
                  </a:lnTo>
                  <a:lnTo>
                    <a:pt x="565404" y="0"/>
                  </a:lnTo>
                  <a:close/>
                </a:path>
                <a:path w="647700" h="5080">
                  <a:moveTo>
                    <a:pt x="571500" y="0"/>
                  </a:moveTo>
                  <a:lnTo>
                    <a:pt x="568452" y="0"/>
                  </a:lnTo>
                  <a:lnTo>
                    <a:pt x="568452" y="4572"/>
                  </a:lnTo>
                  <a:lnTo>
                    <a:pt x="571500" y="4572"/>
                  </a:lnTo>
                  <a:lnTo>
                    <a:pt x="571500" y="0"/>
                  </a:lnTo>
                  <a:close/>
                </a:path>
                <a:path w="647700" h="5080">
                  <a:moveTo>
                    <a:pt x="579120" y="0"/>
                  </a:moveTo>
                  <a:lnTo>
                    <a:pt x="574548" y="0"/>
                  </a:lnTo>
                  <a:lnTo>
                    <a:pt x="574548" y="4572"/>
                  </a:lnTo>
                  <a:lnTo>
                    <a:pt x="579120" y="4572"/>
                  </a:lnTo>
                  <a:lnTo>
                    <a:pt x="579120" y="0"/>
                  </a:lnTo>
                  <a:close/>
                </a:path>
                <a:path w="647700" h="5080">
                  <a:moveTo>
                    <a:pt x="585216" y="0"/>
                  </a:moveTo>
                  <a:lnTo>
                    <a:pt x="582168" y="0"/>
                  </a:lnTo>
                  <a:lnTo>
                    <a:pt x="582168" y="4572"/>
                  </a:lnTo>
                  <a:lnTo>
                    <a:pt x="585216" y="4572"/>
                  </a:lnTo>
                  <a:lnTo>
                    <a:pt x="585216" y="0"/>
                  </a:lnTo>
                  <a:close/>
                </a:path>
                <a:path w="647700" h="5080">
                  <a:moveTo>
                    <a:pt x="592836" y="0"/>
                  </a:moveTo>
                  <a:lnTo>
                    <a:pt x="588264" y="0"/>
                  </a:lnTo>
                  <a:lnTo>
                    <a:pt x="588264" y="4572"/>
                  </a:lnTo>
                  <a:lnTo>
                    <a:pt x="592836" y="4572"/>
                  </a:lnTo>
                  <a:lnTo>
                    <a:pt x="592836" y="0"/>
                  </a:lnTo>
                  <a:close/>
                </a:path>
                <a:path w="647700" h="5080">
                  <a:moveTo>
                    <a:pt x="598932" y="0"/>
                  </a:moveTo>
                  <a:lnTo>
                    <a:pt x="595884" y="0"/>
                  </a:lnTo>
                  <a:lnTo>
                    <a:pt x="595884" y="4572"/>
                  </a:lnTo>
                  <a:lnTo>
                    <a:pt x="598932" y="4572"/>
                  </a:lnTo>
                  <a:lnTo>
                    <a:pt x="598932" y="0"/>
                  </a:lnTo>
                  <a:close/>
                </a:path>
                <a:path w="647700" h="5080">
                  <a:moveTo>
                    <a:pt x="606552" y="0"/>
                  </a:moveTo>
                  <a:lnTo>
                    <a:pt x="601980" y="0"/>
                  </a:lnTo>
                  <a:lnTo>
                    <a:pt x="601980" y="4572"/>
                  </a:lnTo>
                  <a:lnTo>
                    <a:pt x="606552" y="4572"/>
                  </a:lnTo>
                  <a:lnTo>
                    <a:pt x="606552" y="0"/>
                  </a:lnTo>
                  <a:close/>
                </a:path>
                <a:path w="647700" h="5080">
                  <a:moveTo>
                    <a:pt x="612648" y="0"/>
                  </a:moveTo>
                  <a:lnTo>
                    <a:pt x="609600" y="0"/>
                  </a:lnTo>
                  <a:lnTo>
                    <a:pt x="609600" y="4572"/>
                  </a:lnTo>
                  <a:lnTo>
                    <a:pt x="612648" y="4572"/>
                  </a:lnTo>
                  <a:lnTo>
                    <a:pt x="612648" y="0"/>
                  </a:lnTo>
                  <a:close/>
                </a:path>
                <a:path w="647700" h="5080">
                  <a:moveTo>
                    <a:pt x="620268" y="0"/>
                  </a:moveTo>
                  <a:lnTo>
                    <a:pt x="615696" y="0"/>
                  </a:lnTo>
                  <a:lnTo>
                    <a:pt x="615696" y="4572"/>
                  </a:lnTo>
                  <a:lnTo>
                    <a:pt x="620268" y="4572"/>
                  </a:lnTo>
                  <a:lnTo>
                    <a:pt x="620268" y="0"/>
                  </a:lnTo>
                  <a:close/>
                </a:path>
                <a:path w="647700" h="5080">
                  <a:moveTo>
                    <a:pt x="626364" y="0"/>
                  </a:moveTo>
                  <a:lnTo>
                    <a:pt x="623316" y="0"/>
                  </a:lnTo>
                  <a:lnTo>
                    <a:pt x="623316" y="4572"/>
                  </a:lnTo>
                  <a:lnTo>
                    <a:pt x="626364" y="4572"/>
                  </a:lnTo>
                  <a:lnTo>
                    <a:pt x="626364" y="0"/>
                  </a:lnTo>
                  <a:close/>
                </a:path>
                <a:path w="647700" h="5080">
                  <a:moveTo>
                    <a:pt x="633984" y="0"/>
                  </a:moveTo>
                  <a:lnTo>
                    <a:pt x="629412" y="0"/>
                  </a:lnTo>
                  <a:lnTo>
                    <a:pt x="629412" y="4572"/>
                  </a:lnTo>
                  <a:lnTo>
                    <a:pt x="633984" y="4572"/>
                  </a:lnTo>
                  <a:lnTo>
                    <a:pt x="633984" y="0"/>
                  </a:lnTo>
                  <a:close/>
                </a:path>
                <a:path w="647700" h="5080">
                  <a:moveTo>
                    <a:pt x="640080" y="0"/>
                  </a:moveTo>
                  <a:lnTo>
                    <a:pt x="637032" y="0"/>
                  </a:lnTo>
                  <a:lnTo>
                    <a:pt x="637032" y="4572"/>
                  </a:lnTo>
                  <a:lnTo>
                    <a:pt x="640080" y="4572"/>
                  </a:lnTo>
                  <a:lnTo>
                    <a:pt x="640080" y="0"/>
                  </a:lnTo>
                  <a:close/>
                </a:path>
                <a:path w="647700" h="5080">
                  <a:moveTo>
                    <a:pt x="647700" y="0"/>
                  </a:moveTo>
                  <a:lnTo>
                    <a:pt x="643128" y="0"/>
                  </a:lnTo>
                  <a:lnTo>
                    <a:pt x="643128" y="4572"/>
                  </a:lnTo>
                  <a:lnTo>
                    <a:pt x="647700" y="4572"/>
                  </a:lnTo>
                  <a:lnTo>
                    <a:pt x="647700" y="0"/>
                  </a:lnTo>
                  <a:close/>
                </a:path>
              </a:pathLst>
            </a:custGeom>
            <a:solidFill>
              <a:srgbClr val="D8D8D8"/>
            </a:solidFill>
          </p:spPr>
          <p:txBody>
            <a:bodyPr wrap="square" lIns="0" tIns="0" rIns="0" bIns="0" rtlCol="0"/>
            <a:lstStyle/>
            <a:p>
              <a:endParaRPr sz="1539"/>
            </a:p>
          </p:txBody>
        </p:sp>
        <p:sp>
          <p:nvSpPr>
            <p:cNvPr id="145" name="object 145"/>
            <p:cNvSpPr/>
            <p:nvPr/>
          </p:nvSpPr>
          <p:spPr>
            <a:xfrm>
              <a:off x="6492240" y="1726691"/>
              <a:ext cx="483234" cy="5080"/>
            </a:xfrm>
            <a:custGeom>
              <a:avLst/>
              <a:gdLst/>
              <a:ahLst/>
              <a:cxnLst/>
              <a:rect l="l" t="t" r="r" b="b"/>
              <a:pathLst>
                <a:path w="483234" h="5080">
                  <a:moveTo>
                    <a:pt x="4572" y="0"/>
                  </a:moveTo>
                  <a:lnTo>
                    <a:pt x="0" y="0"/>
                  </a:lnTo>
                  <a:lnTo>
                    <a:pt x="0" y="4572"/>
                  </a:lnTo>
                  <a:lnTo>
                    <a:pt x="4572" y="4572"/>
                  </a:lnTo>
                  <a:lnTo>
                    <a:pt x="4572" y="0"/>
                  </a:lnTo>
                  <a:close/>
                </a:path>
                <a:path w="483234" h="5080">
                  <a:moveTo>
                    <a:pt x="10655" y="0"/>
                  </a:moveTo>
                  <a:lnTo>
                    <a:pt x="7620" y="0"/>
                  </a:lnTo>
                  <a:lnTo>
                    <a:pt x="7620" y="4572"/>
                  </a:lnTo>
                  <a:lnTo>
                    <a:pt x="10655" y="4572"/>
                  </a:lnTo>
                  <a:lnTo>
                    <a:pt x="10655" y="0"/>
                  </a:lnTo>
                  <a:close/>
                </a:path>
                <a:path w="483234" h="5080">
                  <a:moveTo>
                    <a:pt x="18288" y="0"/>
                  </a:moveTo>
                  <a:lnTo>
                    <a:pt x="13716" y="0"/>
                  </a:lnTo>
                  <a:lnTo>
                    <a:pt x="13716" y="4572"/>
                  </a:lnTo>
                  <a:lnTo>
                    <a:pt x="18288" y="4572"/>
                  </a:lnTo>
                  <a:lnTo>
                    <a:pt x="18288" y="0"/>
                  </a:lnTo>
                  <a:close/>
                </a:path>
                <a:path w="483234" h="5080">
                  <a:moveTo>
                    <a:pt x="24384" y="0"/>
                  </a:moveTo>
                  <a:lnTo>
                    <a:pt x="21336" y="0"/>
                  </a:lnTo>
                  <a:lnTo>
                    <a:pt x="21336" y="4572"/>
                  </a:lnTo>
                  <a:lnTo>
                    <a:pt x="24384" y="4572"/>
                  </a:lnTo>
                  <a:lnTo>
                    <a:pt x="24384" y="0"/>
                  </a:lnTo>
                  <a:close/>
                </a:path>
                <a:path w="483234" h="5080">
                  <a:moveTo>
                    <a:pt x="32004" y="0"/>
                  </a:moveTo>
                  <a:lnTo>
                    <a:pt x="27432" y="0"/>
                  </a:lnTo>
                  <a:lnTo>
                    <a:pt x="27432" y="4572"/>
                  </a:lnTo>
                  <a:lnTo>
                    <a:pt x="32004" y="4572"/>
                  </a:lnTo>
                  <a:lnTo>
                    <a:pt x="32004" y="0"/>
                  </a:lnTo>
                  <a:close/>
                </a:path>
                <a:path w="483234" h="5080">
                  <a:moveTo>
                    <a:pt x="38100" y="0"/>
                  </a:moveTo>
                  <a:lnTo>
                    <a:pt x="35052" y="0"/>
                  </a:lnTo>
                  <a:lnTo>
                    <a:pt x="35052" y="4572"/>
                  </a:lnTo>
                  <a:lnTo>
                    <a:pt x="38100" y="4572"/>
                  </a:lnTo>
                  <a:lnTo>
                    <a:pt x="38100" y="0"/>
                  </a:lnTo>
                  <a:close/>
                </a:path>
                <a:path w="483234" h="5080">
                  <a:moveTo>
                    <a:pt x="45707" y="0"/>
                  </a:moveTo>
                  <a:lnTo>
                    <a:pt x="41148" y="0"/>
                  </a:lnTo>
                  <a:lnTo>
                    <a:pt x="41148" y="4572"/>
                  </a:lnTo>
                  <a:lnTo>
                    <a:pt x="45707" y="4572"/>
                  </a:lnTo>
                  <a:lnTo>
                    <a:pt x="45707" y="0"/>
                  </a:lnTo>
                  <a:close/>
                </a:path>
                <a:path w="483234" h="5080">
                  <a:moveTo>
                    <a:pt x="51816" y="0"/>
                  </a:moveTo>
                  <a:lnTo>
                    <a:pt x="48755" y="0"/>
                  </a:lnTo>
                  <a:lnTo>
                    <a:pt x="48755" y="4572"/>
                  </a:lnTo>
                  <a:lnTo>
                    <a:pt x="51816" y="4572"/>
                  </a:lnTo>
                  <a:lnTo>
                    <a:pt x="51816" y="0"/>
                  </a:lnTo>
                  <a:close/>
                </a:path>
                <a:path w="483234" h="5080">
                  <a:moveTo>
                    <a:pt x="59436" y="0"/>
                  </a:moveTo>
                  <a:lnTo>
                    <a:pt x="54864" y="0"/>
                  </a:lnTo>
                  <a:lnTo>
                    <a:pt x="54864" y="4572"/>
                  </a:lnTo>
                  <a:lnTo>
                    <a:pt x="59436" y="4572"/>
                  </a:lnTo>
                  <a:lnTo>
                    <a:pt x="59436" y="0"/>
                  </a:lnTo>
                  <a:close/>
                </a:path>
                <a:path w="483234" h="5080">
                  <a:moveTo>
                    <a:pt x="65532" y="0"/>
                  </a:moveTo>
                  <a:lnTo>
                    <a:pt x="62484" y="0"/>
                  </a:lnTo>
                  <a:lnTo>
                    <a:pt x="62484" y="4572"/>
                  </a:lnTo>
                  <a:lnTo>
                    <a:pt x="65532" y="4572"/>
                  </a:lnTo>
                  <a:lnTo>
                    <a:pt x="65532" y="0"/>
                  </a:lnTo>
                  <a:close/>
                </a:path>
                <a:path w="483234" h="5080">
                  <a:moveTo>
                    <a:pt x="73152" y="0"/>
                  </a:moveTo>
                  <a:lnTo>
                    <a:pt x="68580" y="0"/>
                  </a:lnTo>
                  <a:lnTo>
                    <a:pt x="68580" y="4572"/>
                  </a:lnTo>
                  <a:lnTo>
                    <a:pt x="73152" y="4572"/>
                  </a:lnTo>
                  <a:lnTo>
                    <a:pt x="73152" y="0"/>
                  </a:lnTo>
                  <a:close/>
                </a:path>
                <a:path w="483234" h="5080">
                  <a:moveTo>
                    <a:pt x="79248" y="0"/>
                  </a:moveTo>
                  <a:lnTo>
                    <a:pt x="76200" y="0"/>
                  </a:lnTo>
                  <a:lnTo>
                    <a:pt x="76200" y="4572"/>
                  </a:lnTo>
                  <a:lnTo>
                    <a:pt x="79248" y="4572"/>
                  </a:lnTo>
                  <a:lnTo>
                    <a:pt x="79248" y="0"/>
                  </a:lnTo>
                  <a:close/>
                </a:path>
                <a:path w="483234" h="5080">
                  <a:moveTo>
                    <a:pt x="86855" y="0"/>
                  </a:moveTo>
                  <a:lnTo>
                    <a:pt x="82283" y="0"/>
                  </a:lnTo>
                  <a:lnTo>
                    <a:pt x="82283" y="4572"/>
                  </a:lnTo>
                  <a:lnTo>
                    <a:pt x="86855" y="4572"/>
                  </a:lnTo>
                  <a:lnTo>
                    <a:pt x="86855" y="0"/>
                  </a:lnTo>
                  <a:close/>
                </a:path>
                <a:path w="483234" h="5080">
                  <a:moveTo>
                    <a:pt x="92964" y="0"/>
                  </a:moveTo>
                  <a:lnTo>
                    <a:pt x="89916" y="0"/>
                  </a:lnTo>
                  <a:lnTo>
                    <a:pt x="89916"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3632" y="0"/>
                  </a:lnTo>
                  <a:lnTo>
                    <a:pt x="103632"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83" y="0"/>
                  </a:moveTo>
                  <a:lnTo>
                    <a:pt x="117348" y="0"/>
                  </a:lnTo>
                  <a:lnTo>
                    <a:pt x="117348" y="4572"/>
                  </a:lnTo>
                  <a:lnTo>
                    <a:pt x="120383" y="4572"/>
                  </a:lnTo>
                  <a:lnTo>
                    <a:pt x="120383" y="0"/>
                  </a:lnTo>
                  <a:close/>
                </a:path>
                <a:path w="483234" h="5080">
                  <a:moveTo>
                    <a:pt x="126479" y="0"/>
                  </a:moveTo>
                  <a:lnTo>
                    <a:pt x="123431" y="0"/>
                  </a:lnTo>
                  <a:lnTo>
                    <a:pt x="123431" y="4572"/>
                  </a:lnTo>
                  <a:lnTo>
                    <a:pt x="126479" y="4572"/>
                  </a:lnTo>
                  <a:lnTo>
                    <a:pt x="126479" y="0"/>
                  </a:lnTo>
                  <a:close/>
                </a:path>
                <a:path w="483234" h="5080">
                  <a:moveTo>
                    <a:pt x="134112" y="0"/>
                  </a:moveTo>
                  <a:lnTo>
                    <a:pt x="131064" y="0"/>
                  </a:lnTo>
                  <a:lnTo>
                    <a:pt x="131064"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4780" y="0"/>
                  </a:lnTo>
                  <a:lnTo>
                    <a:pt x="144780"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31" y="0"/>
                  </a:moveTo>
                  <a:lnTo>
                    <a:pt x="158483" y="0"/>
                  </a:lnTo>
                  <a:lnTo>
                    <a:pt x="158483" y="4572"/>
                  </a:lnTo>
                  <a:lnTo>
                    <a:pt x="161531" y="4572"/>
                  </a:lnTo>
                  <a:lnTo>
                    <a:pt x="161531" y="0"/>
                  </a:lnTo>
                  <a:close/>
                </a:path>
                <a:path w="483234" h="5080">
                  <a:moveTo>
                    <a:pt x="167640" y="0"/>
                  </a:moveTo>
                  <a:lnTo>
                    <a:pt x="164579" y="0"/>
                  </a:lnTo>
                  <a:lnTo>
                    <a:pt x="164579" y="4572"/>
                  </a:lnTo>
                  <a:lnTo>
                    <a:pt x="167640" y="4572"/>
                  </a:lnTo>
                  <a:lnTo>
                    <a:pt x="167640" y="0"/>
                  </a:lnTo>
                  <a:close/>
                </a:path>
                <a:path w="483234" h="5080">
                  <a:moveTo>
                    <a:pt x="175260" y="0"/>
                  </a:moveTo>
                  <a:lnTo>
                    <a:pt x="172212" y="0"/>
                  </a:lnTo>
                  <a:lnTo>
                    <a:pt x="172212"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5928" y="0"/>
                  </a:lnTo>
                  <a:lnTo>
                    <a:pt x="185928"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9644" y="0"/>
                  </a:lnTo>
                  <a:lnTo>
                    <a:pt x="199644"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3360" y="0"/>
                  </a:lnTo>
                  <a:lnTo>
                    <a:pt x="213360"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7076" y="0"/>
                  </a:lnTo>
                  <a:lnTo>
                    <a:pt x="227076"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40792" y="0"/>
                  </a:lnTo>
                  <a:lnTo>
                    <a:pt x="240792"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4508" y="0"/>
                  </a:lnTo>
                  <a:lnTo>
                    <a:pt x="254508"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8224" y="0"/>
                  </a:lnTo>
                  <a:lnTo>
                    <a:pt x="268224"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1940" y="0"/>
                  </a:lnTo>
                  <a:lnTo>
                    <a:pt x="281940"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5656" y="0"/>
                  </a:lnTo>
                  <a:lnTo>
                    <a:pt x="295656"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9372" y="0"/>
                  </a:lnTo>
                  <a:lnTo>
                    <a:pt x="309372"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3088" y="0"/>
                  </a:lnTo>
                  <a:lnTo>
                    <a:pt x="323088"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6804" y="0"/>
                  </a:lnTo>
                  <a:lnTo>
                    <a:pt x="336804"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50520" y="0"/>
                  </a:lnTo>
                  <a:lnTo>
                    <a:pt x="350520"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7284" y="0"/>
                  </a:moveTo>
                  <a:lnTo>
                    <a:pt x="364236" y="0"/>
                  </a:lnTo>
                  <a:lnTo>
                    <a:pt x="364236" y="4572"/>
                  </a:lnTo>
                  <a:lnTo>
                    <a:pt x="367284" y="4572"/>
                  </a:lnTo>
                  <a:lnTo>
                    <a:pt x="367284" y="0"/>
                  </a:lnTo>
                  <a:close/>
                </a:path>
                <a:path w="483234" h="5080">
                  <a:moveTo>
                    <a:pt x="373380" y="0"/>
                  </a:moveTo>
                  <a:lnTo>
                    <a:pt x="370332" y="0"/>
                  </a:lnTo>
                  <a:lnTo>
                    <a:pt x="370332" y="4572"/>
                  </a:lnTo>
                  <a:lnTo>
                    <a:pt x="373380" y="4572"/>
                  </a:lnTo>
                  <a:lnTo>
                    <a:pt x="373380" y="0"/>
                  </a:lnTo>
                  <a:close/>
                </a:path>
                <a:path w="483234" h="5080">
                  <a:moveTo>
                    <a:pt x="381000" y="0"/>
                  </a:moveTo>
                  <a:lnTo>
                    <a:pt x="377952" y="0"/>
                  </a:lnTo>
                  <a:lnTo>
                    <a:pt x="377952" y="4572"/>
                  </a:lnTo>
                  <a:lnTo>
                    <a:pt x="381000" y="4572"/>
                  </a:lnTo>
                  <a:lnTo>
                    <a:pt x="381000" y="0"/>
                  </a:lnTo>
                  <a:close/>
                </a:path>
                <a:path w="483234" h="5080">
                  <a:moveTo>
                    <a:pt x="387096" y="0"/>
                  </a:moveTo>
                  <a:lnTo>
                    <a:pt x="384048" y="0"/>
                  </a:lnTo>
                  <a:lnTo>
                    <a:pt x="384048" y="4572"/>
                  </a:lnTo>
                  <a:lnTo>
                    <a:pt x="387096" y="4572"/>
                  </a:lnTo>
                  <a:lnTo>
                    <a:pt x="387096" y="0"/>
                  </a:lnTo>
                  <a:close/>
                </a:path>
                <a:path w="483234" h="5080">
                  <a:moveTo>
                    <a:pt x="394716" y="0"/>
                  </a:moveTo>
                  <a:lnTo>
                    <a:pt x="391668" y="0"/>
                  </a:lnTo>
                  <a:lnTo>
                    <a:pt x="391668" y="4572"/>
                  </a:lnTo>
                  <a:lnTo>
                    <a:pt x="394716" y="4572"/>
                  </a:lnTo>
                  <a:lnTo>
                    <a:pt x="394716" y="0"/>
                  </a:lnTo>
                  <a:close/>
                </a:path>
                <a:path w="483234" h="5080">
                  <a:moveTo>
                    <a:pt x="400812" y="0"/>
                  </a:moveTo>
                  <a:lnTo>
                    <a:pt x="397764" y="0"/>
                  </a:lnTo>
                  <a:lnTo>
                    <a:pt x="397764" y="4572"/>
                  </a:lnTo>
                  <a:lnTo>
                    <a:pt x="400812" y="4572"/>
                  </a:lnTo>
                  <a:lnTo>
                    <a:pt x="400812" y="0"/>
                  </a:lnTo>
                  <a:close/>
                </a:path>
                <a:path w="483234" h="5080">
                  <a:moveTo>
                    <a:pt x="408432" y="0"/>
                  </a:moveTo>
                  <a:lnTo>
                    <a:pt x="405384" y="0"/>
                  </a:lnTo>
                  <a:lnTo>
                    <a:pt x="405384" y="4572"/>
                  </a:lnTo>
                  <a:lnTo>
                    <a:pt x="408432" y="4572"/>
                  </a:lnTo>
                  <a:lnTo>
                    <a:pt x="408432" y="0"/>
                  </a:lnTo>
                  <a:close/>
                </a:path>
                <a:path w="483234" h="5080">
                  <a:moveTo>
                    <a:pt x="414528" y="0"/>
                  </a:moveTo>
                  <a:lnTo>
                    <a:pt x="411480" y="0"/>
                  </a:lnTo>
                  <a:lnTo>
                    <a:pt x="411480" y="4572"/>
                  </a:lnTo>
                  <a:lnTo>
                    <a:pt x="414528" y="4572"/>
                  </a:lnTo>
                  <a:lnTo>
                    <a:pt x="414528" y="0"/>
                  </a:lnTo>
                  <a:close/>
                </a:path>
                <a:path w="483234" h="5080">
                  <a:moveTo>
                    <a:pt x="422148" y="0"/>
                  </a:moveTo>
                  <a:lnTo>
                    <a:pt x="419100" y="0"/>
                  </a:lnTo>
                  <a:lnTo>
                    <a:pt x="419100" y="4572"/>
                  </a:lnTo>
                  <a:lnTo>
                    <a:pt x="422148" y="4572"/>
                  </a:lnTo>
                  <a:lnTo>
                    <a:pt x="422148" y="0"/>
                  </a:lnTo>
                  <a:close/>
                </a:path>
                <a:path w="483234" h="5080">
                  <a:moveTo>
                    <a:pt x="428244" y="0"/>
                  </a:moveTo>
                  <a:lnTo>
                    <a:pt x="425196" y="0"/>
                  </a:lnTo>
                  <a:lnTo>
                    <a:pt x="425196" y="4572"/>
                  </a:lnTo>
                  <a:lnTo>
                    <a:pt x="428244" y="4572"/>
                  </a:lnTo>
                  <a:lnTo>
                    <a:pt x="428244" y="0"/>
                  </a:lnTo>
                  <a:close/>
                </a:path>
                <a:path w="483234" h="5080">
                  <a:moveTo>
                    <a:pt x="435864" y="0"/>
                  </a:moveTo>
                  <a:lnTo>
                    <a:pt x="432816" y="0"/>
                  </a:lnTo>
                  <a:lnTo>
                    <a:pt x="432816" y="4572"/>
                  </a:lnTo>
                  <a:lnTo>
                    <a:pt x="435864" y="4572"/>
                  </a:lnTo>
                  <a:lnTo>
                    <a:pt x="435864" y="0"/>
                  </a:lnTo>
                  <a:close/>
                </a:path>
                <a:path w="483234" h="5080">
                  <a:moveTo>
                    <a:pt x="441960" y="0"/>
                  </a:moveTo>
                  <a:lnTo>
                    <a:pt x="438912" y="0"/>
                  </a:lnTo>
                  <a:lnTo>
                    <a:pt x="438912" y="4572"/>
                  </a:lnTo>
                  <a:lnTo>
                    <a:pt x="441960" y="4572"/>
                  </a:lnTo>
                  <a:lnTo>
                    <a:pt x="441960" y="0"/>
                  </a:lnTo>
                  <a:close/>
                </a:path>
                <a:path w="483234" h="5080">
                  <a:moveTo>
                    <a:pt x="449580" y="0"/>
                  </a:moveTo>
                  <a:lnTo>
                    <a:pt x="446532" y="0"/>
                  </a:lnTo>
                  <a:lnTo>
                    <a:pt x="446532" y="4572"/>
                  </a:lnTo>
                  <a:lnTo>
                    <a:pt x="449580" y="4572"/>
                  </a:lnTo>
                  <a:lnTo>
                    <a:pt x="449580" y="0"/>
                  </a:lnTo>
                  <a:close/>
                </a:path>
                <a:path w="483234" h="5080">
                  <a:moveTo>
                    <a:pt x="455676" y="0"/>
                  </a:moveTo>
                  <a:lnTo>
                    <a:pt x="452628" y="0"/>
                  </a:lnTo>
                  <a:lnTo>
                    <a:pt x="452628" y="4572"/>
                  </a:lnTo>
                  <a:lnTo>
                    <a:pt x="455676" y="4572"/>
                  </a:lnTo>
                  <a:lnTo>
                    <a:pt x="455676" y="0"/>
                  </a:lnTo>
                  <a:close/>
                </a:path>
                <a:path w="483234" h="5080">
                  <a:moveTo>
                    <a:pt x="463296" y="0"/>
                  </a:moveTo>
                  <a:lnTo>
                    <a:pt x="460248" y="0"/>
                  </a:lnTo>
                  <a:lnTo>
                    <a:pt x="460248" y="4572"/>
                  </a:lnTo>
                  <a:lnTo>
                    <a:pt x="463296" y="4572"/>
                  </a:lnTo>
                  <a:lnTo>
                    <a:pt x="463296" y="0"/>
                  </a:lnTo>
                  <a:close/>
                </a:path>
                <a:path w="483234" h="5080">
                  <a:moveTo>
                    <a:pt x="469392" y="0"/>
                  </a:moveTo>
                  <a:lnTo>
                    <a:pt x="466344" y="0"/>
                  </a:lnTo>
                  <a:lnTo>
                    <a:pt x="466344" y="4572"/>
                  </a:lnTo>
                  <a:lnTo>
                    <a:pt x="469392" y="4572"/>
                  </a:lnTo>
                  <a:lnTo>
                    <a:pt x="469392" y="0"/>
                  </a:lnTo>
                  <a:close/>
                </a:path>
                <a:path w="483234" h="5080">
                  <a:moveTo>
                    <a:pt x="477012" y="0"/>
                  </a:moveTo>
                  <a:lnTo>
                    <a:pt x="473964" y="0"/>
                  </a:lnTo>
                  <a:lnTo>
                    <a:pt x="473964" y="4572"/>
                  </a:lnTo>
                  <a:lnTo>
                    <a:pt x="477012" y="4572"/>
                  </a:lnTo>
                  <a:lnTo>
                    <a:pt x="477012"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46" name="object 146"/>
            <p:cNvSpPr/>
            <p:nvPr/>
          </p:nvSpPr>
          <p:spPr>
            <a:xfrm>
              <a:off x="6972300" y="1726691"/>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10668" y="0"/>
                  </a:moveTo>
                  <a:lnTo>
                    <a:pt x="7620" y="0"/>
                  </a:lnTo>
                  <a:lnTo>
                    <a:pt x="7620" y="4572"/>
                  </a:lnTo>
                  <a:lnTo>
                    <a:pt x="10668" y="4572"/>
                  </a:lnTo>
                  <a:lnTo>
                    <a:pt x="10668" y="0"/>
                  </a:lnTo>
                  <a:close/>
                </a:path>
                <a:path w="483234" h="5080">
                  <a:moveTo>
                    <a:pt x="16764" y="0"/>
                  </a:moveTo>
                  <a:lnTo>
                    <a:pt x="13716" y="0"/>
                  </a:lnTo>
                  <a:lnTo>
                    <a:pt x="13716" y="4572"/>
                  </a:lnTo>
                  <a:lnTo>
                    <a:pt x="16764" y="4572"/>
                  </a:lnTo>
                  <a:lnTo>
                    <a:pt x="16764" y="0"/>
                  </a:lnTo>
                  <a:close/>
                </a:path>
                <a:path w="483234" h="5080">
                  <a:moveTo>
                    <a:pt x="24384" y="0"/>
                  </a:moveTo>
                  <a:lnTo>
                    <a:pt x="21336" y="0"/>
                  </a:lnTo>
                  <a:lnTo>
                    <a:pt x="21336" y="4572"/>
                  </a:lnTo>
                  <a:lnTo>
                    <a:pt x="24384" y="4572"/>
                  </a:lnTo>
                  <a:lnTo>
                    <a:pt x="24384" y="0"/>
                  </a:lnTo>
                  <a:close/>
                </a:path>
                <a:path w="483234" h="5080">
                  <a:moveTo>
                    <a:pt x="30480" y="0"/>
                  </a:moveTo>
                  <a:lnTo>
                    <a:pt x="27432" y="0"/>
                  </a:lnTo>
                  <a:lnTo>
                    <a:pt x="27432" y="4572"/>
                  </a:lnTo>
                  <a:lnTo>
                    <a:pt x="30480" y="4572"/>
                  </a:lnTo>
                  <a:lnTo>
                    <a:pt x="30480" y="0"/>
                  </a:lnTo>
                  <a:close/>
                </a:path>
                <a:path w="483234" h="5080">
                  <a:moveTo>
                    <a:pt x="38100" y="0"/>
                  </a:moveTo>
                  <a:lnTo>
                    <a:pt x="35052" y="0"/>
                  </a:lnTo>
                  <a:lnTo>
                    <a:pt x="35052" y="4572"/>
                  </a:lnTo>
                  <a:lnTo>
                    <a:pt x="38100" y="4572"/>
                  </a:lnTo>
                  <a:lnTo>
                    <a:pt x="38100" y="0"/>
                  </a:lnTo>
                  <a:close/>
                </a:path>
                <a:path w="483234" h="5080">
                  <a:moveTo>
                    <a:pt x="44196" y="0"/>
                  </a:moveTo>
                  <a:lnTo>
                    <a:pt x="41148" y="0"/>
                  </a:lnTo>
                  <a:lnTo>
                    <a:pt x="41148" y="4572"/>
                  </a:lnTo>
                  <a:lnTo>
                    <a:pt x="44196" y="4572"/>
                  </a:lnTo>
                  <a:lnTo>
                    <a:pt x="44196" y="0"/>
                  </a:lnTo>
                  <a:close/>
                </a:path>
                <a:path w="483234" h="5080">
                  <a:moveTo>
                    <a:pt x="51816" y="0"/>
                  </a:moveTo>
                  <a:lnTo>
                    <a:pt x="48768" y="0"/>
                  </a:lnTo>
                  <a:lnTo>
                    <a:pt x="48768" y="4572"/>
                  </a:lnTo>
                  <a:lnTo>
                    <a:pt x="51816" y="4572"/>
                  </a:lnTo>
                  <a:lnTo>
                    <a:pt x="51816" y="0"/>
                  </a:lnTo>
                  <a:close/>
                </a:path>
                <a:path w="483234" h="5080">
                  <a:moveTo>
                    <a:pt x="57912" y="0"/>
                  </a:moveTo>
                  <a:lnTo>
                    <a:pt x="54864" y="0"/>
                  </a:lnTo>
                  <a:lnTo>
                    <a:pt x="54864" y="4572"/>
                  </a:lnTo>
                  <a:lnTo>
                    <a:pt x="57912" y="4572"/>
                  </a:lnTo>
                  <a:lnTo>
                    <a:pt x="57912" y="0"/>
                  </a:lnTo>
                  <a:close/>
                </a:path>
                <a:path w="483234" h="5080">
                  <a:moveTo>
                    <a:pt x="65532" y="0"/>
                  </a:moveTo>
                  <a:lnTo>
                    <a:pt x="62484" y="0"/>
                  </a:lnTo>
                  <a:lnTo>
                    <a:pt x="62484" y="4572"/>
                  </a:lnTo>
                  <a:lnTo>
                    <a:pt x="65532" y="4572"/>
                  </a:lnTo>
                  <a:lnTo>
                    <a:pt x="65532" y="0"/>
                  </a:lnTo>
                  <a:close/>
                </a:path>
                <a:path w="483234" h="5080">
                  <a:moveTo>
                    <a:pt x="71628" y="0"/>
                  </a:moveTo>
                  <a:lnTo>
                    <a:pt x="68580" y="0"/>
                  </a:lnTo>
                  <a:lnTo>
                    <a:pt x="68580" y="4572"/>
                  </a:lnTo>
                  <a:lnTo>
                    <a:pt x="71628" y="4572"/>
                  </a:lnTo>
                  <a:lnTo>
                    <a:pt x="71628" y="0"/>
                  </a:lnTo>
                  <a:close/>
                </a:path>
                <a:path w="483234" h="5080">
                  <a:moveTo>
                    <a:pt x="79248" y="0"/>
                  </a:moveTo>
                  <a:lnTo>
                    <a:pt x="76200" y="0"/>
                  </a:lnTo>
                  <a:lnTo>
                    <a:pt x="76200" y="4572"/>
                  </a:lnTo>
                  <a:lnTo>
                    <a:pt x="79248" y="4572"/>
                  </a:lnTo>
                  <a:lnTo>
                    <a:pt x="79248" y="0"/>
                  </a:lnTo>
                  <a:close/>
                </a:path>
                <a:path w="483234" h="5080">
                  <a:moveTo>
                    <a:pt x="85344" y="0"/>
                  </a:moveTo>
                  <a:lnTo>
                    <a:pt x="82296" y="0"/>
                  </a:lnTo>
                  <a:lnTo>
                    <a:pt x="82296" y="4572"/>
                  </a:lnTo>
                  <a:lnTo>
                    <a:pt x="85344" y="4572"/>
                  </a:lnTo>
                  <a:lnTo>
                    <a:pt x="85344" y="0"/>
                  </a:lnTo>
                  <a:close/>
                </a:path>
                <a:path w="483234" h="5080">
                  <a:moveTo>
                    <a:pt x="92964" y="0"/>
                  </a:moveTo>
                  <a:lnTo>
                    <a:pt x="89916" y="0"/>
                  </a:lnTo>
                  <a:lnTo>
                    <a:pt x="89916"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3632" y="0"/>
                  </a:lnTo>
                  <a:lnTo>
                    <a:pt x="103632"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96" y="0"/>
                  </a:moveTo>
                  <a:lnTo>
                    <a:pt x="117348" y="0"/>
                  </a:lnTo>
                  <a:lnTo>
                    <a:pt x="117348" y="4572"/>
                  </a:lnTo>
                  <a:lnTo>
                    <a:pt x="120396" y="4572"/>
                  </a:lnTo>
                  <a:lnTo>
                    <a:pt x="120396" y="0"/>
                  </a:lnTo>
                  <a:close/>
                </a:path>
                <a:path w="483234" h="5080">
                  <a:moveTo>
                    <a:pt x="126492" y="0"/>
                  </a:moveTo>
                  <a:lnTo>
                    <a:pt x="123444" y="0"/>
                  </a:lnTo>
                  <a:lnTo>
                    <a:pt x="123444" y="4572"/>
                  </a:lnTo>
                  <a:lnTo>
                    <a:pt x="126492" y="4572"/>
                  </a:lnTo>
                  <a:lnTo>
                    <a:pt x="126492" y="0"/>
                  </a:lnTo>
                  <a:close/>
                </a:path>
                <a:path w="483234" h="5080">
                  <a:moveTo>
                    <a:pt x="134112" y="0"/>
                  </a:moveTo>
                  <a:lnTo>
                    <a:pt x="131064" y="0"/>
                  </a:lnTo>
                  <a:lnTo>
                    <a:pt x="131064"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4780" y="0"/>
                  </a:lnTo>
                  <a:lnTo>
                    <a:pt x="144780"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8496" y="0"/>
                  </a:lnTo>
                  <a:lnTo>
                    <a:pt x="158496"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2212" y="0"/>
                  </a:lnTo>
                  <a:lnTo>
                    <a:pt x="172212"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5928" y="0"/>
                  </a:lnTo>
                  <a:lnTo>
                    <a:pt x="185928"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9644" y="0"/>
                  </a:lnTo>
                  <a:lnTo>
                    <a:pt x="199644"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3360" y="0"/>
                  </a:lnTo>
                  <a:lnTo>
                    <a:pt x="213360"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5552" y="0"/>
                  </a:lnTo>
                  <a:lnTo>
                    <a:pt x="225552"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39268" y="0"/>
                  </a:lnTo>
                  <a:lnTo>
                    <a:pt x="239268"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2984" y="0"/>
                  </a:lnTo>
                  <a:lnTo>
                    <a:pt x="252984"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6700" y="0"/>
                  </a:lnTo>
                  <a:lnTo>
                    <a:pt x="266700"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0416" y="0"/>
                  </a:lnTo>
                  <a:lnTo>
                    <a:pt x="280416"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4132" y="0"/>
                  </a:lnTo>
                  <a:lnTo>
                    <a:pt x="294132"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7848" y="0"/>
                  </a:lnTo>
                  <a:lnTo>
                    <a:pt x="307848"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1564" y="0"/>
                  </a:lnTo>
                  <a:lnTo>
                    <a:pt x="321564"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5280" y="0"/>
                  </a:lnTo>
                  <a:lnTo>
                    <a:pt x="335280"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48996" y="0"/>
                  </a:lnTo>
                  <a:lnTo>
                    <a:pt x="348996"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7284" y="0"/>
                  </a:moveTo>
                  <a:lnTo>
                    <a:pt x="362712" y="0"/>
                  </a:lnTo>
                  <a:lnTo>
                    <a:pt x="362712" y="4572"/>
                  </a:lnTo>
                  <a:lnTo>
                    <a:pt x="367284" y="4572"/>
                  </a:lnTo>
                  <a:lnTo>
                    <a:pt x="367284" y="0"/>
                  </a:lnTo>
                  <a:close/>
                </a:path>
                <a:path w="483234" h="5080">
                  <a:moveTo>
                    <a:pt x="373380" y="0"/>
                  </a:moveTo>
                  <a:lnTo>
                    <a:pt x="370332" y="0"/>
                  </a:lnTo>
                  <a:lnTo>
                    <a:pt x="370332" y="4572"/>
                  </a:lnTo>
                  <a:lnTo>
                    <a:pt x="373380" y="4572"/>
                  </a:lnTo>
                  <a:lnTo>
                    <a:pt x="373380" y="0"/>
                  </a:lnTo>
                  <a:close/>
                </a:path>
                <a:path w="483234" h="5080">
                  <a:moveTo>
                    <a:pt x="381000" y="0"/>
                  </a:moveTo>
                  <a:lnTo>
                    <a:pt x="376428" y="0"/>
                  </a:lnTo>
                  <a:lnTo>
                    <a:pt x="376428" y="4572"/>
                  </a:lnTo>
                  <a:lnTo>
                    <a:pt x="381000" y="4572"/>
                  </a:lnTo>
                  <a:lnTo>
                    <a:pt x="381000" y="0"/>
                  </a:lnTo>
                  <a:close/>
                </a:path>
                <a:path w="483234" h="5080">
                  <a:moveTo>
                    <a:pt x="387096" y="0"/>
                  </a:moveTo>
                  <a:lnTo>
                    <a:pt x="384048" y="0"/>
                  </a:lnTo>
                  <a:lnTo>
                    <a:pt x="384048" y="4572"/>
                  </a:lnTo>
                  <a:lnTo>
                    <a:pt x="387096" y="4572"/>
                  </a:lnTo>
                  <a:lnTo>
                    <a:pt x="387096" y="0"/>
                  </a:lnTo>
                  <a:close/>
                </a:path>
                <a:path w="483234" h="5080">
                  <a:moveTo>
                    <a:pt x="394716" y="0"/>
                  </a:moveTo>
                  <a:lnTo>
                    <a:pt x="390144" y="0"/>
                  </a:lnTo>
                  <a:lnTo>
                    <a:pt x="390144" y="4572"/>
                  </a:lnTo>
                  <a:lnTo>
                    <a:pt x="394716" y="4572"/>
                  </a:lnTo>
                  <a:lnTo>
                    <a:pt x="394716" y="0"/>
                  </a:lnTo>
                  <a:close/>
                </a:path>
                <a:path w="483234" h="5080">
                  <a:moveTo>
                    <a:pt x="400812" y="0"/>
                  </a:moveTo>
                  <a:lnTo>
                    <a:pt x="397764" y="0"/>
                  </a:lnTo>
                  <a:lnTo>
                    <a:pt x="397764" y="4572"/>
                  </a:lnTo>
                  <a:lnTo>
                    <a:pt x="400812" y="4572"/>
                  </a:lnTo>
                  <a:lnTo>
                    <a:pt x="400812" y="0"/>
                  </a:lnTo>
                  <a:close/>
                </a:path>
                <a:path w="483234" h="5080">
                  <a:moveTo>
                    <a:pt x="408432" y="0"/>
                  </a:moveTo>
                  <a:lnTo>
                    <a:pt x="403860" y="0"/>
                  </a:lnTo>
                  <a:lnTo>
                    <a:pt x="403860" y="4572"/>
                  </a:lnTo>
                  <a:lnTo>
                    <a:pt x="408432" y="4572"/>
                  </a:lnTo>
                  <a:lnTo>
                    <a:pt x="408432" y="0"/>
                  </a:lnTo>
                  <a:close/>
                </a:path>
                <a:path w="483234" h="5080">
                  <a:moveTo>
                    <a:pt x="414528" y="0"/>
                  </a:moveTo>
                  <a:lnTo>
                    <a:pt x="411480" y="0"/>
                  </a:lnTo>
                  <a:lnTo>
                    <a:pt x="411480" y="4572"/>
                  </a:lnTo>
                  <a:lnTo>
                    <a:pt x="414528" y="4572"/>
                  </a:lnTo>
                  <a:lnTo>
                    <a:pt x="414528" y="0"/>
                  </a:lnTo>
                  <a:close/>
                </a:path>
                <a:path w="483234" h="5080">
                  <a:moveTo>
                    <a:pt x="422148" y="0"/>
                  </a:moveTo>
                  <a:lnTo>
                    <a:pt x="417576" y="0"/>
                  </a:lnTo>
                  <a:lnTo>
                    <a:pt x="417576" y="4572"/>
                  </a:lnTo>
                  <a:lnTo>
                    <a:pt x="422148" y="4572"/>
                  </a:lnTo>
                  <a:lnTo>
                    <a:pt x="422148" y="0"/>
                  </a:lnTo>
                  <a:close/>
                </a:path>
                <a:path w="483234" h="5080">
                  <a:moveTo>
                    <a:pt x="428244" y="0"/>
                  </a:moveTo>
                  <a:lnTo>
                    <a:pt x="425196" y="0"/>
                  </a:lnTo>
                  <a:lnTo>
                    <a:pt x="425196" y="4572"/>
                  </a:lnTo>
                  <a:lnTo>
                    <a:pt x="428244" y="4572"/>
                  </a:lnTo>
                  <a:lnTo>
                    <a:pt x="428244" y="0"/>
                  </a:lnTo>
                  <a:close/>
                </a:path>
                <a:path w="483234" h="5080">
                  <a:moveTo>
                    <a:pt x="435864" y="0"/>
                  </a:moveTo>
                  <a:lnTo>
                    <a:pt x="431292" y="0"/>
                  </a:lnTo>
                  <a:lnTo>
                    <a:pt x="431292" y="4572"/>
                  </a:lnTo>
                  <a:lnTo>
                    <a:pt x="435864" y="4572"/>
                  </a:lnTo>
                  <a:lnTo>
                    <a:pt x="435864" y="0"/>
                  </a:lnTo>
                  <a:close/>
                </a:path>
                <a:path w="483234" h="5080">
                  <a:moveTo>
                    <a:pt x="441960" y="0"/>
                  </a:moveTo>
                  <a:lnTo>
                    <a:pt x="438912" y="0"/>
                  </a:lnTo>
                  <a:lnTo>
                    <a:pt x="438912" y="4572"/>
                  </a:lnTo>
                  <a:lnTo>
                    <a:pt x="441960" y="4572"/>
                  </a:lnTo>
                  <a:lnTo>
                    <a:pt x="441960" y="0"/>
                  </a:lnTo>
                  <a:close/>
                </a:path>
                <a:path w="483234" h="5080">
                  <a:moveTo>
                    <a:pt x="449580" y="0"/>
                  </a:moveTo>
                  <a:lnTo>
                    <a:pt x="445008" y="0"/>
                  </a:lnTo>
                  <a:lnTo>
                    <a:pt x="445008" y="4572"/>
                  </a:lnTo>
                  <a:lnTo>
                    <a:pt x="449580" y="4572"/>
                  </a:lnTo>
                  <a:lnTo>
                    <a:pt x="449580" y="0"/>
                  </a:lnTo>
                  <a:close/>
                </a:path>
                <a:path w="483234" h="5080">
                  <a:moveTo>
                    <a:pt x="455676" y="0"/>
                  </a:moveTo>
                  <a:lnTo>
                    <a:pt x="452628" y="0"/>
                  </a:lnTo>
                  <a:lnTo>
                    <a:pt x="452628" y="4572"/>
                  </a:lnTo>
                  <a:lnTo>
                    <a:pt x="455676" y="4572"/>
                  </a:lnTo>
                  <a:lnTo>
                    <a:pt x="455676" y="0"/>
                  </a:lnTo>
                  <a:close/>
                </a:path>
                <a:path w="483234" h="5080">
                  <a:moveTo>
                    <a:pt x="463296" y="0"/>
                  </a:moveTo>
                  <a:lnTo>
                    <a:pt x="458724" y="0"/>
                  </a:lnTo>
                  <a:lnTo>
                    <a:pt x="458724" y="4572"/>
                  </a:lnTo>
                  <a:lnTo>
                    <a:pt x="463296" y="4572"/>
                  </a:lnTo>
                  <a:lnTo>
                    <a:pt x="463296" y="0"/>
                  </a:lnTo>
                  <a:close/>
                </a:path>
                <a:path w="483234" h="5080">
                  <a:moveTo>
                    <a:pt x="469392" y="0"/>
                  </a:moveTo>
                  <a:lnTo>
                    <a:pt x="466344" y="0"/>
                  </a:lnTo>
                  <a:lnTo>
                    <a:pt x="466344" y="4572"/>
                  </a:lnTo>
                  <a:lnTo>
                    <a:pt x="469392" y="4572"/>
                  </a:lnTo>
                  <a:lnTo>
                    <a:pt x="469392" y="0"/>
                  </a:lnTo>
                  <a:close/>
                </a:path>
                <a:path w="483234" h="5080">
                  <a:moveTo>
                    <a:pt x="477012" y="0"/>
                  </a:moveTo>
                  <a:lnTo>
                    <a:pt x="472440" y="0"/>
                  </a:lnTo>
                  <a:lnTo>
                    <a:pt x="472440" y="4572"/>
                  </a:lnTo>
                  <a:lnTo>
                    <a:pt x="477012" y="4572"/>
                  </a:lnTo>
                  <a:lnTo>
                    <a:pt x="477012"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47" name="object 147"/>
            <p:cNvSpPr/>
            <p:nvPr/>
          </p:nvSpPr>
          <p:spPr>
            <a:xfrm>
              <a:off x="7452360" y="1726691"/>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10668" y="0"/>
                  </a:moveTo>
                  <a:lnTo>
                    <a:pt x="6096" y="0"/>
                  </a:lnTo>
                  <a:lnTo>
                    <a:pt x="6096" y="4572"/>
                  </a:lnTo>
                  <a:lnTo>
                    <a:pt x="10668" y="4572"/>
                  </a:lnTo>
                  <a:lnTo>
                    <a:pt x="10668" y="0"/>
                  </a:lnTo>
                  <a:close/>
                </a:path>
                <a:path w="483234" h="5080">
                  <a:moveTo>
                    <a:pt x="16764" y="0"/>
                  </a:moveTo>
                  <a:lnTo>
                    <a:pt x="13716" y="0"/>
                  </a:lnTo>
                  <a:lnTo>
                    <a:pt x="13716" y="4572"/>
                  </a:lnTo>
                  <a:lnTo>
                    <a:pt x="16764" y="4572"/>
                  </a:lnTo>
                  <a:lnTo>
                    <a:pt x="16764" y="0"/>
                  </a:lnTo>
                  <a:close/>
                </a:path>
                <a:path w="483234" h="5080">
                  <a:moveTo>
                    <a:pt x="24384" y="0"/>
                  </a:moveTo>
                  <a:lnTo>
                    <a:pt x="19812" y="0"/>
                  </a:lnTo>
                  <a:lnTo>
                    <a:pt x="19812" y="4572"/>
                  </a:lnTo>
                  <a:lnTo>
                    <a:pt x="24384" y="4572"/>
                  </a:lnTo>
                  <a:lnTo>
                    <a:pt x="24384" y="0"/>
                  </a:lnTo>
                  <a:close/>
                </a:path>
                <a:path w="483234" h="5080">
                  <a:moveTo>
                    <a:pt x="30480" y="0"/>
                  </a:moveTo>
                  <a:lnTo>
                    <a:pt x="27432" y="0"/>
                  </a:lnTo>
                  <a:lnTo>
                    <a:pt x="27432" y="4572"/>
                  </a:lnTo>
                  <a:lnTo>
                    <a:pt x="30480" y="4572"/>
                  </a:lnTo>
                  <a:lnTo>
                    <a:pt x="30480" y="0"/>
                  </a:lnTo>
                  <a:close/>
                </a:path>
                <a:path w="483234" h="5080">
                  <a:moveTo>
                    <a:pt x="38100" y="0"/>
                  </a:moveTo>
                  <a:lnTo>
                    <a:pt x="33528" y="0"/>
                  </a:lnTo>
                  <a:lnTo>
                    <a:pt x="33528" y="4572"/>
                  </a:lnTo>
                  <a:lnTo>
                    <a:pt x="38100" y="4572"/>
                  </a:lnTo>
                  <a:lnTo>
                    <a:pt x="38100" y="0"/>
                  </a:lnTo>
                  <a:close/>
                </a:path>
                <a:path w="483234" h="5080">
                  <a:moveTo>
                    <a:pt x="44196" y="0"/>
                  </a:moveTo>
                  <a:lnTo>
                    <a:pt x="41148" y="0"/>
                  </a:lnTo>
                  <a:lnTo>
                    <a:pt x="41148" y="4572"/>
                  </a:lnTo>
                  <a:lnTo>
                    <a:pt x="44196" y="4572"/>
                  </a:lnTo>
                  <a:lnTo>
                    <a:pt x="44196" y="0"/>
                  </a:lnTo>
                  <a:close/>
                </a:path>
                <a:path w="483234" h="5080">
                  <a:moveTo>
                    <a:pt x="51816" y="0"/>
                  </a:moveTo>
                  <a:lnTo>
                    <a:pt x="47244" y="0"/>
                  </a:lnTo>
                  <a:lnTo>
                    <a:pt x="47244" y="4572"/>
                  </a:lnTo>
                  <a:lnTo>
                    <a:pt x="51816" y="4572"/>
                  </a:lnTo>
                  <a:lnTo>
                    <a:pt x="51816" y="0"/>
                  </a:lnTo>
                  <a:close/>
                </a:path>
                <a:path w="483234" h="5080">
                  <a:moveTo>
                    <a:pt x="57912" y="0"/>
                  </a:moveTo>
                  <a:lnTo>
                    <a:pt x="54864" y="0"/>
                  </a:lnTo>
                  <a:lnTo>
                    <a:pt x="54864" y="4572"/>
                  </a:lnTo>
                  <a:lnTo>
                    <a:pt x="57912" y="4572"/>
                  </a:lnTo>
                  <a:lnTo>
                    <a:pt x="57912" y="0"/>
                  </a:lnTo>
                  <a:close/>
                </a:path>
                <a:path w="483234" h="5080">
                  <a:moveTo>
                    <a:pt x="65532" y="0"/>
                  </a:moveTo>
                  <a:lnTo>
                    <a:pt x="60960" y="0"/>
                  </a:lnTo>
                  <a:lnTo>
                    <a:pt x="60960" y="4572"/>
                  </a:lnTo>
                  <a:lnTo>
                    <a:pt x="65532" y="4572"/>
                  </a:lnTo>
                  <a:lnTo>
                    <a:pt x="65532" y="0"/>
                  </a:lnTo>
                  <a:close/>
                </a:path>
                <a:path w="483234" h="5080">
                  <a:moveTo>
                    <a:pt x="71628" y="0"/>
                  </a:moveTo>
                  <a:lnTo>
                    <a:pt x="68580" y="0"/>
                  </a:lnTo>
                  <a:lnTo>
                    <a:pt x="68580" y="4572"/>
                  </a:lnTo>
                  <a:lnTo>
                    <a:pt x="71628" y="4572"/>
                  </a:lnTo>
                  <a:lnTo>
                    <a:pt x="71628" y="0"/>
                  </a:lnTo>
                  <a:close/>
                </a:path>
                <a:path w="483234" h="5080">
                  <a:moveTo>
                    <a:pt x="79248" y="0"/>
                  </a:moveTo>
                  <a:lnTo>
                    <a:pt x="74676" y="0"/>
                  </a:lnTo>
                  <a:lnTo>
                    <a:pt x="74676" y="4572"/>
                  </a:lnTo>
                  <a:lnTo>
                    <a:pt x="79248" y="4572"/>
                  </a:lnTo>
                  <a:lnTo>
                    <a:pt x="79248" y="0"/>
                  </a:lnTo>
                  <a:close/>
                </a:path>
                <a:path w="483234" h="5080">
                  <a:moveTo>
                    <a:pt x="85344" y="0"/>
                  </a:moveTo>
                  <a:lnTo>
                    <a:pt x="82296" y="0"/>
                  </a:lnTo>
                  <a:lnTo>
                    <a:pt x="82296" y="4572"/>
                  </a:lnTo>
                  <a:lnTo>
                    <a:pt x="85344" y="4572"/>
                  </a:lnTo>
                  <a:lnTo>
                    <a:pt x="85344" y="0"/>
                  </a:lnTo>
                  <a:close/>
                </a:path>
                <a:path w="483234" h="5080">
                  <a:moveTo>
                    <a:pt x="92964" y="0"/>
                  </a:moveTo>
                  <a:lnTo>
                    <a:pt x="88392" y="0"/>
                  </a:lnTo>
                  <a:lnTo>
                    <a:pt x="88392"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2108" y="0"/>
                  </a:lnTo>
                  <a:lnTo>
                    <a:pt x="102108"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96" y="0"/>
                  </a:moveTo>
                  <a:lnTo>
                    <a:pt x="115824" y="0"/>
                  </a:lnTo>
                  <a:lnTo>
                    <a:pt x="115824" y="4572"/>
                  </a:lnTo>
                  <a:lnTo>
                    <a:pt x="120396" y="4572"/>
                  </a:lnTo>
                  <a:lnTo>
                    <a:pt x="120396" y="0"/>
                  </a:lnTo>
                  <a:close/>
                </a:path>
                <a:path w="483234" h="5080">
                  <a:moveTo>
                    <a:pt x="126492" y="0"/>
                  </a:moveTo>
                  <a:lnTo>
                    <a:pt x="123444" y="0"/>
                  </a:lnTo>
                  <a:lnTo>
                    <a:pt x="123444" y="4572"/>
                  </a:lnTo>
                  <a:lnTo>
                    <a:pt x="126492" y="4572"/>
                  </a:lnTo>
                  <a:lnTo>
                    <a:pt x="126492" y="0"/>
                  </a:lnTo>
                  <a:close/>
                </a:path>
                <a:path w="483234" h="5080">
                  <a:moveTo>
                    <a:pt x="134112" y="0"/>
                  </a:moveTo>
                  <a:lnTo>
                    <a:pt x="129540" y="0"/>
                  </a:lnTo>
                  <a:lnTo>
                    <a:pt x="129540"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3256" y="0"/>
                  </a:lnTo>
                  <a:lnTo>
                    <a:pt x="143256"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6972" y="0"/>
                  </a:lnTo>
                  <a:lnTo>
                    <a:pt x="156972"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0688" y="0"/>
                  </a:lnTo>
                  <a:lnTo>
                    <a:pt x="170688"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4404" y="0"/>
                  </a:lnTo>
                  <a:lnTo>
                    <a:pt x="184404"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8120" y="0"/>
                  </a:lnTo>
                  <a:lnTo>
                    <a:pt x="198120"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1836" y="0"/>
                  </a:lnTo>
                  <a:lnTo>
                    <a:pt x="211836"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5552" y="0"/>
                  </a:lnTo>
                  <a:lnTo>
                    <a:pt x="225552"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39268" y="0"/>
                  </a:lnTo>
                  <a:lnTo>
                    <a:pt x="239268"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2984" y="0"/>
                  </a:lnTo>
                  <a:lnTo>
                    <a:pt x="252984"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6700" y="0"/>
                  </a:lnTo>
                  <a:lnTo>
                    <a:pt x="266700"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0416" y="0"/>
                  </a:lnTo>
                  <a:lnTo>
                    <a:pt x="280416"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4132" y="0"/>
                  </a:lnTo>
                  <a:lnTo>
                    <a:pt x="294132"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7848" y="0"/>
                  </a:lnTo>
                  <a:lnTo>
                    <a:pt x="307848"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1564" y="0"/>
                  </a:lnTo>
                  <a:lnTo>
                    <a:pt x="321564"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5280" y="0"/>
                  </a:lnTo>
                  <a:lnTo>
                    <a:pt x="335280"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6616" y="0"/>
                  </a:lnTo>
                  <a:lnTo>
                    <a:pt x="356616"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70332" y="0"/>
                  </a:lnTo>
                  <a:lnTo>
                    <a:pt x="370332"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4048" y="0"/>
                  </a:lnTo>
                  <a:lnTo>
                    <a:pt x="384048"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7764" y="0"/>
                  </a:lnTo>
                  <a:lnTo>
                    <a:pt x="397764"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11480" y="0"/>
                  </a:lnTo>
                  <a:lnTo>
                    <a:pt x="411480"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5196" y="0"/>
                  </a:lnTo>
                  <a:lnTo>
                    <a:pt x="425196"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8912" y="0"/>
                  </a:lnTo>
                  <a:lnTo>
                    <a:pt x="438912"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2628" y="0"/>
                  </a:lnTo>
                  <a:lnTo>
                    <a:pt x="452628"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6344" y="0"/>
                  </a:lnTo>
                  <a:lnTo>
                    <a:pt x="466344"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48" name="object 148"/>
            <p:cNvSpPr/>
            <p:nvPr/>
          </p:nvSpPr>
          <p:spPr>
            <a:xfrm>
              <a:off x="7932420" y="1726691"/>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9144" y="0"/>
                  </a:moveTo>
                  <a:lnTo>
                    <a:pt x="6096" y="0"/>
                  </a:lnTo>
                  <a:lnTo>
                    <a:pt x="6096" y="4572"/>
                  </a:lnTo>
                  <a:lnTo>
                    <a:pt x="9144" y="4572"/>
                  </a:lnTo>
                  <a:lnTo>
                    <a:pt x="9144" y="0"/>
                  </a:lnTo>
                  <a:close/>
                </a:path>
                <a:path w="483234" h="5080">
                  <a:moveTo>
                    <a:pt x="16764" y="0"/>
                  </a:moveTo>
                  <a:lnTo>
                    <a:pt x="13716" y="0"/>
                  </a:lnTo>
                  <a:lnTo>
                    <a:pt x="13716" y="4572"/>
                  </a:lnTo>
                  <a:lnTo>
                    <a:pt x="16764" y="4572"/>
                  </a:lnTo>
                  <a:lnTo>
                    <a:pt x="16764" y="0"/>
                  </a:lnTo>
                  <a:close/>
                </a:path>
                <a:path w="483234" h="5080">
                  <a:moveTo>
                    <a:pt x="22860" y="0"/>
                  </a:moveTo>
                  <a:lnTo>
                    <a:pt x="19812" y="0"/>
                  </a:lnTo>
                  <a:lnTo>
                    <a:pt x="19812" y="4572"/>
                  </a:lnTo>
                  <a:lnTo>
                    <a:pt x="22860" y="4572"/>
                  </a:lnTo>
                  <a:lnTo>
                    <a:pt x="22860" y="0"/>
                  </a:lnTo>
                  <a:close/>
                </a:path>
                <a:path w="483234" h="5080">
                  <a:moveTo>
                    <a:pt x="30480" y="0"/>
                  </a:moveTo>
                  <a:lnTo>
                    <a:pt x="27432" y="0"/>
                  </a:lnTo>
                  <a:lnTo>
                    <a:pt x="27432" y="4572"/>
                  </a:lnTo>
                  <a:lnTo>
                    <a:pt x="30480" y="4572"/>
                  </a:lnTo>
                  <a:lnTo>
                    <a:pt x="30480" y="0"/>
                  </a:lnTo>
                  <a:close/>
                </a:path>
                <a:path w="483234" h="5080">
                  <a:moveTo>
                    <a:pt x="36576" y="0"/>
                  </a:moveTo>
                  <a:lnTo>
                    <a:pt x="33528" y="0"/>
                  </a:lnTo>
                  <a:lnTo>
                    <a:pt x="33528" y="4572"/>
                  </a:lnTo>
                  <a:lnTo>
                    <a:pt x="36576" y="4572"/>
                  </a:lnTo>
                  <a:lnTo>
                    <a:pt x="36576" y="0"/>
                  </a:lnTo>
                  <a:close/>
                </a:path>
                <a:path w="483234" h="5080">
                  <a:moveTo>
                    <a:pt x="44196" y="0"/>
                  </a:moveTo>
                  <a:lnTo>
                    <a:pt x="41148" y="0"/>
                  </a:lnTo>
                  <a:lnTo>
                    <a:pt x="41148" y="4572"/>
                  </a:lnTo>
                  <a:lnTo>
                    <a:pt x="44196" y="4572"/>
                  </a:lnTo>
                  <a:lnTo>
                    <a:pt x="44196" y="0"/>
                  </a:lnTo>
                  <a:close/>
                </a:path>
                <a:path w="483234" h="5080">
                  <a:moveTo>
                    <a:pt x="50292" y="0"/>
                  </a:moveTo>
                  <a:lnTo>
                    <a:pt x="47244" y="0"/>
                  </a:lnTo>
                  <a:lnTo>
                    <a:pt x="47244" y="4572"/>
                  </a:lnTo>
                  <a:lnTo>
                    <a:pt x="50292" y="4572"/>
                  </a:lnTo>
                  <a:lnTo>
                    <a:pt x="50292" y="0"/>
                  </a:lnTo>
                  <a:close/>
                </a:path>
                <a:path w="483234" h="5080">
                  <a:moveTo>
                    <a:pt x="57912" y="0"/>
                  </a:moveTo>
                  <a:lnTo>
                    <a:pt x="54864" y="0"/>
                  </a:lnTo>
                  <a:lnTo>
                    <a:pt x="54864" y="4572"/>
                  </a:lnTo>
                  <a:lnTo>
                    <a:pt x="57912" y="4572"/>
                  </a:lnTo>
                  <a:lnTo>
                    <a:pt x="57912" y="0"/>
                  </a:lnTo>
                  <a:close/>
                </a:path>
                <a:path w="483234" h="5080">
                  <a:moveTo>
                    <a:pt x="64008" y="0"/>
                  </a:moveTo>
                  <a:lnTo>
                    <a:pt x="60960" y="0"/>
                  </a:lnTo>
                  <a:lnTo>
                    <a:pt x="60960" y="4572"/>
                  </a:lnTo>
                  <a:lnTo>
                    <a:pt x="64008" y="4572"/>
                  </a:lnTo>
                  <a:lnTo>
                    <a:pt x="64008" y="0"/>
                  </a:lnTo>
                  <a:close/>
                </a:path>
                <a:path w="483234" h="5080">
                  <a:moveTo>
                    <a:pt x="71628" y="0"/>
                  </a:moveTo>
                  <a:lnTo>
                    <a:pt x="68580" y="0"/>
                  </a:lnTo>
                  <a:lnTo>
                    <a:pt x="68580" y="4572"/>
                  </a:lnTo>
                  <a:lnTo>
                    <a:pt x="71628" y="4572"/>
                  </a:lnTo>
                  <a:lnTo>
                    <a:pt x="71628" y="0"/>
                  </a:lnTo>
                  <a:close/>
                </a:path>
                <a:path w="483234" h="5080">
                  <a:moveTo>
                    <a:pt x="77724" y="0"/>
                  </a:moveTo>
                  <a:lnTo>
                    <a:pt x="74676" y="0"/>
                  </a:lnTo>
                  <a:lnTo>
                    <a:pt x="74676" y="4572"/>
                  </a:lnTo>
                  <a:lnTo>
                    <a:pt x="77724" y="4572"/>
                  </a:lnTo>
                  <a:lnTo>
                    <a:pt x="77724" y="0"/>
                  </a:lnTo>
                  <a:close/>
                </a:path>
                <a:path w="483234" h="5080">
                  <a:moveTo>
                    <a:pt x="85344" y="0"/>
                  </a:moveTo>
                  <a:lnTo>
                    <a:pt x="82296" y="0"/>
                  </a:lnTo>
                  <a:lnTo>
                    <a:pt x="82296" y="4572"/>
                  </a:lnTo>
                  <a:lnTo>
                    <a:pt x="85344" y="4572"/>
                  </a:lnTo>
                  <a:lnTo>
                    <a:pt x="85344" y="0"/>
                  </a:lnTo>
                  <a:close/>
                </a:path>
                <a:path w="483234" h="5080">
                  <a:moveTo>
                    <a:pt x="91440" y="0"/>
                  </a:moveTo>
                  <a:lnTo>
                    <a:pt x="88392" y="0"/>
                  </a:lnTo>
                  <a:lnTo>
                    <a:pt x="88392" y="4572"/>
                  </a:lnTo>
                  <a:lnTo>
                    <a:pt x="91440" y="4572"/>
                  </a:lnTo>
                  <a:lnTo>
                    <a:pt x="91440" y="0"/>
                  </a:lnTo>
                  <a:close/>
                </a:path>
                <a:path w="483234" h="5080">
                  <a:moveTo>
                    <a:pt x="99060" y="0"/>
                  </a:moveTo>
                  <a:lnTo>
                    <a:pt x="96012" y="0"/>
                  </a:lnTo>
                  <a:lnTo>
                    <a:pt x="96012" y="4572"/>
                  </a:lnTo>
                  <a:lnTo>
                    <a:pt x="99060" y="4572"/>
                  </a:lnTo>
                  <a:lnTo>
                    <a:pt x="99060" y="0"/>
                  </a:lnTo>
                  <a:close/>
                </a:path>
                <a:path w="483234" h="5080">
                  <a:moveTo>
                    <a:pt x="105156" y="0"/>
                  </a:moveTo>
                  <a:lnTo>
                    <a:pt x="102108" y="0"/>
                  </a:lnTo>
                  <a:lnTo>
                    <a:pt x="102108" y="4572"/>
                  </a:lnTo>
                  <a:lnTo>
                    <a:pt x="105156" y="4572"/>
                  </a:lnTo>
                  <a:lnTo>
                    <a:pt x="105156" y="0"/>
                  </a:lnTo>
                  <a:close/>
                </a:path>
                <a:path w="483234" h="5080">
                  <a:moveTo>
                    <a:pt x="112776" y="0"/>
                  </a:moveTo>
                  <a:lnTo>
                    <a:pt x="109728" y="0"/>
                  </a:lnTo>
                  <a:lnTo>
                    <a:pt x="109728" y="4572"/>
                  </a:lnTo>
                  <a:lnTo>
                    <a:pt x="112776" y="4572"/>
                  </a:lnTo>
                  <a:lnTo>
                    <a:pt x="112776" y="0"/>
                  </a:lnTo>
                  <a:close/>
                </a:path>
                <a:path w="483234" h="5080">
                  <a:moveTo>
                    <a:pt x="118872" y="0"/>
                  </a:moveTo>
                  <a:lnTo>
                    <a:pt x="115824" y="0"/>
                  </a:lnTo>
                  <a:lnTo>
                    <a:pt x="115824" y="4572"/>
                  </a:lnTo>
                  <a:lnTo>
                    <a:pt x="118872" y="4572"/>
                  </a:lnTo>
                  <a:lnTo>
                    <a:pt x="118872" y="0"/>
                  </a:lnTo>
                  <a:close/>
                </a:path>
                <a:path w="483234" h="5080">
                  <a:moveTo>
                    <a:pt x="126492" y="0"/>
                  </a:moveTo>
                  <a:lnTo>
                    <a:pt x="123444" y="0"/>
                  </a:lnTo>
                  <a:lnTo>
                    <a:pt x="123444" y="4572"/>
                  </a:lnTo>
                  <a:lnTo>
                    <a:pt x="126492" y="4572"/>
                  </a:lnTo>
                  <a:lnTo>
                    <a:pt x="126492" y="0"/>
                  </a:lnTo>
                  <a:close/>
                </a:path>
                <a:path w="483234" h="5080">
                  <a:moveTo>
                    <a:pt x="132588" y="0"/>
                  </a:moveTo>
                  <a:lnTo>
                    <a:pt x="129540" y="0"/>
                  </a:lnTo>
                  <a:lnTo>
                    <a:pt x="129540" y="4572"/>
                  </a:lnTo>
                  <a:lnTo>
                    <a:pt x="132588" y="4572"/>
                  </a:lnTo>
                  <a:lnTo>
                    <a:pt x="132588" y="0"/>
                  </a:lnTo>
                  <a:close/>
                </a:path>
                <a:path w="483234" h="5080">
                  <a:moveTo>
                    <a:pt x="140208" y="0"/>
                  </a:moveTo>
                  <a:lnTo>
                    <a:pt x="137160" y="0"/>
                  </a:lnTo>
                  <a:lnTo>
                    <a:pt x="137160" y="4572"/>
                  </a:lnTo>
                  <a:lnTo>
                    <a:pt x="140208" y="4572"/>
                  </a:lnTo>
                  <a:lnTo>
                    <a:pt x="140208" y="0"/>
                  </a:lnTo>
                  <a:close/>
                </a:path>
                <a:path w="483234" h="5080">
                  <a:moveTo>
                    <a:pt x="146304" y="0"/>
                  </a:moveTo>
                  <a:lnTo>
                    <a:pt x="143256" y="0"/>
                  </a:lnTo>
                  <a:lnTo>
                    <a:pt x="143256" y="4572"/>
                  </a:lnTo>
                  <a:lnTo>
                    <a:pt x="146304" y="4572"/>
                  </a:lnTo>
                  <a:lnTo>
                    <a:pt x="146304" y="0"/>
                  </a:lnTo>
                  <a:close/>
                </a:path>
                <a:path w="483234" h="5080">
                  <a:moveTo>
                    <a:pt x="153924" y="0"/>
                  </a:moveTo>
                  <a:lnTo>
                    <a:pt x="150876" y="0"/>
                  </a:lnTo>
                  <a:lnTo>
                    <a:pt x="150876" y="4572"/>
                  </a:lnTo>
                  <a:lnTo>
                    <a:pt x="153924" y="4572"/>
                  </a:lnTo>
                  <a:lnTo>
                    <a:pt x="153924" y="0"/>
                  </a:lnTo>
                  <a:close/>
                </a:path>
                <a:path w="483234" h="5080">
                  <a:moveTo>
                    <a:pt x="160020" y="0"/>
                  </a:moveTo>
                  <a:lnTo>
                    <a:pt x="156972" y="0"/>
                  </a:lnTo>
                  <a:lnTo>
                    <a:pt x="156972" y="4572"/>
                  </a:lnTo>
                  <a:lnTo>
                    <a:pt x="160020" y="4572"/>
                  </a:lnTo>
                  <a:lnTo>
                    <a:pt x="160020" y="0"/>
                  </a:lnTo>
                  <a:close/>
                </a:path>
                <a:path w="483234" h="5080">
                  <a:moveTo>
                    <a:pt x="167640" y="0"/>
                  </a:moveTo>
                  <a:lnTo>
                    <a:pt x="164592" y="0"/>
                  </a:lnTo>
                  <a:lnTo>
                    <a:pt x="164592" y="4572"/>
                  </a:lnTo>
                  <a:lnTo>
                    <a:pt x="167640" y="4572"/>
                  </a:lnTo>
                  <a:lnTo>
                    <a:pt x="167640" y="0"/>
                  </a:lnTo>
                  <a:close/>
                </a:path>
                <a:path w="483234" h="5080">
                  <a:moveTo>
                    <a:pt x="173736" y="0"/>
                  </a:moveTo>
                  <a:lnTo>
                    <a:pt x="170688" y="0"/>
                  </a:lnTo>
                  <a:lnTo>
                    <a:pt x="170688" y="4572"/>
                  </a:lnTo>
                  <a:lnTo>
                    <a:pt x="173736" y="4572"/>
                  </a:lnTo>
                  <a:lnTo>
                    <a:pt x="173736" y="0"/>
                  </a:lnTo>
                  <a:close/>
                </a:path>
                <a:path w="483234" h="5080">
                  <a:moveTo>
                    <a:pt x="181356" y="0"/>
                  </a:moveTo>
                  <a:lnTo>
                    <a:pt x="178308" y="0"/>
                  </a:lnTo>
                  <a:lnTo>
                    <a:pt x="178308" y="4572"/>
                  </a:lnTo>
                  <a:lnTo>
                    <a:pt x="181356" y="4572"/>
                  </a:lnTo>
                  <a:lnTo>
                    <a:pt x="181356" y="0"/>
                  </a:lnTo>
                  <a:close/>
                </a:path>
                <a:path w="483234" h="5080">
                  <a:moveTo>
                    <a:pt x="187452" y="0"/>
                  </a:moveTo>
                  <a:lnTo>
                    <a:pt x="184404" y="0"/>
                  </a:lnTo>
                  <a:lnTo>
                    <a:pt x="184404" y="4572"/>
                  </a:lnTo>
                  <a:lnTo>
                    <a:pt x="187452" y="4572"/>
                  </a:lnTo>
                  <a:lnTo>
                    <a:pt x="187452" y="0"/>
                  </a:lnTo>
                  <a:close/>
                </a:path>
                <a:path w="483234" h="5080">
                  <a:moveTo>
                    <a:pt x="195072" y="0"/>
                  </a:moveTo>
                  <a:lnTo>
                    <a:pt x="192024" y="0"/>
                  </a:lnTo>
                  <a:lnTo>
                    <a:pt x="192024" y="4572"/>
                  </a:lnTo>
                  <a:lnTo>
                    <a:pt x="195072" y="4572"/>
                  </a:lnTo>
                  <a:lnTo>
                    <a:pt x="195072" y="0"/>
                  </a:lnTo>
                  <a:close/>
                </a:path>
                <a:path w="483234" h="5080">
                  <a:moveTo>
                    <a:pt x="201168" y="0"/>
                  </a:moveTo>
                  <a:lnTo>
                    <a:pt x="198120" y="0"/>
                  </a:lnTo>
                  <a:lnTo>
                    <a:pt x="198120" y="4572"/>
                  </a:lnTo>
                  <a:lnTo>
                    <a:pt x="201168" y="4572"/>
                  </a:lnTo>
                  <a:lnTo>
                    <a:pt x="201168" y="0"/>
                  </a:lnTo>
                  <a:close/>
                </a:path>
                <a:path w="483234" h="5080">
                  <a:moveTo>
                    <a:pt x="208788" y="0"/>
                  </a:moveTo>
                  <a:lnTo>
                    <a:pt x="205740" y="0"/>
                  </a:lnTo>
                  <a:lnTo>
                    <a:pt x="205740" y="4572"/>
                  </a:lnTo>
                  <a:lnTo>
                    <a:pt x="208788" y="4572"/>
                  </a:lnTo>
                  <a:lnTo>
                    <a:pt x="208788" y="0"/>
                  </a:lnTo>
                  <a:close/>
                </a:path>
                <a:path w="483234" h="5080">
                  <a:moveTo>
                    <a:pt x="214884" y="0"/>
                  </a:moveTo>
                  <a:lnTo>
                    <a:pt x="211836" y="0"/>
                  </a:lnTo>
                  <a:lnTo>
                    <a:pt x="211836" y="4572"/>
                  </a:lnTo>
                  <a:lnTo>
                    <a:pt x="214884" y="4572"/>
                  </a:lnTo>
                  <a:lnTo>
                    <a:pt x="214884" y="0"/>
                  </a:lnTo>
                  <a:close/>
                </a:path>
                <a:path w="483234" h="5080">
                  <a:moveTo>
                    <a:pt x="222504" y="0"/>
                  </a:moveTo>
                  <a:lnTo>
                    <a:pt x="219456" y="0"/>
                  </a:lnTo>
                  <a:lnTo>
                    <a:pt x="219456" y="4572"/>
                  </a:lnTo>
                  <a:lnTo>
                    <a:pt x="222504" y="4572"/>
                  </a:lnTo>
                  <a:lnTo>
                    <a:pt x="222504" y="0"/>
                  </a:lnTo>
                  <a:close/>
                </a:path>
                <a:path w="483234" h="5080">
                  <a:moveTo>
                    <a:pt x="228600" y="0"/>
                  </a:moveTo>
                  <a:lnTo>
                    <a:pt x="225552" y="0"/>
                  </a:lnTo>
                  <a:lnTo>
                    <a:pt x="225552" y="4572"/>
                  </a:lnTo>
                  <a:lnTo>
                    <a:pt x="228600" y="4572"/>
                  </a:lnTo>
                  <a:lnTo>
                    <a:pt x="228600" y="0"/>
                  </a:lnTo>
                  <a:close/>
                </a:path>
                <a:path w="483234" h="5080">
                  <a:moveTo>
                    <a:pt x="236220" y="0"/>
                  </a:moveTo>
                  <a:lnTo>
                    <a:pt x="233172" y="0"/>
                  </a:lnTo>
                  <a:lnTo>
                    <a:pt x="233172" y="4572"/>
                  </a:lnTo>
                  <a:lnTo>
                    <a:pt x="236220" y="4572"/>
                  </a:lnTo>
                  <a:lnTo>
                    <a:pt x="236220" y="0"/>
                  </a:lnTo>
                  <a:close/>
                </a:path>
                <a:path w="483234" h="5080">
                  <a:moveTo>
                    <a:pt x="242316" y="0"/>
                  </a:moveTo>
                  <a:lnTo>
                    <a:pt x="239268" y="0"/>
                  </a:lnTo>
                  <a:lnTo>
                    <a:pt x="239268" y="4572"/>
                  </a:lnTo>
                  <a:lnTo>
                    <a:pt x="242316" y="4572"/>
                  </a:lnTo>
                  <a:lnTo>
                    <a:pt x="242316" y="0"/>
                  </a:lnTo>
                  <a:close/>
                </a:path>
                <a:path w="483234" h="5080">
                  <a:moveTo>
                    <a:pt x="249936" y="0"/>
                  </a:moveTo>
                  <a:lnTo>
                    <a:pt x="246888" y="0"/>
                  </a:lnTo>
                  <a:lnTo>
                    <a:pt x="246888" y="4572"/>
                  </a:lnTo>
                  <a:lnTo>
                    <a:pt x="249936" y="4572"/>
                  </a:lnTo>
                  <a:lnTo>
                    <a:pt x="249936" y="0"/>
                  </a:lnTo>
                  <a:close/>
                </a:path>
                <a:path w="483234" h="5080">
                  <a:moveTo>
                    <a:pt x="256032" y="0"/>
                  </a:moveTo>
                  <a:lnTo>
                    <a:pt x="252984" y="0"/>
                  </a:lnTo>
                  <a:lnTo>
                    <a:pt x="252984" y="4572"/>
                  </a:lnTo>
                  <a:lnTo>
                    <a:pt x="256032" y="4572"/>
                  </a:lnTo>
                  <a:lnTo>
                    <a:pt x="256032" y="0"/>
                  </a:lnTo>
                  <a:close/>
                </a:path>
                <a:path w="483234" h="5080">
                  <a:moveTo>
                    <a:pt x="263652" y="0"/>
                  </a:moveTo>
                  <a:lnTo>
                    <a:pt x="260604" y="0"/>
                  </a:lnTo>
                  <a:lnTo>
                    <a:pt x="260604" y="4572"/>
                  </a:lnTo>
                  <a:lnTo>
                    <a:pt x="263652" y="4572"/>
                  </a:lnTo>
                  <a:lnTo>
                    <a:pt x="263652" y="0"/>
                  </a:lnTo>
                  <a:close/>
                </a:path>
                <a:path w="483234" h="5080">
                  <a:moveTo>
                    <a:pt x="269748" y="0"/>
                  </a:moveTo>
                  <a:lnTo>
                    <a:pt x="266700" y="0"/>
                  </a:lnTo>
                  <a:lnTo>
                    <a:pt x="266700" y="4572"/>
                  </a:lnTo>
                  <a:lnTo>
                    <a:pt x="269748" y="4572"/>
                  </a:lnTo>
                  <a:lnTo>
                    <a:pt x="269748" y="0"/>
                  </a:lnTo>
                  <a:close/>
                </a:path>
                <a:path w="483234" h="5080">
                  <a:moveTo>
                    <a:pt x="277368" y="0"/>
                  </a:moveTo>
                  <a:lnTo>
                    <a:pt x="274320" y="0"/>
                  </a:lnTo>
                  <a:lnTo>
                    <a:pt x="274320" y="4572"/>
                  </a:lnTo>
                  <a:lnTo>
                    <a:pt x="277368" y="4572"/>
                  </a:lnTo>
                  <a:lnTo>
                    <a:pt x="277368" y="0"/>
                  </a:lnTo>
                  <a:close/>
                </a:path>
                <a:path w="483234" h="5080">
                  <a:moveTo>
                    <a:pt x="283464" y="0"/>
                  </a:moveTo>
                  <a:lnTo>
                    <a:pt x="280416" y="0"/>
                  </a:lnTo>
                  <a:lnTo>
                    <a:pt x="280416" y="4572"/>
                  </a:lnTo>
                  <a:lnTo>
                    <a:pt x="283464" y="4572"/>
                  </a:lnTo>
                  <a:lnTo>
                    <a:pt x="283464" y="0"/>
                  </a:lnTo>
                  <a:close/>
                </a:path>
                <a:path w="483234" h="5080">
                  <a:moveTo>
                    <a:pt x="291084" y="0"/>
                  </a:moveTo>
                  <a:lnTo>
                    <a:pt x="288036" y="0"/>
                  </a:lnTo>
                  <a:lnTo>
                    <a:pt x="288036" y="4572"/>
                  </a:lnTo>
                  <a:lnTo>
                    <a:pt x="291084" y="4572"/>
                  </a:lnTo>
                  <a:lnTo>
                    <a:pt x="291084" y="0"/>
                  </a:lnTo>
                  <a:close/>
                </a:path>
                <a:path w="483234" h="5080">
                  <a:moveTo>
                    <a:pt x="297180" y="0"/>
                  </a:moveTo>
                  <a:lnTo>
                    <a:pt x="294132" y="0"/>
                  </a:lnTo>
                  <a:lnTo>
                    <a:pt x="294132" y="4572"/>
                  </a:lnTo>
                  <a:lnTo>
                    <a:pt x="297180" y="4572"/>
                  </a:lnTo>
                  <a:lnTo>
                    <a:pt x="297180" y="0"/>
                  </a:lnTo>
                  <a:close/>
                </a:path>
                <a:path w="483234" h="5080">
                  <a:moveTo>
                    <a:pt x="304800" y="0"/>
                  </a:moveTo>
                  <a:lnTo>
                    <a:pt x="301752" y="0"/>
                  </a:lnTo>
                  <a:lnTo>
                    <a:pt x="301752" y="4572"/>
                  </a:lnTo>
                  <a:lnTo>
                    <a:pt x="304800" y="4572"/>
                  </a:lnTo>
                  <a:lnTo>
                    <a:pt x="304800" y="0"/>
                  </a:lnTo>
                  <a:close/>
                </a:path>
                <a:path w="483234" h="5080">
                  <a:moveTo>
                    <a:pt x="310896" y="0"/>
                  </a:moveTo>
                  <a:lnTo>
                    <a:pt x="307848" y="0"/>
                  </a:lnTo>
                  <a:lnTo>
                    <a:pt x="307848" y="4572"/>
                  </a:lnTo>
                  <a:lnTo>
                    <a:pt x="310896" y="4572"/>
                  </a:lnTo>
                  <a:lnTo>
                    <a:pt x="310896" y="0"/>
                  </a:lnTo>
                  <a:close/>
                </a:path>
                <a:path w="483234" h="5080">
                  <a:moveTo>
                    <a:pt x="318516" y="0"/>
                  </a:moveTo>
                  <a:lnTo>
                    <a:pt x="315468" y="0"/>
                  </a:lnTo>
                  <a:lnTo>
                    <a:pt x="315468" y="4572"/>
                  </a:lnTo>
                  <a:lnTo>
                    <a:pt x="318516" y="4572"/>
                  </a:lnTo>
                  <a:lnTo>
                    <a:pt x="318516" y="0"/>
                  </a:lnTo>
                  <a:close/>
                </a:path>
                <a:path w="483234" h="5080">
                  <a:moveTo>
                    <a:pt x="324612" y="0"/>
                  </a:moveTo>
                  <a:lnTo>
                    <a:pt x="321564" y="0"/>
                  </a:lnTo>
                  <a:lnTo>
                    <a:pt x="321564" y="4572"/>
                  </a:lnTo>
                  <a:lnTo>
                    <a:pt x="324612" y="4572"/>
                  </a:lnTo>
                  <a:lnTo>
                    <a:pt x="324612" y="0"/>
                  </a:lnTo>
                  <a:close/>
                </a:path>
                <a:path w="483234" h="5080">
                  <a:moveTo>
                    <a:pt x="332232" y="0"/>
                  </a:moveTo>
                  <a:lnTo>
                    <a:pt x="329184" y="0"/>
                  </a:lnTo>
                  <a:lnTo>
                    <a:pt x="329184" y="4572"/>
                  </a:lnTo>
                  <a:lnTo>
                    <a:pt x="332232" y="4572"/>
                  </a:lnTo>
                  <a:lnTo>
                    <a:pt x="332232" y="0"/>
                  </a:lnTo>
                  <a:close/>
                </a:path>
                <a:path w="483234" h="5080">
                  <a:moveTo>
                    <a:pt x="338328" y="0"/>
                  </a:moveTo>
                  <a:lnTo>
                    <a:pt x="335280" y="0"/>
                  </a:lnTo>
                  <a:lnTo>
                    <a:pt x="335280" y="4572"/>
                  </a:lnTo>
                  <a:lnTo>
                    <a:pt x="338328" y="4572"/>
                  </a:lnTo>
                  <a:lnTo>
                    <a:pt x="338328" y="0"/>
                  </a:lnTo>
                  <a:close/>
                </a:path>
                <a:path w="483234" h="5080">
                  <a:moveTo>
                    <a:pt x="345948" y="0"/>
                  </a:moveTo>
                  <a:lnTo>
                    <a:pt x="342900" y="0"/>
                  </a:lnTo>
                  <a:lnTo>
                    <a:pt x="342900"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6616" y="0"/>
                  </a:lnTo>
                  <a:lnTo>
                    <a:pt x="356616"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70332" y="0"/>
                  </a:lnTo>
                  <a:lnTo>
                    <a:pt x="370332"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4048" y="0"/>
                  </a:lnTo>
                  <a:lnTo>
                    <a:pt x="384048"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7764" y="0"/>
                  </a:lnTo>
                  <a:lnTo>
                    <a:pt x="397764"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11480" y="0"/>
                  </a:lnTo>
                  <a:lnTo>
                    <a:pt x="411480"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5196" y="0"/>
                  </a:lnTo>
                  <a:lnTo>
                    <a:pt x="425196"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8912" y="0"/>
                  </a:lnTo>
                  <a:lnTo>
                    <a:pt x="438912"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2628" y="0"/>
                  </a:lnTo>
                  <a:lnTo>
                    <a:pt x="452628"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6344" y="0"/>
                  </a:lnTo>
                  <a:lnTo>
                    <a:pt x="466344"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49" name="object 149"/>
            <p:cNvSpPr/>
            <p:nvPr/>
          </p:nvSpPr>
          <p:spPr>
            <a:xfrm>
              <a:off x="8412480" y="1726691"/>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9144" y="0"/>
                  </a:moveTo>
                  <a:lnTo>
                    <a:pt x="6096" y="0"/>
                  </a:lnTo>
                  <a:lnTo>
                    <a:pt x="6096" y="4572"/>
                  </a:lnTo>
                  <a:lnTo>
                    <a:pt x="9144" y="4572"/>
                  </a:lnTo>
                  <a:lnTo>
                    <a:pt x="9144" y="0"/>
                  </a:lnTo>
                  <a:close/>
                </a:path>
                <a:path w="483234" h="5080">
                  <a:moveTo>
                    <a:pt x="16764" y="0"/>
                  </a:moveTo>
                  <a:lnTo>
                    <a:pt x="12192" y="0"/>
                  </a:lnTo>
                  <a:lnTo>
                    <a:pt x="12192" y="4572"/>
                  </a:lnTo>
                  <a:lnTo>
                    <a:pt x="16764" y="4572"/>
                  </a:lnTo>
                  <a:lnTo>
                    <a:pt x="16764" y="0"/>
                  </a:lnTo>
                  <a:close/>
                </a:path>
                <a:path w="483234" h="5080">
                  <a:moveTo>
                    <a:pt x="22860" y="0"/>
                  </a:moveTo>
                  <a:lnTo>
                    <a:pt x="19812" y="0"/>
                  </a:lnTo>
                  <a:lnTo>
                    <a:pt x="19812" y="4572"/>
                  </a:lnTo>
                  <a:lnTo>
                    <a:pt x="22860" y="4572"/>
                  </a:lnTo>
                  <a:lnTo>
                    <a:pt x="22860" y="0"/>
                  </a:lnTo>
                  <a:close/>
                </a:path>
                <a:path w="483234" h="5080">
                  <a:moveTo>
                    <a:pt x="30480" y="0"/>
                  </a:moveTo>
                  <a:lnTo>
                    <a:pt x="25908" y="0"/>
                  </a:lnTo>
                  <a:lnTo>
                    <a:pt x="25908" y="4572"/>
                  </a:lnTo>
                  <a:lnTo>
                    <a:pt x="30480" y="4572"/>
                  </a:lnTo>
                  <a:lnTo>
                    <a:pt x="30480" y="0"/>
                  </a:lnTo>
                  <a:close/>
                </a:path>
                <a:path w="483234" h="5080">
                  <a:moveTo>
                    <a:pt x="36576" y="0"/>
                  </a:moveTo>
                  <a:lnTo>
                    <a:pt x="33528" y="0"/>
                  </a:lnTo>
                  <a:lnTo>
                    <a:pt x="33528" y="4572"/>
                  </a:lnTo>
                  <a:lnTo>
                    <a:pt x="36576" y="4572"/>
                  </a:lnTo>
                  <a:lnTo>
                    <a:pt x="36576" y="0"/>
                  </a:lnTo>
                  <a:close/>
                </a:path>
                <a:path w="483234" h="5080">
                  <a:moveTo>
                    <a:pt x="44196" y="0"/>
                  </a:moveTo>
                  <a:lnTo>
                    <a:pt x="39624" y="0"/>
                  </a:lnTo>
                  <a:lnTo>
                    <a:pt x="39624" y="4572"/>
                  </a:lnTo>
                  <a:lnTo>
                    <a:pt x="44196" y="4572"/>
                  </a:lnTo>
                  <a:lnTo>
                    <a:pt x="44196" y="0"/>
                  </a:lnTo>
                  <a:close/>
                </a:path>
                <a:path w="483234" h="5080">
                  <a:moveTo>
                    <a:pt x="50292" y="0"/>
                  </a:moveTo>
                  <a:lnTo>
                    <a:pt x="47244" y="0"/>
                  </a:lnTo>
                  <a:lnTo>
                    <a:pt x="47244" y="4572"/>
                  </a:lnTo>
                  <a:lnTo>
                    <a:pt x="50292" y="4572"/>
                  </a:lnTo>
                  <a:lnTo>
                    <a:pt x="50292" y="0"/>
                  </a:lnTo>
                  <a:close/>
                </a:path>
                <a:path w="483234" h="5080">
                  <a:moveTo>
                    <a:pt x="57912" y="0"/>
                  </a:moveTo>
                  <a:lnTo>
                    <a:pt x="53340" y="0"/>
                  </a:lnTo>
                  <a:lnTo>
                    <a:pt x="53340" y="4572"/>
                  </a:lnTo>
                  <a:lnTo>
                    <a:pt x="57912" y="4572"/>
                  </a:lnTo>
                  <a:lnTo>
                    <a:pt x="57912" y="0"/>
                  </a:lnTo>
                  <a:close/>
                </a:path>
                <a:path w="483234" h="5080">
                  <a:moveTo>
                    <a:pt x="64008" y="0"/>
                  </a:moveTo>
                  <a:lnTo>
                    <a:pt x="60960" y="0"/>
                  </a:lnTo>
                  <a:lnTo>
                    <a:pt x="60960" y="4572"/>
                  </a:lnTo>
                  <a:lnTo>
                    <a:pt x="64008" y="4572"/>
                  </a:lnTo>
                  <a:lnTo>
                    <a:pt x="64008" y="0"/>
                  </a:lnTo>
                  <a:close/>
                </a:path>
                <a:path w="483234" h="5080">
                  <a:moveTo>
                    <a:pt x="71628" y="0"/>
                  </a:moveTo>
                  <a:lnTo>
                    <a:pt x="67056" y="0"/>
                  </a:lnTo>
                  <a:lnTo>
                    <a:pt x="67056" y="4572"/>
                  </a:lnTo>
                  <a:lnTo>
                    <a:pt x="71628" y="4572"/>
                  </a:lnTo>
                  <a:lnTo>
                    <a:pt x="71628" y="0"/>
                  </a:lnTo>
                  <a:close/>
                </a:path>
                <a:path w="483234" h="5080">
                  <a:moveTo>
                    <a:pt x="77724" y="0"/>
                  </a:moveTo>
                  <a:lnTo>
                    <a:pt x="74676" y="0"/>
                  </a:lnTo>
                  <a:lnTo>
                    <a:pt x="74676" y="4572"/>
                  </a:lnTo>
                  <a:lnTo>
                    <a:pt x="77724" y="4572"/>
                  </a:lnTo>
                  <a:lnTo>
                    <a:pt x="77724" y="0"/>
                  </a:lnTo>
                  <a:close/>
                </a:path>
                <a:path w="483234" h="5080">
                  <a:moveTo>
                    <a:pt x="85344" y="0"/>
                  </a:moveTo>
                  <a:lnTo>
                    <a:pt x="80772" y="0"/>
                  </a:lnTo>
                  <a:lnTo>
                    <a:pt x="80772" y="4572"/>
                  </a:lnTo>
                  <a:lnTo>
                    <a:pt x="85344" y="4572"/>
                  </a:lnTo>
                  <a:lnTo>
                    <a:pt x="85344" y="0"/>
                  </a:lnTo>
                  <a:close/>
                </a:path>
                <a:path w="483234" h="5080">
                  <a:moveTo>
                    <a:pt x="91440" y="0"/>
                  </a:moveTo>
                  <a:lnTo>
                    <a:pt x="88392" y="0"/>
                  </a:lnTo>
                  <a:lnTo>
                    <a:pt x="88392" y="4572"/>
                  </a:lnTo>
                  <a:lnTo>
                    <a:pt x="91440" y="4572"/>
                  </a:lnTo>
                  <a:lnTo>
                    <a:pt x="91440" y="0"/>
                  </a:lnTo>
                  <a:close/>
                </a:path>
                <a:path w="483234" h="5080">
                  <a:moveTo>
                    <a:pt x="99060" y="0"/>
                  </a:moveTo>
                  <a:lnTo>
                    <a:pt x="94488" y="0"/>
                  </a:lnTo>
                  <a:lnTo>
                    <a:pt x="94488" y="4572"/>
                  </a:lnTo>
                  <a:lnTo>
                    <a:pt x="99060" y="4572"/>
                  </a:lnTo>
                  <a:lnTo>
                    <a:pt x="99060" y="0"/>
                  </a:lnTo>
                  <a:close/>
                </a:path>
                <a:path w="483234" h="5080">
                  <a:moveTo>
                    <a:pt x="105156" y="0"/>
                  </a:moveTo>
                  <a:lnTo>
                    <a:pt x="102108" y="0"/>
                  </a:lnTo>
                  <a:lnTo>
                    <a:pt x="102108" y="4572"/>
                  </a:lnTo>
                  <a:lnTo>
                    <a:pt x="105156" y="4572"/>
                  </a:lnTo>
                  <a:lnTo>
                    <a:pt x="105156" y="0"/>
                  </a:lnTo>
                  <a:close/>
                </a:path>
                <a:path w="483234" h="5080">
                  <a:moveTo>
                    <a:pt x="112776" y="0"/>
                  </a:moveTo>
                  <a:lnTo>
                    <a:pt x="108204" y="0"/>
                  </a:lnTo>
                  <a:lnTo>
                    <a:pt x="108204" y="4572"/>
                  </a:lnTo>
                  <a:lnTo>
                    <a:pt x="112776" y="4572"/>
                  </a:lnTo>
                  <a:lnTo>
                    <a:pt x="112776" y="0"/>
                  </a:lnTo>
                  <a:close/>
                </a:path>
                <a:path w="483234" h="5080">
                  <a:moveTo>
                    <a:pt x="118872" y="0"/>
                  </a:moveTo>
                  <a:lnTo>
                    <a:pt x="115824" y="0"/>
                  </a:lnTo>
                  <a:lnTo>
                    <a:pt x="115824" y="4572"/>
                  </a:lnTo>
                  <a:lnTo>
                    <a:pt x="118872" y="4572"/>
                  </a:lnTo>
                  <a:lnTo>
                    <a:pt x="118872" y="0"/>
                  </a:lnTo>
                  <a:close/>
                </a:path>
                <a:path w="483234" h="5080">
                  <a:moveTo>
                    <a:pt x="126492" y="0"/>
                  </a:moveTo>
                  <a:lnTo>
                    <a:pt x="121920" y="0"/>
                  </a:lnTo>
                  <a:lnTo>
                    <a:pt x="121920" y="4572"/>
                  </a:lnTo>
                  <a:lnTo>
                    <a:pt x="126492" y="4572"/>
                  </a:lnTo>
                  <a:lnTo>
                    <a:pt x="126492" y="0"/>
                  </a:lnTo>
                  <a:close/>
                </a:path>
                <a:path w="483234" h="5080">
                  <a:moveTo>
                    <a:pt x="132588" y="0"/>
                  </a:moveTo>
                  <a:lnTo>
                    <a:pt x="129540" y="0"/>
                  </a:lnTo>
                  <a:lnTo>
                    <a:pt x="129540" y="4572"/>
                  </a:lnTo>
                  <a:lnTo>
                    <a:pt x="132588" y="4572"/>
                  </a:lnTo>
                  <a:lnTo>
                    <a:pt x="132588" y="0"/>
                  </a:lnTo>
                  <a:close/>
                </a:path>
                <a:path w="483234" h="5080">
                  <a:moveTo>
                    <a:pt x="140208" y="0"/>
                  </a:moveTo>
                  <a:lnTo>
                    <a:pt x="135636" y="0"/>
                  </a:lnTo>
                  <a:lnTo>
                    <a:pt x="135636" y="4572"/>
                  </a:lnTo>
                  <a:lnTo>
                    <a:pt x="140208" y="4572"/>
                  </a:lnTo>
                  <a:lnTo>
                    <a:pt x="140208" y="0"/>
                  </a:lnTo>
                  <a:close/>
                </a:path>
                <a:path w="483234" h="5080">
                  <a:moveTo>
                    <a:pt x="146304" y="0"/>
                  </a:moveTo>
                  <a:lnTo>
                    <a:pt x="143256" y="0"/>
                  </a:lnTo>
                  <a:lnTo>
                    <a:pt x="143256" y="4572"/>
                  </a:lnTo>
                  <a:lnTo>
                    <a:pt x="146304" y="4572"/>
                  </a:lnTo>
                  <a:lnTo>
                    <a:pt x="146304" y="0"/>
                  </a:lnTo>
                  <a:close/>
                </a:path>
                <a:path w="483234" h="5080">
                  <a:moveTo>
                    <a:pt x="153924" y="0"/>
                  </a:moveTo>
                  <a:lnTo>
                    <a:pt x="149352" y="0"/>
                  </a:lnTo>
                  <a:lnTo>
                    <a:pt x="149352" y="4572"/>
                  </a:lnTo>
                  <a:lnTo>
                    <a:pt x="153924" y="4572"/>
                  </a:lnTo>
                  <a:lnTo>
                    <a:pt x="153924" y="0"/>
                  </a:lnTo>
                  <a:close/>
                </a:path>
                <a:path w="483234" h="5080">
                  <a:moveTo>
                    <a:pt x="160020" y="0"/>
                  </a:moveTo>
                  <a:lnTo>
                    <a:pt x="156972" y="0"/>
                  </a:lnTo>
                  <a:lnTo>
                    <a:pt x="156972" y="4572"/>
                  </a:lnTo>
                  <a:lnTo>
                    <a:pt x="160020" y="4572"/>
                  </a:lnTo>
                  <a:lnTo>
                    <a:pt x="160020" y="0"/>
                  </a:lnTo>
                  <a:close/>
                </a:path>
                <a:path w="483234" h="5080">
                  <a:moveTo>
                    <a:pt x="167640" y="0"/>
                  </a:moveTo>
                  <a:lnTo>
                    <a:pt x="163068" y="0"/>
                  </a:lnTo>
                  <a:lnTo>
                    <a:pt x="163068" y="4572"/>
                  </a:lnTo>
                  <a:lnTo>
                    <a:pt x="167640" y="4572"/>
                  </a:lnTo>
                  <a:lnTo>
                    <a:pt x="167640" y="0"/>
                  </a:lnTo>
                  <a:close/>
                </a:path>
                <a:path w="483234" h="5080">
                  <a:moveTo>
                    <a:pt x="173736" y="0"/>
                  </a:moveTo>
                  <a:lnTo>
                    <a:pt x="170688" y="0"/>
                  </a:lnTo>
                  <a:lnTo>
                    <a:pt x="170688" y="4572"/>
                  </a:lnTo>
                  <a:lnTo>
                    <a:pt x="173736" y="4572"/>
                  </a:lnTo>
                  <a:lnTo>
                    <a:pt x="173736" y="0"/>
                  </a:lnTo>
                  <a:close/>
                </a:path>
                <a:path w="483234" h="5080">
                  <a:moveTo>
                    <a:pt x="181356" y="0"/>
                  </a:moveTo>
                  <a:lnTo>
                    <a:pt x="176784" y="0"/>
                  </a:lnTo>
                  <a:lnTo>
                    <a:pt x="176784" y="4572"/>
                  </a:lnTo>
                  <a:lnTo>
                    <a:pt x="181356" y="4572"/>
                  </a:lnTo>
                  <a:lnTo>
                    <a:pt x="181356" y="0"/>
                  </a:lnTo>
                  <a:close/>
                </a:path>
                <a:path w="483234" h="5080">
                  <a:moveTo>
                    <a:pt x="187452" y="0"/>
                  </a:moveTo>
                  <a:lnTo>
                    <a:pt x="184404" y="0"/>
                  </a:lnTo>
                  <a:lnTo>
                    <a:pt x="184404" y="4572"/>
                  </a:lnTo>
                  <a:lnTo>
                    <a:pt x="187452" y="4572"/>
                  </a:lnTo>
                  <a:lnTo>
                    <a:pt x="187452" y="0"/>
                  </a:lnTo>
                  <a:close/>
                </a:path>
                <a:path w="483234" h="5080">
                  <a:moveTo>
                    <a:pt x="195072" y="0"/>
                  </a:moveTo>
                  <a:lnTo>
                    <a:pt x="190500" y="0"/>
                  </a:lnTo>
                  <a:lnTo>
                    <a:pt x="190500" y="4572"/>
                  </a:lnTo>
                  <a:lnTo>
                    <a:pt x="195072" y="4572"/>
                  </a:lnTo>
                  <a:lnTo>
                    <a:pt x="195072" y="0"/>
                  </a:lnTo>
                  <a:close/>
                </a:path>
                <a:path w="483234" h="5080">
                  <a:moveTo>
                    <a:pt x="201168" y="0"/>
                  </a:moveTo>
                  <a:lnTo>
                    <a:pt x="198120" y="0"/>
                  </a:lnTo>
                  <a:lnTo>
                    <a:pt x="198120" y="4572"/>
                  </a:lnTo>
                  <a:lnTo>
                    <a:pt x="201168" y="4572"/>
                  </a:lnTo>
                  <a:lnTo>
                    <a:pt x="201168" y="0"/>
                  </a:lnTo>
                  <a:close/>
                </a:path>
                <a:path w="483234" h="5080">
                  <a:moveTo>
                    <a:pt x="208788" y="0"/>
                  </a:moveTo>
                  <a:lnTo>
                    <a:pt x="204216" y="0"/>
                  </a:lnTo>
                  <a:lnTo>
                    <a:pt x="204216" y="4572"/>
                  </a:lnTo>
                  <a:lnTo>
                    <a:pt x="208788" y="4572"/>
                  </a:lnTo>
                  <a:lnTo>
                    <a:pt x="208788" y="0"/>
                  </a:lnTo>
                  <a:close/>
                </a:path>
                <a:path w="483234" h="5080">
                  <a:moveTo>
                    <a:pt x="214884" y="0"/>
                  </a:moveTo>
                  <a:lnTo>
                    <a:pt x="211836" y="0"/>
                  </a:lnTo>
                  <a:lnTo>
                    <a:pt x="211836" y="4572"/>
                  </a:lnTo>
                  <a:lnTo>
                    <a:pt x="214884" y="4572"/>
                  </a:lnTo>
                  <a:lnTo>
                    <a:pt x="214884" y="0"/>
                  </a:lnTo>
                  <a:close/>
                </a:path>
                <a:path w="483234" h="5080">
                  <a:moveTo>
                    <a:pt x="222504" y="0"/>
                  </a:moveTo>
                  <a:lnTo>
                    <a:pt x="217932" y="0"/>
                  </a:lnTo>
                  <a:lnTo>
                    <a:pt x="217932" y="4572"/>
                  </a:lnTo>
                  <a:lnTo>
                    <a:pt x="222504" y="4572"/>
                  </a:lnTo>
                  <a:lnTo>
                    <a:pt x="222504" y="0"/>
                  </a:lnTo>
                  <a:close/>
                </a:path>
                <a:path w="483234" h="5080">
                  <a:moveTo>
                    <a:pt x="228600" y="0"/>
                  </a:moveTo>
                  <a:lnTo>
                    <a:pt x="225552" y="0"/>
                  </a:lnTo>
                  <a:lnTo>
                    <a:pt x="225552" y="4572"/>
                  </a:lnTo>
                  <a:lnTo>
                    <a:pt x="228600" y="4572"/>
                  </a:lnTo>
                  <a:lnTo>
                    <a:pt x="228600" y="0"/>
                  </a:lnTo>
                  <a:close/>
                </a:path>
                <a:path w="483234" h="5080">
                  <a:moveTo>
                    <a:pt x="236220" y="0"/>
                  </a:moveTo>
                  <a:lnTo>
                    <a:pt x="231648" y="0"/>
                  </a:lnTo>
                  <a:lnTo>
                    <a:pt x="231648" y="4572"/>
                  </a:lnTo>
                  <a:lnTo>
                    <a:pt x="236220" y="4572"/>
                  </a:lnTo>
                  <a:lnTo>
                    <a:pt x="236220" y="0"/>
                  </a:lnTo>
                  <a:close/>
                </a:path>
                <a:path w="483234" h="5080">
                  <a:moveTo>
                    <a:pt x="242316" y="0"/>
                  </a:moveTo>
                  <a:lnTo>
                    <a:pt x="239268" y="0"/>
                  </a:lnTo>
                  <a:lnTo>
                    <a:pt x="239268" y="4572"/>
                  </a:lnTo>
                  <a:lnTo>
                    <a:pt x="242316" y="4572"/>
                  </a:lnTo>
                  <a:lnTo>
                    <a:pt x="242316" y="0"/>
                  </a:lnTo>
                  <a:close/>
                </a:path>
                <a:path w="483234" h="5080">
                  <a:moveTo>
                    <a:pt x="249936" y="0"/>
                  </a:moveTo>
                  <a:lnTo>
                    <a:pt x="245364" y="0"/>
                  </a:lnTo>
                  <a:lnTo>
                    <a:pt x="245364" y="4572"/>
                  </a:lnTo>
                  <a:lnTo>
                    <a:pt x="249936" y="4572"/>
                  </a:lnTo>
                  <a:lnTo>
                    <a:pt x="249936" y="0"/>
                  </a:lnTo>
                  <a:close/>
                </a:path>
                <a:path w="483234" h="5080">
                  <a:moveTo>
                    <a:pt x="256032" y="0"/>
                  </a:moveTo>
                  <a:lnTo>
                    <a:pt x="252984" y="0"/>
                  </a:lnTo>
                  <a:lnTo>
                    <a:pt x="252984" y="4572"/>
                  </a:lnTo>
                  <a:lnTo>
                    <a:pt x="256032" y="4572"/>
                  </a:lnTo>
                  <a:lnTo>
                    <a:pt x="256032" y="0"/>
                  </a:lnTo>
                  <a:close/>
                </a:path>
                <a:path w="483234" h="5080">
                  <a:moveTo>
                    <a:pt x="263652" y="0"/>
                  </a:moveTo>
                  <a:lnTo>
                    <a:pt x="259080" y="0"/>
                  </a:lnTo>
                  <a:lnTo>
                    <a:pt x="259080" y="4572"/>
                  </a:lnTo>
                  <a:lnTo>
                    <a:pt x="263652" y="4572"/>
                  </a:lnTo>
                  <a:lnTo>
                    <a:pt x="263652" y="0"/>
                  </a:lnTo>
                  <a:close/>
                </a:path>
                <a:path w="483234" h="5080">
                  <a:moveTo>
                    <a:pt x="269748" y="0"/>
                  </a:moveTo>
                  <a:lnTo>
                    <a:pt x="266700" y="0"/>
                  </a:lnTo>
                  <a:lnTo>
                    <a:pt x="266700" y="4572"/>
                  </a:lnTo>
                  <a:lnTo>
                    <a:pt x="269748" y="4572"/>
                  </a:lnTo>
                  <a:lnTo>
                    <a:pt x="269748" y="0"/>
                  </a:lnTo>
                  <a:close/>
                </a:path>
                <a:path w="483234" h="5080">
                  <a:moveTo>
                    <a:pt x="277368" y="0"/>
                  </a:moveTo>
                  <a:lnTo>
                    <a:pt x="272796" y="0"/>
                  </a:lnTo>
                  <a:lnTo>
                    <a:pt x="272796" y="4572"/>
                  </a:lnTo>
                  <a:lnTo>
                    <a:pt x="277368" y="4572"/>
                  </a:lnTo>
                  <a:lnTo>
                    <a:pt x="277368" y="0"/>
                  </a:lnTo>
                  <a:close/>
                </a:path>
                <a:path w="483234" h="5080">
                  <a:moveTo>
                    <a:pt x="283464" y="0"/>
                  </a:moveTo>
                  <a:lnTo>
                    <a:pt x="280416" y="0"/>
                  </a:lnTo>
                  <a:lnTo>
                    <a:pt x="280416" y="4572"/>
                  </a:lnTo>
                  <a:lnTo>
                    <a:pt x="283464" y="4572"/>
                  </a:lnTo>
                  <a:lnTo>
                    <a:pt x="283464" y="0"/>
                  </a:lnTo>
                  <a:close/>
                </a:path>
                <a:path w="483234" h="5080">
                  <a:moveTo>
                    <a:pt x="291084" y="0"/>
                  </a:moveTo>
                  <a:lnTo>
                    <a:pt x="286512" y="0"/>
                  </a:lnTo>
                  <a:lnTo>
                    <a:pt x="286512" y="4572"/>
                  </a:lnTo>
                  <a:lnTo>
                    <a:pt x="291084" y="4572"/>
                  </a:lnTo>
                  <a:lnTo>
                    <a:pt x="291084" y="0"/>
                  </a:lnTo>
                  <a:close/>
                </a:path>
                <a:path w="483234" h="5080">
                  <a:moveTo>
                    <a:pt x="297180" y="0"/>
                  </a:moveTo>
                  <a:lnTo>
                    <a:pt x="294132" y="0"/>
                  </a:lnTo>
                  <a:lnTo>
                    <a:pt x="294132" y="4572"/>
                  </a:lnTo>
                  <a:lnTo>
                    <a:pt x="297180" y="4572"/>
                  </a:lnTo>
                  <a:lnTo>
                    <a:pt x="297180" y="0"/>
                  </a:lnTo>
                  <a:close/>
                </a:path>
                <a:path w="483234" h="5080">
                  <a:moveTo>
                    <a:pt x="304800" y="0"/>
                  </a:moveTo>
                  <a:lnTo>
                    <a:pt x="300228" y="0"/>
                  </a:lnTo>
                  <a:lnTo>
                    <a:pt x="300228" y="4572"/>
                  </a:lnTo>
                  <a:lnTo>
                    <a:pt x="304800" y="4572"/>
                  </a:lnTo>
                  <a:lnTo>
                    <a:pt x="304800" y="0"/>
                  </a:lnTo>
                  <a:close/>
                </a:path>
                <a:path w="483234" h="5080">
                  <a:moveTo>
                    <a:pt x="310896" y="0"/>
                  </a:moveTo>
                  <a:lnTo>
                    <a:pt x="307848" y="0"/>
                  </a:lnTo>
                  <a:lnTo>
                    <a:pt x="307848" y="4572"/>
                  </a:lnTo>
                  <a:lnTo>
                    <a:pt x="310896" y="4572"/>
                  </a:lnTo>
                  <a:lnTo>
                    <a:pt x="310896" y="0"/>
                  </a:lnTo>
                  <a:close/>
                </a:path>
                <a:path w="483234" h="5080">
                  <a:moveTo>
                    <a:pt x="318516" y="0"/>
                  </a:moveTo>
                  <a:lnTo>
                    <a:pt x="313944" y="0"/>
                  </a:lnTo>
                  <a:lnTo>
                    <a:pt x="313944" y="4572"/>
                  </a:lnTo>
                  <a:lnTo>
                    <a:pt x="318516" y="4572"/>
                  </a:lnTo>
                  <a:lnTo>
                    <a:pt x="318516" y="0"/>
                  </a:lnTo>
                  <a:close/>
                </a:path>
                <a:path w="483234" h="5080">
                  <a:moveTo>
                    <a:pt x="324612" y="0"/>
                  </a:moveTo>
                  <a:lnTo>
                    <a:pt x="321564" y="0"/>
                  </a:lnTo>
                  <a:lnTo>
                    <a:pt x="321564" y="4572"/>
                  </a:lnTo>
                  <a:lnTo>
                    <a:pt x="324612" y="4572"/>
                  </a:lnTo>
                  <a:lnTo>
                    <a:pt x="324612" y="0"/>
                  </a:lnTo>
                  <a:close/>
                </a:path>
                <a:path w="483234" h="5080">
                  <a:moveTo>
                    <a:pt x="332232" y="0"/>
                  </a:moveTo>
                  <a:lnTo>
                    <a:pt x="327660" y="0"/>
                  </a:lnTo>
                  <a:lnTo>
                    <a:pt x="327660" y="4572"/>
                  </a:lnTo>
                  <a:lnTo>
                    <a:pt x="332232" y="4572"/>
                  </a:lnTo>
                  <a:lnTo>
                    <a:pt x="332232" y="0"/>
                  </a:lnTo>
                  <a:close/>
                </a:path>
                <a:path w="483234" h="5080">
                  <a:moveTo>
                    <a:pt x="338328" y="0"/>
                  </a:moveTo>
                  <a:lnTo>
                    <a:pt x="335280" y="0"/>
                  </a:lnTo>
                  <a:lnTo>
                    <a:pt x="335280" y="4572"/>
                  </a:lnTo>
                  <a:lnTo>
                    <a:pt x="338328" y="4572"/>
                  </a:lnTo>
                  <a:lnTo>
                    <a:pt x="338328" y="0"/>
                  </a:lnTo>
                  <a:close/>
                </a:path>
                <a:path w="483234" h="5080">
                  <a:moveTo>
                    <a:pt x="345948" y="0"/>
                  </a:moveTo>
                  <a:lnTo>
                    <a:pt x="341376" y="0"/>
                  </a:lnTo>
                  <a:lnTo>
                    <a:pt x="341376" y="4572"/>
                  </a:lnTo>
                  <a:lnTo>
                    <a:pt x="345948" y="4572"/>
                  </a:lnTo>
                  <a:lnTo>
                    <a:pt x="345948" y="0"/>
                  </a:lnTo>
                  <a:close/>
                </a:path>
                <a:path w="483234" h="5080">
                  <a:moveTo>
                    <a:pt x="352044" y="0"/>
                  </a:moveTo>
                  <a:lnTo>
                    <a:pt x="348996" y="0"/>
                  </a:lnTo>
                  <a:lnTo>
                    <a:pt x="348996" y="4572"/>
                  </a:lnTo>
                  <a:lnTo>
                    <a:pt x="352044" y="4572"/>
                  </a:lnTo>
                  <a:lnTo>
                    <a:pt x="352044" y="0"/>
                  </a:lnTo>
                  <a:close/>
                </a:path>
                <a:path w="483234" h="5080">
                  <a:moveTo>
                    <a:pt x="359664" y="0"/>
                  </a:moveTo>
                  <a:lnTo>
                    <a:pt x="355092" y="0"/>
                  </a:lnTo>
                  <a:lnTo>
                    <a:pt x="355092" y="4572"/>
                  </a:lnTo>
                  <a:lnTo>
                    <a:pt x="359664" y="4572"/>
                  </a:lnTo>
                  <a:lnTo>
                    <a:pt x="359664" y="0"/>
                  </a:lnTo>
                  <a:close/>
                </a:path>
                <a:path w="483234" h="5080">
                  <a:moveTo>
                    <a:pt x="365760" y="0"/>
                  </a:moveTo>
                  <a:lnTo>
                    <a:pt x="362712" y="0"/>
                  </a:lnTo>
                  <a:lnTo>
                    <a:pt x="362712" y="4572"/>
                  </a:lnTo>
                  <a:lnTo>
                    <a:pt x="365760" y="4572"/>
                  </a:lnTo>
                  <a:lnTo>
                    <a:pt x="365760" y="0"/>
                  </a:lnTo>
                  <a:close/>
                </a:path>
                <a:path w="483234" h="5080">
                  <a:moveTo>
                    <a:pt x="373380" y="0"/>
                  </a:moveTo>
                  <a:lnTo>
                    <a:pt x="368808" y="0"/>
                  </a:lnTo>
                  <a:lnTo>
                    <a:pt x="368808" y="4572"/>
                  </a:lnTo>
                  <a:lnTo>
                    <a:pt x="373380" y="4572"/>
                  </a:lnTo>
                  <a:lnTo>
                    <a:pt x="373380" y="0"/>
                  </a:lnTo>
                  <a:close/>
                </a:path>
                <a:path w="483234" h="5080">
                  <a:moveTo>
                    <a:pt x="379476" y="0"/>
                  </a:moveTo>
                  <a:lnTo>
                    <a:pt x="376428" y="0"/>
                  </a:lnTo>
                  <a:lnTo>
                    <a:pt x="376428" y="4572"/>
                  </a:lnTo>
                  <a:lnTo>
                    <a:pt x="379476" y="4572"/>
                  </a:lnTo>
                  <a:lnTo>
                    <a:pt x="379476" y="0"/>
                  </a:lnTo>
                  <a:close/>
                </a:path>
                <a:path w="483234" h="5080">
                  <a:moveTo>
                    <a:pt x="387096" y="0"/>
                  </a:moveTo>
                  <a:lnTo>
                    <a:pt x="382524" y="0"/>
                  </a:lnTo>
                  <a:lnTo>
                    <a:pt x="382524" y="4572"/>
                  </a:lnTo>
                  <a:lnTo>
                    <a:pt x="387096" y="4572"/>
                  </a:lnTo>
                  <a:lnTo>
                    <a:pt x="387096" y="0"/>
                  </a:lnTo>
                  <a:close/>
                </a:path>
                <a:path w="483234" h="5080">
                  <a:moveTo>
                    <a:pt x="393192" y="0"/>
                  </a:moveTo>
                  <a:lnTo>
                    <a:pt x="390144" y="0"/>
                  </a:lnTo>
                  <a:lnTo>
                    <a:pt x="390144" y="4572"/>
                  </a:lnTo>
                  <a:lnTo>
                    <a:pt x="393192" y="4572"/>
                  </a:lnTo>
                  <a:lnTo>
                    <a:pt x="393192" y="0"/>
                  </a:lnTo>
                  <a:close/>
                </a:path>
                <a:path w="483234" h="5080">
                  <a:moveTo>
                    <a:pt x="400812" y="0"/>
                  </a:moveTo>
                  <a:lnTo>
                    <a:pt x="396240" y="0"/>
                  </a:lnTo>
                  <a:lnTo>
                    <a:pt x="396240" y="4572"/>
                  </a:lnTo>
                  <a:lnTo>
                    <a:pt x="400812" y="4572"/>
                  </a:lnTo>
                  <a:lnTo>
                    <a:pt x="400812" y="0"/>
                  </a:lnTo>
                  <a:close/>
                </a:path>
                <a:path w="483234" h="5080">
                  <a:moveTo>
                    <a:pt x="406908" y="0"/>
                  </a:moveTo>
                  <a:lnTo>
                    <a:pt x="403860" y="0"/>
                  </a:lnTo>
                  <a:lnTo>
                    <a:pt x="403860" y="4572"/>
                  </a:lnTo>
                  <a:lnTo>
                    <a:pt x="406908" y="4572"/>
                  </a:lnTo>
                  <a:lnTo>
                    <a:pt x="406908" y="0"/>
                  </a:lnTo>
                  <a:close/>
                </a:path>
                <a:path w="483234" h="5080">
                  <a:moveTo>
                    <a:pt x="414528" y="0"/>
                  </a:moveTo>
                  <a:lnTo>
                    <a:pt x="409956" y="0"/>
                  </a:lnTo>
                  <a:lnTo>
                    <a:pt x="409956" y="4572"/>
                  </a:lnTo>
                  <a:lnTo>
                    <a:pt x="414528" y="4572"/>
                  </a:lnTo>
                  <a:lnTo>
                    <a:pt x="414528" y="0"/>
                  </a:lnTo>
                  <a:close/>
                </a:path>
                <a:path w="483234" h="5080">
                  <a:moveTo>
                    <a:pt x="420624" y="0"/>
                  </a:moveTo>
                  <a:lnTo>
                    <a:pt x="417576" y="0"/>
                  </a:lnTo>
                  <a:lnTo>
                    <a:pt x="417576" y="4572"/>
                  </a:lnTo>
                  <a:lnTo>
                    <a:pt x="420624" y="4572"/>
                  </a:lnTo>
                  <a:lnTo>
                    <a:pt x="420624" y="0"/>
                  </a:lnTo>
                  <a:close/>
                </a:path>
                <a:path w="483234" h="5080">
                  <a:moveTo>
                    <a:pt x="428244" y="0"/>
                  </a:moveTo>
                  <a:lnTo>
                    <a:pt x="423672" y="0"/>
                  </a:lnTo>
                  <a:lnTo>
                    <a:pt x="423672" y="4572"/>
                  </a:lnTo>
                  <a:lnTo>
                    <a:pt x="428244" y="4572"/>
                  </a:lnTo>
                  <a:lnTo>
                    <a:pt x="428244" y="0"/>
                  </a:lnTo>
                  <a:close/>
                </a:path>
                <a:path w="483234" h="5080">
                  <a:moveTo>
                    <a:pt x="434340" y="0"/>
                  </a:moveTo>
                  <a:lnTo>
                    <a:pt x="431292" y="0"/>
                  </a:lnTo>
                  <a:lnTo>
                    <a:pt x="431292" y="4572"/>
                  </a:lnTo>
                  <a:lnTo>
                    <a:pt x="434340" y="4572"/>
                  </a:lnTo>
                  <a:lnTo>
                    <a:pt x="434340" y="0"/>
                  </a:lnTo>
                  <a:close/>
                </a:path>
                <a:path w="483234" h="5080">
                  <a:moveTo>
                    <a:pt x="441960" y="0"/>
                  </a:moveTo>
                  <a:lnTo>
                    <a:pt x="437388" y="0"/>
                  </a:lnTo>
                  <a:lnTo>
                    <a:pt x="437388" y="4572"/>
                  </a:lnTo>
                  <a:lnTo>
                    <a:pt x="441960" y="4572"/>
                  </a:lnTo>
                  <a:lnTo>
                    <a:pt x="441960" y="0"/>
                  </a:lnTo>
                  <a:close/>
                </a:path>
                <a:path w="483234" h="5080">
                  <a:moveTo>
                    <a:pt x="448056" y="0"/>
                  </a:moveTo>
                  <a:lnTo>
                    <a:pt x="445008" y="0"/>
                  </a:lnTo>
                  <a:lnTo>
                    <a:pt x="445008" y="4572"/>
                  </a:lnTo>
                  <a:lnTo>
                    <a:pt x="448056" y="4572"/>
                  </a:lnTo>
                  <a:lnTo>
                    <a:pt x="448056" y="0"/>
                  </a:lnTo>
                  <a:close/>
                </a:path>
                <a:path w="483234" h="5080">
                  <a:moveTo>
                    <a:pt x="455676" y="0"/>
                  </a:moveTo>
                  <a:lnTo>
                    <a:pt x="451104" y="0"/>
                  </a:lnTo>
                  <a:lnTo>
                    <a:pt x="451104" y="4572"/>
                  </a:lnTo>
                  <a:lnTo>
                    <a:pt x="455676" y="4572"/>
                  </a:lnTo>
                  <a:lnTo>
                    <a:pt x="455676" y="0"/>
                  </a:lnTo>
                  <a:close/>
                </a:path>
                <a:path w="483234" h="5080">
                  <a:moveTo>
                    <a:pt x="461772" y="0"/>
                  </a:moveTo>
                  <a:lnTo>
                    <a:pt x="458724" y="0"/>
                  </a:lnTo>
                  <a:lnTo>
                    <a:pt x="458724" y="4572"/>
                  </a:lnTo>
                  <a:lnTo>
                    <a:pt x="461772" y="4572"/>
                  </a:lnTo>
                  <a:lnTo>
                    <a:pt x="461772" y="0"/>
                  </a:lnTo>
                  <a:close/>
                </a:path>
                <a:path w="483234" h="5080">
                  <a:moveTo>
                    <a:pt x="469392" y="0"/>
                  </a:moveTo>
                  <a:lnTo>
                    <a:pt x="464820" y="0"/>
                  </a:lnTo>
                  <a:lnTo>
                    <a:pt x="464820" y="4572"/>
                  </a:lnTo>
                  <a:lnTo>
                    <a:pt x="469392" y="4572"/>
                  </a:lnTo>
                  <a:lnTo>
                    <a:pt x="469392" y="0"/>
                  </a:lnTo>
                  <a:close/>
                </a:path>
                <a:path w="483234" h="5080">
                  <a:moveTo>
                    <a:pt x="475488" y="0"/>
                  </a:moveTo>
                  <a:lnTo>
                    <a:pt x="472440" y="0"/>
                  </a:lnTo>
                  <a:lnTo>
                    <a:pt x="472440" y="4572"/>
                  </a:lnTo>
                  <a:lnTo>
                    <a:pt x="475488" y="4572"/>
                  </a:lnTo>
                  <a:lnTo>
                    <a:pt x="475488" y="0"/>
                  </a:lnTo>
                  <a:close/>
                </a:path>
                <a:path w="483234" h="5080">
                  <a:moveTo>
                    <a:pt x="483108" y="0"/>
                  </a:moveTo>
                  <a:lnTo>
                    <a:pt x="478536" y="0"/>
                  </a:lnTo>
                  <a:lnTo>
                    <a:pt x="478536" y="4572"/>
                  </a:lnTo>
                  <a:lnTo>
                    <a:pt x="483108" y="4572"/>
                  </a:lnTo>
                  <a:lnTo>
                    <a:pt x="483108" y="0"/>
                  </a:lnTo>
                  <a:close/>
                </a:path>
              </a:pathLst>
            </a:custGeom>
            <a:solidFill>
              <a:srgbClr val="D8D8D8"/>
            </a:solidFill>
          </p:spPr>
          <p:txBody>
            <a:bodyPr wrap="square" lIns="0" tIns="0" rIns="0" bIns="0" rtlCol="0"/>
            <a:lstStyle/>
            <a:p>
              <a:endParaRPr sz="1539"/>
            </a:p>
          </p:txBody>
        </p:sp>
        <p:sp>
          <p:nvSpPr>
            <p:cNvPr id="150" name="object 150"/>
            <p:cNvSpPr/>
            <p:nvPr/>
          </p:nvSpPr>
          <p:spPr>
            <a:xfrm>
              <a:off x="8891016" y="1726691"/>
              <a:ext cx="483234" cy="5080"/>
            </a:xfrm>
            <a:custGeom>
              <a:avLst/>
              <a:gdLst/>
              <a:ahLst/>
              <a:cxnLst/>
              <a:rect l="l" t="t" r="r" b="b"/>
              <a:pathLst>
                <a:path w="483234" h="5080">
                  <a:moveTo>
                    <a:pt x="4572" y="0"/>
                  </a:moveTo>
                  <a:lnTo>
                    <a:pt x="0" y="0"/>
                  </a:lnTo>
                  <a:lnTo>
                    <a:pt x="0" y="4572"/>
                  </a:lnTo>
                  <a:lnTo>
                    <a:pt x="4572" y="4572"/>
                  </a:lnTo>
                  <a:lnTo>
                    <a:pt x="4572" y="0"/>
                  </a:lnTo>
                  <a:close/>
                </a:path>
                <a:path w="483234" h="5080">
                  <a:moveTo>
                    <a:pt x="10668" y="0"/>
                  </a:moveTo>
                  <a:lnTo>
                    <a:pt x="7620" y="0"/>
                  </a:lnTo>
                  <a:lnTo>
                    <a:pt x="7620" y="4572"/>
                  </a:lnTo>
                  <a:lnTo>
                    <a:pt x="10668" y="4572"/>
                  </a:lnTo>
                  <a:lnTo>
                    <a:pt x="10668" y="0"/>
                  </a:lnTo>
                  <a:close/>
                </a:path>
                <a:path w="483234" h="5080">
                  <a:moveTo>
                    <a:pt x="18288" y="0"/>
                  </a:moveTo>
                  <a:lnTo>
                    <a:pt x="13716" y="0"/>
                  </a:lnTo>
                  <a:lnTo>
                    <a:pt x="13716" y="4572"/>
                  </a:lnTo>
                  <a:lnTo>
                    <a:pt x="18288" y="4572"/>
                  </a:lnTo>
                  <a:lnTo>
                    <a:pt x="18288" y="0"/>
                  </a:lnTo>
                  <a:close/>
                </a:path>
                <a:path w="483234" h="5080">
                  <a:moveTo>
                    <a:pt x="24384" y="0"/>
                  </a:moveTo>
                  <a:lnTo>
                    <a:pt x="21336" y="0"/>
                  </a:lnTo>
                  <a:lnTo>
                    <a:pt x="21336" y="4572"/>
                  </a:lnTo>
                  <a:lnTo>
                    <a:pt x="24384" y="4572"/>
                  </a:lnTo>
                  <a:lnTo>
                    <a:pt x="24384" y="0"/>
                  </a:lnTo>
                  <a:close/>
                </a:path>
                <a:path w="483234" h="5080">
                  <a:moveTo>
                    <a:pt x="32004" y="0"/>
                  </a:moveTo>
                  <a:lnTo>
                    <a:pt x="27432" y="0"/>
                  </a:lnTo>
                  <a:lnTo>
                    <a:pt x="27432" y="4572"/>
                  </a:lnTo>
                  <a:lnTo>
                    <a:pt x="32004" y="4572"/>
                  </a:lnTo>
                  <a:lnTo>
                    <a:pt x="32004" y="0"/>
                  </a:lnTo>
                  <a:close/>
                </a:path>
                <a:path w="483234" h="5080">
                  <a:moveTo>
                    <a:pt x="38100" y="0"/>
                  </a:moveTo>
                  <a:lnTo>
                    <a:pt x="35052" y="0"/>
                  </a:lnTo>
                  <a:lnTo>
                    <a:pt x="35052" y="4572"/>
                  </a:lnTo>
                  <a:lnTo>
                    <a:pt x="38100" y="4572"/>
                  </a:lnTo>
                  <a:lnTo>
                    <a:pt x="38100" y="0"/>
                  </a:lnTo>
                  <a:close/>
                </a:path>
                <a:path w="483234" h="5080">
                  <a:moveTo>
                    <a:pt x="45720" y="0"/>
                  </a:moveTo>
                  <a:lnTo>
                    <a:pt x="41148" y="0"/>
                  </a:lnTo>
                  <a:lnTo>
                    <a:pt x="41148" y="4572"/>
                  </a:lnTo>
                  <a:lnTo>
                    <a:pt x="45720" y="4572"/>
                  </a:lnTo>
                  <a:lnTo>
                    <a:pt x="45720" y="0"/>
                  </a:lnTo>
                  <a:close/>
                </a:path>
                <a:path w="483234" h="5080">
                  <a:moveTo>
                    <a:pt x="51816" y="0"/>
                  </a:moveTo>
                  <a:lnTo>
                    <a:pt x="48768" y="0"/>
                  </a:lnTo>
                  <a:lnTo>
                    <a:pt x="48768" y="4572"/>
                  </a:lnTo>
                  <a:lnTo>
                    <a:pt x="51816" y="4572"/>
                  </a:lnTo>
                  <a:lnTo>
                    <a:pt x="51816" y="0"/>
                  </a:lnTo>
                  <a:close/>
                </a:path>
                <a:path w="483234" h="5080">
                  <a:moveTo>
                    <a:pt x="59436" y="0"/>
                  </a:moveTo>
                  <a:lnTo>
                    <a:pt x="54864" y="0"/>
                  </a:lnTo>
                  <a:lnTo>
                    <a:pt x="54864" y="4572"/>
                  </a:lnTo>
                  <a:lnTo>
                    <a:pt x="59436" y="4572"/>
                  </a:lnTo>
                  <a:lnTo>
                    <a:pt x="59436" y="0"/>
                  </a:lnTo>
                  <a:close/>
                </a:path>
                <a:path w="483234" h="5080">
                  <a:moveTo>
                    <a:pt x="65532" y="0"/>
                  </a:moveTo>
                  <a:lnTo>
                    <a:pt x="62484" y="0"/>
                  </a:lnTo>
                  <a:lnTo>
                    <a:pt x="62484" y="4572"/>
                  </a:lnTo>
                  <a:lnTo>
                    <a:pt x="65532" y="4572"/>
                  </a:lnTo>
                  <a:lnTo>
                    <a:pt x="65532" y="0"/>
                  </a:lnTo>
                  <a:close/>
                </a:path>
                <a:path w="483234" h="5080">
                  <a:moveTo>
                    <a:pt x="73152" y="0"/>
                  </a:moveTo>
                  <a:lnTo>
                    <a:pt x="68580" y="0"/>
                  </a:lnTo>
                  <a:lnTo>
                    <a:pt x="68580" y="4572"/>
                  </a:lnTo>
                  <a:lnTo>
                    <a:pt x="73152" y="4572"/>
                  </a:lnTo>
                  <a:lnTo>
                    <a:pt x="73152" y="0"/>
                  </a:lnTo>
                  <a:close/>
                </a:path>
                <a:path w="483234" h="5080">
                  <a:moveTo>
                    <a:pt x="79248" y="0"/>
                  </a:moveTo>
                  <a:lnTo>
                    <a:pt x="76200" y="0"/>
                  </a:lnTo>
                  <a:lnTo>
                    <a:pt x="76200" y="4572"/>
                  </a:lnTo>
                  <a:lnTo>
                    <a:pt x="79248" y="4572"/>
                  </a:lnTo>
                  <a:lnTo>
                    <a:pt x="79248" y="0"/>
                  </a:lnTo>
                  <a:close/>
                </a:path>
                <a:path w="483234" h="5080">
                  <a:moveTo>
                    <a:pt x="86868" y="0"/>
                  </a:moveTo>
                  <a:lnTo>
                    <a:pt x="82296" y="0"/>
                  </a:lnTo>
                  <a:lnTo>
                    <a:pt x="82296" y="4572"/>
                  </a:lnTo>
                  <a:lnTo>
                    <a:pt x="86868" y="4572"/>
                  </a:lnTo>
                  <a:lnTo>
                    <a:pt x="86868" y="0"/>
                  </a:lnTo>
                  <a:close/>
                </a:path>
                <a:path w="483234" h="5080">
                  <a:moveTo>
                    <a:pt x="92964" y="0"/>
                  </a:moveTo>
                  <a:lnTo>
                    <a:pt x="89916" y="0"/>
                  </a:lnTo>
                  <a:lnTo>
                    <a:pt x="89916" y="4572"/>
                  </a:lnTo>
                  <a:lnTo>
                    <a:pt x="92964" y="4572"/>
                  </a:lnTo>
                  <a:lnTo>
                    <a:pt x="92964" y="0"/>
                  </a:lnTo>
                  <a:close/>
                </a:path>
                <a:path w="483234" h="5080">
                  <a:moveTo>
                    <a:pt x="100584" y="0"/>
                  </a:moveTo>
                  <a:lnTo>
                    <a:pt x="96012" y="0"/>
                  </a:lnTo>
                  <a:lnTo>
                    <a:pt x="96012" y="4572"/>
                  </a:lnTo>
                  <a:lnTo>
                    <a:pt x="100584" y="4572"/>
                  </a:lnTo>
                  <a:lnTo>
                    <a:pt x="100584" y="0"/>
                  </a:lnTo>
                  <a:close/>
                </a:path>
                <a:path w="483234" h="5080">
                  <a:moveTo>
                    <a:pt x="106680" y="0"/>
                  </a:moveTo>
                  <a:lnTo>
                    <a:pt x="103632" y="0"/>
                  </a:lnTo>
                  <a:lnTo>
                    <a:pt x="103632" y="4572"/>
                  </a:lnTo>
                  <a:lnTo>
                    <a:pt x="106680" y="4572"/>
                  </a:lnTo>
                  <a:lnTo>
                    <a:pt x="106680" y="0"/>
                  </a:lnTo>
                  <a:close/>
                </a:path>
                <a:path w="483234" h="5080">
                  <a:moveTo>
                    <a:pt x="114300" y="0"/>
                  </a:moveTo>
                  <a:lnTo>
                    <a:pt x="109728" y="0"/>
                  </a:lnTo>
                  <a:lnTo>
                    <a:pt x="109728" y="4572"/>
                  </a:lnTo>
                  <a:lnTo>
                    <a:pt x="114300" y="4572"/>
                  </a:lnTo>
                  <a:lnTo>
                    <a:pt x="114300" y="0"/>
                  </a:lnTo>
                  <a:close/>
                </a:path>
                <a:path w="483234" h="5080">
                  <a:moveTo>
                    <a:pt x="120396" y="0"/>
                  </a:moveTo>
                  <a:lnTo>
                    <a:pt x="117348" y="0"/>
                  </a:lnTo>
                  <a:lnTo>
                    <a:pt x="117348" y="4572"/>
                  </a:lnTo>
                  <a:lnTo>
                    <a:pt x="120396" y="4572"/>
                  </a:lnTo>
                  <a:lnTo>
                    <a:pt x="120396" y="0"/>
                  </a:lnTo>
                  <a:close/>
                </a:path>
                <a:path w="483234" h="5080">
                  <a:moveTo>
                    <a:pt x="128016" y="0"/>
                  </a:moveTo>
                  <a:lnTo>
                    <a:pt x="123444" y="0"/>
                  </a:lnTo>
                  <a:lnTo>
                    <a:pt x="123444" y="4572"/>
                  </a:lnTo>
                  <a:lnTo>
                    <a:pt x="128016" y="4572"/>
                  </a:lnTo>
                  <a:lnTo>
                    <a:pt x="128016" y="0"/>
                  </a:lnTo>
                  <a:close/>
                </a:path>
                <a:path w="483234" h="5080">
                  <a:moveTo>
                    <a:pt x="134112" y="0"/>
                  </a:moveTo>
                  <a:lnTo>
                    <a:pt x="131064" y="0"/>
                  </a:lnTo>
                  <a:lnTo>
                    <a:pt x="131064"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4780" y="0"/>
                  </a:lnTo>
                  <a:lnTo>
                    <a:pt x="144780"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8496" y="0"/>
                  </a:lnTo>
                  <a:lnTo>
                    <a:pt x="158496"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2212" y="0"/>
                  </a:lnTo>
                  <a:lnTo>
                    <a:pt x="172212"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5928" y="0"/>
                  </a:lnTo>
                  <a:lnTo>
                    <a:pt x="185928"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9644" y="0"/>
                  </a:lnTo>
                  <a:lnTo>
                    <a:pt x="199644"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3360" y="0"/>
                  </a:lnTo>
                  <a:lnTo>
                    <a:pt x="213360"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7076" y="0"/>
                  </a:lnTo>
                  <a:lnTo>
                    <a:pt x="227076"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40792" y="0"/>
                  </a:lnTo>
                  <a:lnTo>
                    <a:pt x="240792"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4508" y="0"/>
                  </a:lnTo>
                  <a:lnTo>
                    <a:pt x="254508"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8224" y="0"/>
                  </a:lnTo>
                  <a:lnTo>
                    <a:pt x="268224"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1940" y="0"/>
                  </a:lnTo>
                  <a:lnTo>
                    <a:pt x="281940"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5656" y="0"/>
                  </a:lnTo>
                  <a:lnTo>
                    <a:pt x="295656"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9372" y="0"/>
                  </a:lnTo>
                  <a:lnTo>
                    <a:pt x="309372"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3088" y="0"/>
                  </a:lnTo>
                  <a:lnTo>
                    <a:pt x="323088"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6804" y="0"/>
                  </a:lnTo>
                  <a:lnTo>
                    <a:pt x="336804"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50520" y="0"/>
                  </a:lnTo>
                  <a:lnTo>
                    <a:pt x="350520"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7284" y="0"/>
                  </a:moveTo>
                  <a:lnTo>
                    <a:pt x="364236" y="0"/>
                  </a:lnTo>
                  <a:lnTo>
                    <a:pt x="364236" y="4572"/>
                  </a:lnTo>
                  <a:lnTo>
                    <a:pt x="367284" y="4572"/>
                  </a:lnTo>
                  <a:lnTo>
                    <a:pt x="367284" y="0"/>
                  </a:lnTo>
                  <a:close/>
                </a:path>
                <a:path w="483234" h="5080">
                  <a:moveTo>
                    <a:pt x="373380" y="0"/>
                  </a:moveTo>
                  <a:lnTo>
                    <a:pt x="370332" y="0"/>
                  </a:lnTo>
                  <a:lnTo>
                    <a:pt x="370332" y="4572"/>
                  </a:lnTo>
                  <a:lnTo>
                    <a:pt x="373380" y="4572"/>
                  </a:lnTo>
                  <a:lnTo>
                    <a:pt x="373380" y="0"/>
                  </a:lnTo>
                  <a:close/>
                </a:path>
                <a:path w="483234" h="5080">
                  <a:moveTo>
                    <a:pt x="381000" y="0"/>
                  </a:moveTo>
                  <a:lnTo>
                    <a:pt x="377952" y="0"/>
                  </a:lnTo>
                  <a:lnTo>
                    <a:pt x="377952" y="4572"/>
                  </a:lnTo>
                  <a:lnTo>
                    <a:pt x="381000" y="4572"/>
                  </a:lnTo>
                  <a:lnTo>
                    <a:pt x="381000" y="0"/>
                  </a:lnTo>
                  <a:close/>
                </a:path>
                <a:path w="483234" h="5080">
                  <a:moveTo>
                    <a:pt x="387096" y="0"/>
                  </a:moveTo>
                  <a:lnTo>
                    <a:pt x="384048" y="0"/>
                  </a:lnTo>
                  <a:lnTo>
                    <a:pt x="384048" y="4572"/>
                  </a:lnTo>
                  <a:lnTo>
                    <a:pt x="387096" y="4572"/>
                  </a:lnTo>
                  <a:lnTo>
                    <a:pt x="387096" y="0"/>
                  </a:lnTo>
                  <a:close/>
                </a:path>
                <a:path w="483234" h="5080">
                  <a:moveTo>
                    <a:pt x="394716" y="0"/>
                  </a:moveTo>
                  <a:lnTo>
                    <a:pt x="391668" y="0"/>
                  </a:lnTo>
                  <a:lnTo>
                    <a:pt x="391668" y="4572"/>
                  </a:lnTo>
                  <a:lnTo>
                    <a:pt x="394716" y="4572"/>
                  </a:lnTo>
                  <a:lnTo>
                    <a:pt x="394716" y="0"/>
                  </a:lnTo>
                  <a:close/>
                </a:path>
                <a:path w="483234" h="5080">
                  <a:moveTo>
                    <a:pt x="400812" y="0"/>
                  </a:moveTo>
                  <a:lnTo>
                    <a:pt x="397764" y="0"/>
                  </a:lnTo>
                  <a:lnTo>
                    <a:pt x="397764" y="4572"/>
                  </a:lnTo>
                  <a:lnTo>
                    <a:pt x="400812" y="4572"/>
                  </a:lnTo>
                  <a:lnTo>
                    <a:pt x="400812" y="0"/>
                  </a:lnTo>
                  <a:close/>
                </a:path>
                <a:path w="483234" h="5080">
                  <a:moveTo>
                    <a:pt x="408432" y="0"/>
                  </a:moveTo>
                  <a:lnTo>
                    <a:pt x="405384" y="0"/>
                  </a:lnTo>
                  <a:lnTo>
                    <a:pt x="405384" y="4572"/>
                  </a:lnTo>
                  <a:lnTo>
                    <a:pt x="408432" y="4572"/>
                  </a:lnTo>
                  <a:lnTo>
                    <a:pt x="408432" y="0"/>
                  </a:lnTo>
                  <a:close/>
                </a:path>
                <a:path w="483234" h="5080">
                  <a:moveTo>
                    <a:pt x="414528" y="0"/>
                  </a:moveTo>
                  <a:lnTo>
                    <a:pt x="411480" y="0"/>
                  </a:lnTo>
                  <a:lnTo>
                    <a:pt x="411480" y="4572"/>
                  </a:lnTo>
                  <a:lnTo>
                    <a:pt x="414528" y="4572"/>
                  </a:lnTo>
                  <a:lnTo>
                    <a:pt x="414528" y="0"/>
                  </a:lnTo>
                  <a:close/>
                </a:path>
                <a:path w="483234" h="5080">
                  <a:moveTo>
                    <a:pt x="422148" y="0"/>
                  </a:moveTo>
                  <a:lnTo>
                    <a:pt x="419100" y="0"/>
                  </a:lnTo>
                  <a:lnTo>
                    <a:pt x="419100" y="4572"/>
                  </a:lnTo>
                  <a:lnTo>
                    <a:pt x="422148" y="4572"/>
                  </a:lnTo>
                  <a:lnTo>
                    <a:pt x="422148" y="0"/>
                  </a:lnTo>
                  <a:close/>
                </a:path>
                <a:path w="483234" h="5080">
                  <a:moveTo>
                    <a:pt x="428244" y="0"/>
                  </a:moveTo>
                  <a:lnTo>
                    <a:pt x="425196" y="0"/>
                  </a:lnTo>
                  <a:lnTo>
                    <a:pt x="425196" y="4572"/>
                  </a:lnTo>
                  <a:lnTo>
                    <a:pt x="428244" y="4572"/>
                  </a:lnTo>
                  <a:lnTo>
                    <a:pt x="428244" y="0"/>
                  </a:lnTo>
                  <a:close/>
                </a:path>
                <a:path w="483234" h="5080">
                  <a:moveTo>
                    <a:pt x="435864" y="0"/>
                  </a:moveTo>
                  <a:lnTo>
                    <a:pt x="432816" y="0"/>
                  </a:lnTo>
                  <a:lnTo>
                    <a:pt x="432816" y="4572"/>
                  </a:lnTo>
                  <a:lnTo>
                    <a:pt x="435864" y="4572"/>
                  </a:lnTo>
                  <a:lnTo>
                    <a:pt x="435864" y="0"/>
                  </a:lnTo>
                  <a:close/>
                </a:path>
                <a:path w="483234" h="5080">
                  <a:moveTo>
                    <a:pt x="441960" y="0"/>
                  </a:moveTo>
                  <a:lnTo>
                    <a:pt x="438912" y="0"/>
                  </a:lnTo>
                  <a:lnTo>
                    <a:pt x="438912" y="4572"/>
                  </a:lnTo>
                  <a:lnTo>
                    <a:pt x="441960" y="4572"/>
                  </a:lnTo>
                  <a:lnTo>
                    <a:pt x="441960" y="0"/>
                  </a:lnTo>
                  <a:close/>
                </a:path>
                <a:path w="483234" h="5080">
                  <a:moveTo>
                    <a:pt x="449580" y="0"/>
                  </a:moveTo>
                  <a:lnTo>
                    <a:pt x="446532" y="0"/>
                  </a:lnTo>
                  <a:lnTo>
                    <a:pt x="446532" y="4572"/>
                  </a:lnTo>
                  <a:lnTo>
                    <a:pt x="449580" y="4572"/>
                  </a:lnTo>
                  <a:lnTo>
                    <a:pt x="449580" y="0"/>
                  </a:lnTo>
                  <a:close/>
                </a:path>
                <a:path w="483234" h="5080">
                  <a:moveTo>
                    <a:pt x="455676" y="0"/>
                  </a:moveTo>
                  <a:lnTo>
                    <a:pt x="452628" y="0"/>
                  </a:lnTo>
                  <a:lnTo>
                    <a:pt x="452628" y="4572"/>
                  </a:lnTo>
                  <a:lnTo>
                    <a:pt x="455676" y="4572"/>
                  </a:lnTo>
                  <a:lnTo>
                    <a:pt x="455676" y="0"/>
                  </a:lnTo>
                  <a:close/>
                </a:path>
                <a:path w="483234" h="5080">
                  <a:moveTo>
                    <a:pt x="463296" y="0"/>
                  </a:moveTo>
                  <a:lnTo>
                    <a:pt x="460248" y="0"/>
                  </a:lnTo>
                  <a:lnTo>
                    <a:pt x="460248" y="4572"/>
                  </a:lnTo>
                  <a:lnTo>
                    <a:pt x="463296" y="4572"/>
                  </a:lnTo>
                  <a:lnTo>
                    <a:pt x="463296" y="0"/>
                  </a:lnTo>
                  <a:close/>
                </a:path>
                <a:path w="483234" h="5080">
                  <a:moveTo>
                    <a:pt x="469392" y="0"/>
                  </a:moveTo>
                  <a:lnTo>
                    <a:pt x="466344" y="0"/>
                  </a:lnTo>
                  <a:lnTo>
                    <a:pt x="466344" y="4572"/>
                  </a:lnTo>
                  <a:lnTo>
                    <a:pt x="469392" y="4572"/>
                  </a:lnTo>
                  <a:lnTo>
                    <a:pt x="469392" y="0"/>
                  </a:lnTo>
                  <a:close/>
                </a:path>
                <a:path w="483234" h="5080">
                  <a:moveTo>
                    <a:pt x="477012" y="0"/>
                  </a:moveTo>
                  <a:lnTo>
                    <a:pt x="473964" y="0"/>
                  </a:lnTo>
                  <a:lnTo>
                    <a:pt x="473964" y="4572"/>
                  </a:lnTo>
                  <a:lnTo>
                    <a:pt x="477012" y="4572"/>
                  </a:lnTo>
                  <a:lnTo>
                    <a:pt x="477012"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51" name="object 151"/>
            <p:cNvSpPr/>
            <p:nvPr/>
          </p:nvSpPr>
          <p:spPr>
            <a:xfrm>
              <a:off x="9371076" y="1726691"/>
              <a:ext cx="483234" cy="5080"/>
            </a:xfrm>
            <a:custGeom>
              <a:avLst/>
              <a:gdLst/>
              <a:ahLst/>
              <a:cxnLst/>
              <a:rect l="l" t="t" r="r" b="b"/>
              <a:pathLst>
                <a:path w="483234" h="5080">
                  <a:moveTo>
                    <a:pt x="3048" y="0"/>
                  </a:moveTo>
                  <a:lnTo>
                    <a:pt x="0" y="0"/>
                  </a:lnTo>
                  <a:lnTo>
                    <a:pt x="0" y="4572"/>
                  </a:lnTo>
                  <a:lnTo>
                    <a:pt x="3048" y="4572"/>
                  </a:lnTo>
                  <a:lnTo>
                    <a:pt x="3048" y="0"/>
                  </a:lnTo>
                  <a:close/>
                </a:path>
                <a:path w="483234" h="5080">
                  <a:moveTo>
                    <a:pt x="10668" y="0"/>
                  </a:moveTo>
                  <a:lnTo>
                    <a:pt x="7620" y="0"/>
                  </a:lnTo>
                  <a:lnTo>
                    <a:pt x="7620" y="4572"/>
                  </a:lnTo>
                  <a:lnTo>
                    <a:pt x="10668" y="4572"/>
                  </a:lnTo>
                  <a:lnTo>
                    <a:pt x="10668" y="0"/>
                  </a:lnTo>
                  <a:close/>
                </a:path>
                <a:path w="483234" h="5080">
                  <a:moveTo>
                    <a:pt x="16764" y="0"/>
                  </a:moveTo>
                  <a:lnTo>
                    <a:pt x="13716" y="0"/>
                  </a:lnTo>
                  <a:lnTo>
                    <a:pt x="13716" y="4572"/>
                  </a:lnTo>
                  <a:lnTo>
                    <a:pt x="16764" y="4572"/>
                  </a:lnTo>
                  <a:lnTo>
                    <a:pt x="16764" y="0"/>
                  </a:lnTo>
                  <a:close/>
                </a:path>
                <a:path w="483234" h="5080">
                  <a:moveTo>
                    <a:pt x="24384" y="0"/>
                  </a:moveTo>
                  <a:lnTo>
                    <a:pt x="21336" y="0"/>
                  </a:lnTo>
                  <a:lnTo>
                    <a:pt x="21336" y="4572"/>
                  </a:lnTo>
                  <a:lnTo>
                    <a:pt x="24384" y="4572"/>
                  </a:lnTo>
                  <a:lnTo>
                    <a:pt x="24384" y="0"/>
                  </a:lnTo>
                  <a:close/>
                </a:path>
                <a:path w="483234" h="5080">
                  <a:moveTo>
                    <a:pt x="30480" y="0"/>
                  </a:moveTo>
                  <a:lnTo>
                    <a:pt x="27432" y="0"/>
                  </a:lnTo>
                  <a:lnTo>
                    <a:pt x="27432" y="4572"/>
                  </a:lnTo>
                  <a:lnTo>
                    <a:pt x="30480" y="4572"/>
                  </a:lnTo>
                  <a:lnTo>
                    <a:pt x="30480" y="0"/>
                  </a:lnTo>
                  <a:close/>
                </a:path>
                <a:path w="483234" h="5080">
                  <a:moveTo>
                    <a:pt x="38100" y="0"/>
                  </a:moveTo>
                  <a:lnTo>
                    <a:pt x="35052" y="0"/>
                  </a:lnTo>
                  <a:lnTo>
                    <a:pt x="35052" y="4572"/>
                  </a:lnTo>
                  <a:lnTo>
                    <a:pt x="38100" y="4572"/>
                  </a:lnTo>
                  <a:lnTo>
                    <a:pt x="38100" y="0"/>
                  </a:lnTo>
                  <a:close/>
                </a:path>
                <a:path w="483234" h="5080">
                  <a:moveTo>
                    <a:pt x="44196" y="0"/>
                  </a:moveTo>
                  <a:lnTo>
                    <a:pt x="41148" y="0"/>
                  </a:lnTo>
                  <a:lnTo>
                    <a:pt x="41148" y="4572"/>
                  </a:lnTo>
                  <a:lnTo>
                    <a:pt x="44196" y="4572"/>
                  </a:lnTo>
                  <a:lnTo>
                    <a:pt x="44196" y="0"/>
                  </a:lnTo>
                  <a:close/>
                </a:path>
                <a:path w="483234" h="5080">
                  <a:moveTo>
                    <a:pt x="51816" y="0"/>
                  </a:moveTo>
                  <a:lnTo>
                    <a:pt x="48768" y="0"/>
                  </a:lnTo>
                  <a:lnTo>
                    <a:pt x="48768" y="4572"/>
                  </a:lnTo>
                  <a:lnTo>
                    <a:pt x="51816" y="4572"/>
                  </a:lnTo>
                  <a:lnTo>
                    <a:pt x="51816" y="0"/>
                  </a:lnTo>
                  <a:close/>
                </a:path>
                <a:path w="483234" h="5080">
                  <a:moveTo>
                    <a:pt x="57912" y="0"/>
                  </a:moveTo>
                  <a:lnTo>
                    <a:pt x="54864" y="0"/>
                  </a:lnTo>
                  <a:lnTo>
                    <a:pt x="54864" y="4572"/>
                  </a:lnTo>
                  <a:lnTo>
                    <a:pt x="57912" y="4572"/>
                  </a:lnTo>
                  <a:lnTo>
                    <a:pt x="57912" y="0"/>
                  </a:lnTo>
                  <a:close/>
                </a:path>
                <a:path w="483234" h="5080">
                  <a:moveTo>
                    <a:pt x="65532" y="0"/>
                  </a:moveTo>
                  <a:lnTo>
                    <a:pt x="62484" y="0"/>
                  </a:lnTo>
                  <a:lnTo>
                    <a:pt x="62484" y="4572"/>
                  </a:lnTo>
                  <a:lnTo>
                    <a:pt x="65532" y="4572"/>
                  </a:lnTo>
                  <a:lnTo>
                    <a:pt x="65532" y="0"/>
                  </a:lnTo>
                  <a:close/>
                </a:path>
                <a:path w="483234" h="5080">
                  <a:moveTo>
                    <a:pt x="71628" y="0"/>
                  </a:moveTo>
                  <a:lnTo>
                    <a:pt x="68580" y="0"/>
                  </a:lnTo>
                  <a:lnTo>
                    <a:pt x="68580" y="4572"/>
                  </a:lnTo>
                  <a:lnTo>
                    <a:pt x="71628" y="4572"/>
                  </a:lnTo>
                  <a:lnTo>
                    <a:pt x="71628" y="0"/>
                  </a:lnTo>
                  <a:close/>
                </a:path>
                <a:path w="483234" h="5080">
                  <a:moveTo>
                    <a:pt x="79248" y="0"/>
                  </a:moveTo>
                  <a:lnTo>
                    <a:pt x="76200" y="0"/>
                  </a:lnTo>
                  <a:lnTo>
                    <a:pt x="76200" y="4572"/>
                  </a:lnTo>
                  <a:lnTo>
                    <a:pt x="79248" y="4572"/>
                  </a:lnTo>
                  <a:lnTo>
                    <a:pt x="79248" y="0"/>
                  </a:lnTo>
                  <a:close/>
                </a:path>
                <a:path w="483234" h="5080">
                  <a:moveTo>
                    <a:pt x="85344" y="0"/>
                  </a:moveTo>
                  <a:lnTo>
                    <a:pt x="82296" y="0"/>
                  </a:lnTo>
                  <a:lnTo>
                    <a:pt x="82296" y="4572"/>
                  </a:lnTo>
                  <a:lnTo>
                    <a:pt x="85344" y="4572"/>
                  </a:lnTo>
                  <a:lnTo>
                    <a:pt x="85344" y="0"/>
                  </a:lnTo>
                  <a:close/>
                </a:path>
                <a:path w="483234" h="5080">
                  <a:moveTo>
                    <a:pt x="92964" y="0"/>
                  </a:moveTo>
                  <a:lnTo>
                    <a:pt x="89916" y="0"/>
                  </a:lnTo>
                  <a:lnTo>
                    <a:pt x="89916" y="4572"/>
                  </a:lnTo>
                  <a:lnTo>
                    <a:pt x="92964" y="4572"/>
                  </a:lnTo>
                  <a:lnTo>
                    <a:pt x="92964" y="0"/>
                  </a:lnTo>
                  <a:close/>
                </a:path>
                <a:path w="483234" h="5080">
                  <a:moveTo>
                    <a:pt x="99060" y="0"/>
                  </a:moveTo>
                  <a:lnTo>
                    <a:pt x="96012" y="0"/>
                  </a:lnTo>
                  <a:lnTo>
                    <a:pt x="96012" y="4572"/>
                  </a:lnTo>
                  <a:lnTo>
                    <a:pt x="99060" y="4572"/>
                  </a:lnTo>
                  <a:lnTo>
                    <a:pt x="99060" y="0"/>
                  </a:lnTo>
                  <a:close/>
                </a:path>
                <a:path w="483234" h="5080">
                  <a:moveTo>
                    <a:pt x="106680" y="0"/>
                  </a:moveTo>
                  <a:lnTo>
                    <a:pt x="103632" y="0"/>
                  </a:lnTo>
                  <a:lnTo>
                    <a:pt x="103632" y="4572"/>
                  </a:lnTo>
                  <a:lnTo>
                    <a:pt x="106680" y="4572"/>
                  </a:lnTo>
                  <a:lnTo>
                    <a:pt x="106680" y="0"/>
                  </a:lnTo>
                  <a:close/>
                </a:path>
                <a:path w="483234" h="5080">
                  <a:moveTo>
                    <a:pt x="112776" y="0"/>
                  </a:moveTo>
                  <a:lnTo>
                    <a:pt x="109728" y="0"/>
                  </a:lnTo>
                  <a:lnTo>
                    <a:pt x="109728" y="4572"/>
                  </a:lnTo>
                  <a:lnTo>
                    <a:pt x="112776" y="4572"/>
                  </a:lnTo>
                  <a:lnTo>
                    <a:pt x="112776" y="0"/>
                  </a:lnTo>
                  <a:close/>
                </a:path>
                <a:path w="483234" h="5080">
                  <a:moveTo>
                    <a:pt x="120396" y="0"/>
                  </a:moveTo>
                  <a:lnTo>
                    <a:pt x="117348" y="0"/>
                  </a:lnTo>
                  <a:lnTo>
                    <a:pt x="117348" y="4572"/>
                  </a:lnTo>
                  <a:lnTo>
                    <a:pt x="120396" y="4572"/>
                  </a:lnTo>
                  <a:lnTo>
                    <a:pt x="120396" y="0"/>
                  </a:lnTo>
                  <a:close/>
                </a:path>
                <a:path w="483234" h="5080">
                  <a:moveTo>
                    <a:pt x="126492" y="0"/>
                  </a:moveTo>
                  <a:lnTo>
                    <a:pt x="123444" y="0"/>
                  </a:lnTo>
                  <a:lnTo>
                    <a:pt x="123444" y="4572"/>
                  </a:lnTo>
                  <a:lnTo>
                    <a:pt x="126492" y="4572"/>
                  </a:lnTo>
                  <a:lnTo>
                    <a:pt x="126492" y="0"/>
                  </a:lnTo>
                  <a:close/>
                </a:path>
                <a:path w="483234" h="5080">
                  <a:moveTo>
                    <a:pt x="134112" y="0"/>
                  </a:moveTo>
                  <a:lnTo>
                    <a:pt x="131064" y="0"/>
                  </a:lnTo>
                  <a:lnTo>
                    <a:pt x="131064" y="4572"/>
                  </a:lnTo>
                  <a:lnTo>
                    <a:pt x="134112" y="4572"/>
                  </a:lnTo>
                  <a:lnTo>
                    <a:pt x="134112" y="0"/>
                  </a:lnTo>
                  <a:close/>
                </a:path>
                <a:path w="483234" h="5080">
                  <a:moveTo>
                    <a:pt x="140208" y="0"/>
                  </a:moveTo>
                  <a:lnTo>
                    <a:pt x="137160" y="0"/>
                  </a:lnTo>
                  <a:lnTo>
                    <a:pt x="137160" y="4572"/>
                  </a:lnTo>
                  <a:lnTo>
                    <a:pt x="140208" y="4572"/>
                  </a:lnTo>
                  <a:lnTo>
                    <a:pt x="140208" y="0"/>
                  </a:lnTo>
                  <a:close/>
                </a:path>
                <a:path w="483234" h="5080">
                  <a:moveTo>
                    <a:pt x="147828" y="0"/>
                  </a:moveTo>
                  <a:lnTo>
                    <a:pt x="144780" y="0"/>
                  </a:lnTo>
                  <a:lnTo>
                    <a:pt x="144780" y="4572"/>
                  </a:lnTo>
                  <a:lnTo>
                    <a:pt x="147828" y="4572"/>
                  </a:lnTo>
                  <a:lnTo>
                    <a:pt x="147828" y="0"/>
                  </a:lnTo>
                  <a:close/>
                </a:path>
                <a:path w="483234" h="5080">
                  <a:moveTo>
                    <a:pt x="153924" y="0"/>
                  </a:moveTo>
                  <a:lnTo>
                    <a:pt x="150876" y="0"/>
                  </a:lnTo>
                  <a:lnTo>
                    <a:pt x="150876" y="4572"/>
                  </a:lnTo>
                  <a:lnTo>
                    <a:pt x="153924" y="4572"/>
                  </a:lnTo>
                  <a:lnTo>
                    <a:pt x="153924" y="0"/>
                  </a:lnTo>
                  <a:close/>
                </a:path>
                <a:path w="483234" h="5080">
                  <a:moveTo>
                    <a:pt x="161544" y="0"/>
                  </a:moveTo>
                  <a:lnTo>
                    <a:pt x="158496" y="0"/>
                  </a:lnTo>
                  <a:lnTo>
                    <a:pt x="158496" y="4572"/>
                  </a:lnTo>
                  <a:lnTo>
                    <a:pt x="161544" y="4572"/>
                  </a:lnTo>
                  <a:lnTo>
                    <a:pt x="161544" y="0"/>
                  </a:lnTo>
                  <a:close/>
                </a:path>
                <a:path w="483234" h="5080">
                  <a:moveTo>
                    <a:pt x="167640" y="0"/>
                  </a:moveTo>
                  <a:lnTo>
                    <a:pt x="164592" y="0"/>
                  </a:lnTo>
                  <a:lnTo>
                    <a:pt x="164592" y="4572"/>
                  </a:lnTo>
                  <a:lnTo>
                    <a:pt x="167640" y="4572"/>
                  </a:lnTo>
                  <a:lnTo>
                    <a:pt x="167640" y="0"/>
                  </a:lnTo>
                  <a:close/>
                </a:path>
                <a:path w="483234" h="5080">
                  <a:moveTo>
                    <a:pt x="175260" y="0"/>
                  </a:moveTo>
                  <a:lnTo>
                    <a:pt x="172212" y="0"/>
                  </a:lnTo>
                  <a:lnTo>
                    <a:pt x="172212" y="4572"/>
                  </a:lnTo>
                  <a:lnTo>
                    <a:pt x="175260" y="4572"/>
                  </a:lnTo>
                  <a:lnTo>
                    <a:pt x="175260" y="0"/>
                  </a:lnTo>
                  <a:close/>
                </a:path>
                <a:path w="483234" h="5080">
                  <a:moveTo>
                    <a:pt x="181356" y="0"/>
                  </a:moveTo>
                  <a:lnTo>
                    <a:pt x="178308" y="0"/>
                  </a:lnTo>
                  <a:lnTo>
                    <a:pt x="178308" y="4572"/>
                  </a:lnTo>
                  <a:lnTo>
                    <a:pt x="181356" y="4572"/>
                  </a:lnTo>
                  <a:lnTo>
                    <a:pt x="181356" y="0"/>
                  </a:lnTo>
                  <a:close/>
                </a:path>
                <a:path w="483234" h="5080">
                  <a:moveTo>
                    <a:pt x="188976" y="0"/>
                  </a:moveTo>
                  <a:lnTo>
                    <a:pt x="185928" y="0"/>
                  </a:lnTo>
                  <a:lnTo>
                    <a:pt x="185928" y="4572"/>
                  </a:lnTo>
                  <a:lnTo>
                    <a:pt x="188976" y="4572"/>
                  </a:lnTo>
                  <a:lnTo>
                    <a:pt x="188976" y="0"/>
                  </a:lnTo>
                  <a:close/>
                </a:path>
                <a:path w="483234" h="5080">
                  <a:moveTo>
                    <a:pt x="195072" y="0"/>
                  </a:moveTo>
                  <a:lnTo>
                    <a:pt x="192024" y="0"/>
                  </a:lnTo>
                  <a:lnTo>
                    <a:pt x="192024" y="4572"/>
                  </a:lnTo>
                  <a:lnTo>
                    <a:pt x="195072" y="4572"/>
                  </a:lnTo>
                  <a:lnTo>
                    <a:pt x="195072" y="0"/>
                  </a:lnTo>
                  <a:close/>
                </a:path>
                <a:path w="483234" h="5080">
                  <a:moveTo>
                    <a:pt x="202692" y="0"/>
                  </a:moveTo>
                  <a:lnTo>
                    <a:pt x="199644" y="0"/>
                  </a:lnTo>
                  <a:lnTo>
                    <a:pt x="199644" y="4572"/>
                  </a:lnTo>
                  <a:lnTo>
                    <a:pt x="202692" y="4572"/>
                  </a:lnTo>
                  <a:lnTo>
                    <a:pt x="202692" y="0"/>
                  </a:lnTo>
                  <a:close/>
                </a:path>
                <a:path w="483234" h="5080">
                  <a:moveTo>
                    <a:pt x="208788" y="0"/>
                  </a:moveTo>
                  <a:lnTo>
                    <a:pt x="205740" y="0"/>
                  </a:lnTo>
                  <a:lnTo>
                    <a:pt x="205740" y="4572"/>
                  </a:lnTo>
                  <a:lnTo>
                    <a:pt x="208788" y="4572"/>
                  </a:lnTo>
                  <a:lnTo>
                    <a:pt x="208788" y="0"/>
                  </a:lnTo>
                  <a:close/>
                </a:path>
                <a:path w="483234" h="5080">
                  <a:moveTo>
                    <a:pt x="216408" y="0"/>
                  </a:moveTo>
                  <a:lnTo>
                    <a:pt x="213360" y="0"/>
                  </a:lnTo>
                  <a:lnTo>
                    <a:pt x="213360" y="4572"/>
                  </a:lnTo>
                  <a:lnTo>
                    <a:pt x="216408" y="4572"/>
                  </a:lnTo>
                  <a:lnTo>
                    <a:pt x="216408" y="0"/>
                  </a:lnTo>
                  <a:close/>
                </a:path>
                <a:path w="483234" h="5080">
                  <a:moveTo>
                    <a:pt x="222504" y="0"/>
                  </a:moveTo>
                  <a:lnTo>
                    <a:pt x="219456" y="0"/>
                  </a:lnTo>
                  <a:lnTo>
                    <a:pt x="219456" y="4572"/>
                  </a:lnTo>
                  <a:lnTo>
                    <a:pt x="222504" y="4572"/>
                  </a:lnTo>
                  <a:lnTo>
                    <a:pt x="222504" y="0"/>
                  </a:lnTo>
                  <a:close/>
                </a:path>
                <a:path w="483234" h="5080">
                  <a:moveTo>
                    <a:pt x="230124" y="0"/>
                  </a:moveTo>
                  <a:lnTo>
                    <a:pt x="227076" y="0"/>
                  </a:lnTo>
                  <a:lnTo>
                    <a:pt x="227076" y="4572"/>
                  </a:lnTo>
                  <a:lnTo>
                    <a:pt x="230124" y="4572"/>
                  </a:lnTo>
                  <a:lnTo>
                    <a:pt x="230124" y="0"/>
                  </a:lnTo>
                  <a:close/>
                </a:path>
                <a:path w="483234" h="5080">
                  <a:moveTo>
                    <a:pt x="236220" y="0"/>
                  </a:moveTo>
                  <a:lnTo>
                    <a:pt x="233172" y="0"/>
                  </a:lnTo>
                  <a:lnTo>
                    <a:pt x="233172" y="4572"/>
                  </a:lnTo>
                  <a:lnTo>
                    <a:pt x="236220" y="4572"/>
                  </a:lnTo>
                  <a:lnTo>
                    <a:pt x="236220" y="0"/>
                  </a:lnTo>
                  <a:close/>
                </a:path>
                <a:path w="483234" h="5080">
                  <a:moveTo>
                    <a:pt x="243840" y="0"/>
                  </a:moveTo>
                  <a:lnTo>
                    <a:pt x="240792" y="0"/>
                  </a:lnTo>
                  <a:lnTo>
                    <a:pt x="240792" y="4572"/>
                  </a:lnTo>
                  <a:lnTo>
                    <a:pt x="243840" y="4572"/>
                  </a:lnTo>
                  <a:lnTo>
                    <a:pt x="243840" y="0"/>
                  </a:lnTo>
                  <a:close/>
                </a:path>
                <a:path w="483234" h="5080">
                  <a:moveTo>
                    <a:pt x="249936" y="0"/>
                  </a:moveTo>
                  <a:lnTo>
                    <a:pt x="246888" y="0"/>
                  </a:lnTo>
                  <a:lnTo>
                    <a:pt x="246888" y="4572"/>
                  </a:lnTo>
                  <a:lnTo>
                    <a:pt x="249936" y="4572"/>
                  </a:lnTo>
                  <a:lnTo>
                    <a:pt x="249936" y="0"/>
                  </a:lnTo>
                  <a:close/>
                </a:path>
                <a:path w="483234" h="5080">
                  <a:moveTo>
                    <a:pt x="257556" y="0"/>
                  </a:moveTo>
                  <a:lnTo>
                    <a:pt x="254508" y="0"/>
                  </a:lnTo>
                  <a:lnTo>
                    <a:pt x="254508" y="4572"/>
                  </a:lnTo>
                  <a:lnTo>
                    <a:pt x="257556" y="4572"/>
                  </a:lnTo>
                  <a:lnTo>
                    <a:pt x="257556" y="0"/>
                  </a:lnTo>
                  <a:close/>
                </a:path>
                <a:path w="483234" h="5080">
                  <a:moveTo>
                    <a:pt x="263652" y="0"/>
                  </a:moveTo>
                  <a:lnTo>
                    <a:pt x="260604" y="0"/>
                  </a:lnTo>
                  <a:lnTo>
                    <a:pt x="260604" y="4572"/>
                  </a:lnTo>
                  <a:lnTo>
                    <a:pt x="263652" y="4572"/>
                  </a:lnTo>
                  <a:lnTo>
                    <a:pt x="263652" y="0"/>
                  </a:lnTo>
                  <a:close/>
                </a:path>
                <a:path w="483234" h="5080">
                  <a:moveTo>
                    <a:pt x="271272" y="0"/>
                  </a:moveTo>
                  <a:lnTo>
                    <a:pt x="266700" y="0"/>
                  </a:lnTo>
                  <a:lnTo>
                    <a:pt x="266700" y="4572"/>
                  </a:lnTo>
                  <a:lnTo>
                    <a:pt x="271272" y="4572"/>
                  </a:lnTo>
                  <a:lnTo>
                    <a:pt x="271272" y="0"/>
                  </a:lnTo>
                  <a:close/>
                </a:path>
                <a:path w="483234" h="5080">
                  <a:moveTo>
                    <a:pt x="277368" y="0"/>
                  </a:moveTo>
                  <a:lnTo>
                    <a:pt x="274320" y="0"/>
                  </a:lnTo>
                  <a:lnTo>
                    <a:pt x="274320" y="4572"/>
                  </a:lnTo>
                  <a:lnTo>
                    <a:pt x="277368" y="4572"/>
                  </a:lnTo>
                  <a:lnTo>
                    <a:pt x="277368" y="0"/>
                  </a:lnTo>
                  <a:close/>
                </a:path>
                <a:path w="483234" h="5080">
                  <a:moveTo>
                    <a:pt x="284988" y="0"/>
                  </a:moveTo>
                  <a:lnTo>
                    <a:pt x="280416" y="0"/>
                  </a:lnTo>
                  <a:lnTo>
                    <a:pt x="280416" y="4572"/>
                  </a:lnTo>
                  <a:lnTo>
                    <a:pt x="284988" y="4572"/>
                  </a:lnTo>
                  <a:lnTo>
                    <a:pt x="284988" y="0"/>
                  </a:lnTo>
                  <a:close/>
                </a:path>
                <a:path w="483234" h="5080">
                  <a:moveTo>
                    <a:pt x="291084" y="0"/>
                  </a:moveTo>
                  <a:lnTo>
                    <a:pt x="288036" y="0"/>
                  </a:lnTo>
                  <a:lnTo>
                    <a:pt x="288036" y="4572"/>
                  </a:lnTo>
                  <a:lnTo>
                    <a:pt x="291084" y="4572"/>
                  </a:lnTo>
                  <a:lnTo>
                    <a:pt x="291084" y="0"/>
                  </a:lnTo>
                  <a:close/>
                </a:path>
                <a:path w="483234" h="5080">
                  <a:moveTo>
                    <a:pt x="298704" y="0"/>
                  </a:moveTo>
                  <a:lnTo>
                    <a:pt x="294132" y="0"/>
                  </a:lnTo>
                  <a:lnTo>
                    <a:pt x="294132" y="4572"/>
                  </a:lnTo>
                  <a:lnTo>
                    <a:pt x="298704" y="4572"/>
                  </a:lnTo>
                  <a:lnTo>
                    <a:pt x="298704" y="0"/>
                  </a:lnTo>
                  <a:close/>
                </a:path>
                <a:path w="483234" h="5080">
                  <a:moveTo>
                    <a:pt x="304800" y="0"/>
                  </a:moveTo>
                  <a:lnTo>
                    <a:pt x="301752" y="0"/>
                  </a:lnTo>
                  <a:lnTo>
                    <a:pt x="301752" y="4572"/>
                  </a:lnTo>
                  <a:lnTo>
                    <a:pt x="304800" y="4572"/>
                  </a:lnTo>
                  <a:lnTo>
                    <a:pt x="304800" y="0"/>
                  </a:lnTo>
                  <a:close/>
                </a:path>
                <a:path w="483234" h="5080">
                  <a:moveTo>
                    <a:pt x="312420" y="0"/>
                  </a:moveTo>
                  <a:lnTo>
                    <a:pt x="307848" y="0"/>
                  </a:lnTo>
                  <a:lnTo>
                    <a:pt x="307848" y="4572"/>
                  </a:lnTo>
                  <a:lnTo>
                    <a:pt x="312420" y="4572"/>
                  </a:lnTo>
                  <a:lnTo>
                    <a:pt x="312420" y="0"/>
                  </a:lnTo>
                  <a:close/>
                </a:path>
                <a:path w="483234" h="5080">
                  <a:moveTo>
                    <a:pt x="318516" y="0"/>
                  </a:moveTo>
                  <a:lnTo>
                    <a:pt x="315468" y="0"/>
                  </a:lnTo>
                  <a:lnTo>
                    <a:pt x="315468" y="4572"/>
                  </a:lnTo>
                  <a:lnTo>
                    <a:pt x="318516" y="4572"/>
                  </a:lnTo>
                  <a:lnTo>
                    <a:pt x="318516" y="0"/>
                  </a:lnTo>
                  <a:close/>
                </a:path>
                <a:path w="483234" h="5080">
                  <a:moveTo>
                    <a:pt x="326136" y="0"/>
                  </a:moveTo>
                  <a:lnTo>
                    <a:pt x="321564" y="0"/>
                  </a:lnTo>
                  <a:lnTo>
                    <a:pt x="321564" y="4572"/>
                  </a:lnTo>
                  <a:lnTo>
                    <a:pt x="326136" y="4572"/>
                  </a:lnTo>
                  <a:lnTo>
                    <a:pt x="326136" y="0"/>
                  </a:lnTo>
                  <a:close/>
                </a:path>
                <a:path w="483234" h="5080">
                  <a:moveTo>
                    <a:pt x="332232" y="0"/>
                  </a:moveTo>
                  <a:lnTo>
                    <a:pt x="329184" y="0"/>
                  </a:lnTo>
                  <a:lnTo>
                    <a:pt x="329184" y="4572"/>
                  </a:lnTo>
                  <a:lnTo>
                    <a:pt x="332232" y="4572"/>
                  </a:lnTo>
                  <a:lnTo>
                    <a:pt x="332232" y="0"/>
                  </a:lnTo>
                  <a:close/>
                </a:path>
                <a:path w="483234" h="5080">
                  <a:moveTo>
                    <a:pt x="339852" y="0"/>
                  </a:moveTo>
                  <a:lnTo>
                    <a:pt x="335280" y="0"/>
                  </a:lnTo>
                  <a:lnTo>
                    <a:pt x="335280" y="4572"/>
                  </a:lnTo>
                  <a:lnTo>
                    <a:pt x="339852" y="4572"/>
                  </a:lnTo>
                  <a:lnTo>
                    <a:pt x="339852" y="0"/>
                  </a:lnTo>
                  <a:close/>
                </a:path>
                <a:path w="483234" h="5080">
                  <a:moveTo>
                    <a:pt x="345948" y="0"/>
                  </a:moveTo>
                  <a:lnTo>
                    <a:pt x="342900" y="0"/>
                  </a:lnTo>
                  <a:lnTo>
                    <a:pt x="342900" y="4572"/>
                  </a:lnTo>
                  <a:lnTo>
                    <a:pt x="345948" y="4572"/>
                  </a:lnTo>
                  <a:lnTo>
                    <a:pt x="345948" y="0"/>
                  </a:lnTo>
                  <a:close/>
                </a:path>
                <a:path w="483234" h="5080">
                  <a:moveTo>
                    <a:pt x="353568" y="0"/>
                  </a:moveTo>
                  <a:lnTo>
                    <a:pt x="348996" y="0"/>
                  </a:lnTo>
                  <a:lnTo>
                    <a:pt x="348996" y="4572"/>
                  </a:lnTo>
                  <a:lnTo>
                    <a:pt x="353568" y="4572"/>
                  </a:lnTo>
                  <a:lnTo>
                    <a:pt x="353568" y="0"/>
                  </a:lnTo>
                  <a:close/>
                </a:path>
                <a:path w="483234" h="5080">
                  <a:moveTo>
                    <a:pt x="359664" y="0"/>
                  </a:moveTo>
                  <a:lnTo>
                    <a:pt x="356616" y="0"/>
                  </a:lnTo>
                  <a:lnTo>
                    <a:pt x="356616" y="4572"/>
                  </a:lnTo>
                  <a:lnTo>
                    <a:pt x="359664" y="4572"/>
                  </a:lnTo>
                  <a:lnTo>
                    <a:pt x="359664" y="0"/>
                  </a:lnTo>
                  <a:close/>
                </a:path>
                <a:path w="483234" h="5080">
                  <a:moveTo>
                    <a:pt x="367284" y="0"/>
                  </a:moveTo>
                  <a:lnTo>
                    <a:pt x="362712" y="0"/>
                  </a:lnTo>
                  <a:lnTo>
                    <a:pt x="362712" y="4572"/>
                  </a:lnTo>
                  <a:lnTo>
                    <a:pt x="367284" y="4572"/>
                  </a:lnTo>
                  <a:lnTo>
                    <a:pt x="367284" y="0"/>
                  </a:lnTo>
                  <a:close/>
                </a:path>
                <a:path w="483234" h="5080">
                  <a:moveTo>
                    <a:pt x="373380" y="0"/>
                  </a:moveTo>
                  <a:lnTo>
                    <a:pt x="370332" y="0"/>
                  </a:lnTo>
                  <a:lnTo>
                    <a:pt x="370332" y="4572"/>
                  </a:lnTo>
                  <a:lnTo>
                    <a:pt x="373380" y="4572"/>
                  </a:lnTo>
                  <a:lnTo>
                    <a:pt x="373380" y="0"/>
                  </a:lnTo>
                  <a:close/>
                </a:path>
                <a:path w="483234" h="5080">
                  <a:moveTo>
                    <a:pt x="381000" y="0"/>
                  </a:moveTo>
                  <a:lnTo>
                    <a:pt x="376428" y="0"/>
                  </a:lnTo>
                  <a:lnTo>
                    <a:pt x="376428" y="4572"/>
                  </a:lnTo>
                  <a:lnTo>
                    <a:pt x="381000" y="4572"/>
                  </a:lnTo>
                  <a:lnTo>
                    <a:pt x="381000" y="0"/>
                  </a:lnTo>
                  <a:close/>
                </a:path>
                <a:path w="483234" h="5080">
                  <a:moveTo>
                    <a:pt x="387096" y="0"/>
                  </a:moveTo>
                  <a:lnTo>
                    <a:pt x="384048" y="0"/>
                  </a:lnTo>
                  <a:lnTo>
                    <a:pt x="384048" y="4572"/>
                  </a:lnTo>
                  <a:lnTo>
                    <a:pt x="387096" y="4572"/>
                  </a:lnTo>
                  <a:lnTo>
                    <a:pt x="387096" y="0"/>
                  </a:lnTo>
                  <a:close/>
                </a:path>
                <a:path w="483234" h="5080">
                  <a:moveTo>
                    <a:pt x="394716" y="0"/>
                  </a:moveTo>
                  <a:lnTo>
                    <a:pt x="390144" y="0"/>
                  </a:lnTo>
                  <a:lnTo>
                    <a:pt x="390144" y="4572"/>
                  </a:lnTo>
                  <a:lnTo>
                    <a:pt x="394716" y="4572"/>
                  </a:lnTo>
                  <a:lnTo>
                    <a:pt x="394716" y="0"/>
                  </a:lnTo>
                  <a:close/>
                </a:path>
                <a:path w="483234" h="5080">
                  <a:moveTo>
                    <a:pt x="400812" y="0"/>
                  </a:moveTo>
                  <a:lnTo>
                    <a:pt x="397764" y="0"/>
                  </a:lnTo>
                  <a:lnTo>
                    <a:pt x="397764" y="4572"/>
                  </a:lnTo>
                  <a:lnTo>
                    <a:pt x="400812" y="4572"/>
                  </a:lnTo>
                  <a:lnTo>
                    <a:pt x="400812" y="0"/>
                  </a:lnTo>
                  <a:close/>
                </a:path>
                <a:path w="483234" h="5080">
                  <a:moveTo>
                    <a:pt x="408432" y="0"/>
                  </a:moveTo>
                  <a:lnTo>
                    <a:pt x="403860" y="0"/>
                  </a:lnTo>
                  <a:lnTo>
                    <a:pt x="403860" y="4572"/>
                  </a:lnTo>
                  <a:lnTo>
                    <a:pt x="408432" y="4572"/>
                  </a:lnTo>
                  <a:lnTo>
                    <a:pt x="408432" y="0"/>
                  </a:lnTo>
                  <a:close/>
                </a:path>
                <a:path w="483234" h="5080">
                  <a:moveTo>
                    <a:pt x="414528" y="0"/>
                  </a:moveTo>
                  <a:lnTo>
                    <a:pt x="411480" y="0"/>
                  </a:lnTo>
                  <a:lnTo>
                    <a:pt x="411480" y="4572"/>
                  </a:lnTo>
                  <a:lnTo>
                    <a:pt x="414528" y="4572"/>
                  </a:lnTo>
                  <a:lnTo>
                    <a:pt x="414528" y="0"/>
                  </a:lnTo>
                  <a:close/>
                </a:path>
                <a:path w="483234" h="5080">
                  <a:moveTo>
                    <a:pt x="422148" y="0"/>
                  </a:moveTo>
                  <a:lnTo>
                    <a:pt x="417576" y="0"/>
                  </a:lnTo>
                  <a:lnTo>
                    <a:pt x="417576" y="4572"/>
                  </a:lnTo>
                  <a:lnTo>
                    <a:pt x="422148" y="4572"/>
                  </a:lnTo>
                  <a:lnTo>
                    <a:pt x="422148" y="0"/>
                  </a:lnTo>
                  <a:close/>
                </a:path>
                <a:path w="483234" h="5080">
                  <a:moveTo>
                    <a:pt x="428244" y="0"/>
                  </a:moveTo>
                  <a:lnTo>
                    <a:pt x="425196" y="0"/>
                  </a:lnTo>
                  <a:lnTo>
                    <a:pt x="425196" y="4572"/>
                  </a:lnTo>
                  <a:lnTo>
                    <a:pt x="428244" y="4572"/>
                  </a:lnTo>
                  <a:lnTo>
                    <a:pt x="428244" y="0"/>
                  </a:lnTo>
                  <a:close/>
                </a:path>
                <a:path w="483234" h="5080">
                  <a:moveTo>
                    <a:pt x="435864" y="0"/>
                  </a:moveTo>
                  <a:lnTo>
                    <a:pt x="431292" y="0"/>
                  </a:lnTo>
                  <a:lnTo>
                    <a:pt x="431292" y="4572"/>
                  </a:lnTo>
                  <a:lnTo>
                    <a:pt x="435864" y="4572"/>
                  </a:lnTo>
                  <a:lnTo>
                    <a:pt x="435864" y="0"/>
                  </a:lnTo>
                  <a:close/>
                </a:path>
                <a:path w="483234" h="5080">
                  <a:moveTo>
                    <a:pt x="441960" y="0"/>
                  </a:moveTo>
                  <a:lnTo>
                    <a:pt x="438912" y="0"/>
                  </a:lnTo>
                  <a:lnTo>
                    <a:pt x="438912" y="4572"/>
                  </a:lnTo>
                  <a:lnTo>
                    <a:pt x="441960" y="4572"/>
                  </a:lnTo>
                  <a:lnTo>
                    <a:pt x="441960" y="0"/>
                  </a:lnTo>
                  <a:close/>
                </a:path>
                <a:path w="483234" h="5080">
                  <a:moveTo>
                    <a:pt x="449580" y="0"/>
                  </a:moveTo>
                  <a:lnTo>
                    <a:pt x="445008" y="0"/>
                  </a:lnTo>
                  <a:lnTo>
                    <a:pt x="445008" y="4572"/>
                  </a:lnTo>
                  <a:lnTo>
                    <a:pt x="449580" y="4572"/>
                  </a:lnTo>
                  <a:lnTo>
                    <a:pt x="449580" y="0"/>
                  </a:lnTo>
                  <a:close/>
                </a:path>
                <a:path w="483234" h="5080">
                  <a:moveTo>
                    <a:pt x="455676" y="0"/>
                  </a:moveTo>
                  <a:lnTo>
                    <a:pt x="452628" y="0"/>
                  </a:lnTo>
                  <a:lnTo>
                    <a:pt x="452628" y="4572"/>
                  </a:lnTo>
                  <a:lnTo>
                    <a:pt x="455676" y="4572"/>
                  </a:lnTo>
                  <a:lnTo>
                    <a:pt x="455676" y="0"/>
                  </a:lnTo>
                  <a:close/>
                </a:path>
                <a:path w="483234" h="5080">
                  <a:moveTo>
                    <a:pt x="463296" y="0"/>
                  </a:moveTo>
                  <a:lnTo>
                    <a:pt x="458724" y="0"/>
                  </a:lnTo>
                  <a:lnTo>
                    <a:pt x="458724" y="4572"/>
                  </a:lnTo>
                  <a:lnTo>
                    <a:pt x="463296" y="4572"/>
                  </a:lnTo>
                  <a:lnTo>
                    <a:pt x="463296" y="0"/>
                  </a:lnTo>
                  <a:close/>
                </a:path>
                <a:path w="483234" h="5080">
                  <a:moveTo>
                    <a:pt x="469392" y="0"/>
                  </a:moveTo>
                  <a:lnTo>
                    <a:pt x="466344" y="0"/>
                  </a:lnTo>
                  <a:lnTo>
                    <a:pt x="466344" y="4572"/>
                  </a:lnTo>
                  <a:lnTo>
                    <a:pt x="469392" y="4572"/>
                  </a:lnTo>
                  <a:lnTo>
                    <a:pt x="469392" y="0"/>
                  </a:lnTo>
                  <a:close/>
                </a:path>
                <a:path w="483234" h="5080">
                  <a:moveTo>
                    <a:pt x="477012" y="0"/>
                  </a:moveTo>
                  <a:lnTo>
                    <a:pt x="472440" y="0"/>
                  </a:lnTo>
                  <a:lnTo>
                    <a:pt x="472440" y="4572"/>
                  </a:lnTo>
                  <a:lnTo>
                    <a:pt x="477012" y="4572"/>
                  </a:lnTo>
                  <a:lnTo>
                    <a:pt x="477012" y="0"/>
                  </a:lnTo>
                  <a:close/>
                </a:path>
                <a:path w="483234" h="5080">
                  <a:moveTo>
                    <a:pt x="483108" y="0"/>
                  </a:moveTo>
                  <a:lnTo>
                    <a:pt x="480060" y="0"/>
                  </a:lnTo>
                  <a:lnTo>
                    <a:pt x="480060" y="4572"/>
                  </a:lnTo>
                  <a:lnTo>
                    <a:pt x="483108" y="4572"/>
                  </a:lnTo>
                  <a:lnTo>
                    <a:pt x="483108" y="0"/>
                  </a:lnTo>
                  <a:close/>
                </a:path>
              </a:pathLst>
            </a:custGeom>
            <a:solidFill>
              <a:srgbClr val="D8D8D8"/>
            </a:solidFill>
          </p:spPr>
          <p:txBody>
            <a:bodyPr wrap="square" lIns="0" tIns="0" rIns="0" bIns="0" rtlCol="0"/>
            <a:lstStyle/>
            <a:p>
              <a:endParaRPr sz="1539"/>
            </a:p>
          </p:txBody>
        </p:sp>
        <p:sp>
          <p:nvSpPr>
            <p:cNvPr id="152" name="object 152"/>
            <p:cNvSpPr/>
            <p:nvPr/>
          </p:nvSpPr>
          <p:spPr>
            <a:xfrm>
              <a:off x="1085088" y="1168907"/>
              <a:ext cx="8920480" cy="562610"/>
            </a:xfrm>
            <a:custGeom>
              <a:avLst/>
              <a:gdLst/>
              <a:ahLst/>
              <a:cxnLst/>
              <a:rect l="l" t="t" r="r" b="b"/>
              <a:pathLst>
                <a:path w="8920480" h="562610">
                  <a:moveTo>
                    <a:pt x="3048" y="0"/>
                  </a:moveTo>
                  <a:lnTo>
                    <a:pt x="0" y="0"/>
                  </a:lnTo>
                  <a:lnTo>
                    <a:pt x="0" y="3048"/>
                  </a:lnTo>
                  <a:lnTo>
                    <a:pt x="3048" y="3048"/>
                  </a:lnTo>
                  <a:lnTo>
                    <a:pt x="3048" y="0"/>
                  </a:lnTo>
                  <a:close/>
                </a:path>
                <a:path w="8920480" h="562610">
                  <a:moveTo>
                    <a:pt x="10668" y="0"/>
                  </a:moveTo>
                  <a:lnTo>
                    <a:pt x="6096" y="0"/>
                  </a:lnTo>
                  <a:lnTo>
                    <a:pt x="6096" y="3048"/>
                  </a:lnTo>
                  <a:lnTo>
                    <a:pt x="10668" y="3048"/>
                  </a:lnTo>
                  <a:lnTo>
                    <a:pt x="10668" y="0"/>
                  </a:lnTo>
                  <a:close/>
                </a:path>
                <a:path w="8920480" h="562610">
                  <a:moveTo>
                    <a:pt x="16764" y="0"/>
                  </a:moveTo>
                  <a:lnTo>
                    <a:pt x="13716" y="0"/>
                  </a:lnTo>
                  <a:lnTo>
                    <a:pt x="13716" y="3048"/>
                  </a:lnTo>
                  <a:lnTo>
                    <a:pt x="16764" y="3048"/>
                  </a:lnTo>
                  <a:lnTo>
                    <a:pt x="16764" y="0"/>
                  </a:lnTo>
                  <a:close/>
                </a:path>
                <a:path w="8920480" h="562610">
                  <a:moveTo>
                    <a:pt x="24384" y="0"/>
                  </a:moveTo>
                  <a:lnTo>
                    <a:pt x="19812" y="0"/>
                  </a:lnTo>
                  <a:lnTo>
                    <a:pt x="19812" y="3048"/>
                  </a:lnTo>
                  <a:lnTo>
                    <a:pt x="24384" y="3048"/>
                  </a:lnTo>
                  <a:lnTo>
                    <a:pt x="24384" y="0"/>
                  </a:lnTo>
                  <a:close/>
                </a:path>
                <a:path w="8920480" h="562610">
                  <a:moveTo>
                    <a:pt x="30480" y="0"/>
                  </a:moveTo>
                  <a:lnTo>
                    <a:pt x="27432" y="0"/>
                  </a:lnTo>
                  <a:lnTo>
                    <a:pt x="27432" y="3048"/>
                  </a:lnTo>
                  <a:lnTo>
                    <a:pt x="30480" y="3048"/>
                  </a:lnTo>
                  <a:lnTo>
                    <a:pt x="30480" y="0"/>
                  </a:lnTo>
                  <a:close/>
                </a:path>
                <a:path w="8920480" h="562610">
                  <a:moveTo>
                    <a:pt x="38100" y="0"/>
                  </a:moveTo>
                  <a:lnTo>
                    <a:pt x="33528" y="0"/>
                  </a:lnTo>
                  <a:lnTo>
                    <a:pt x="33528" y="3048"/>
                  </a:lnTo>
                  <a:lnTo>
                    <a:pt x="38100" y="3048"/>
                  </a:lnTo>
                  <a:lnTo>
                    <a:pt x="38100" y="0"/>
                  </a:lnTo>
                  <a:close/>
                </a:path>
                <a:path w="8920480" h="562610">
                  <a:moveTo>
                    <a:pt x="44196" y="0"/>
                  </a:moveTo>
                  <a:lnTo>
                    <a:pt x="41148" y="0"/>
                  </a:lnTo>
                  <a:lnTo>
                    <a:pt x="41148" y="3048"/>
                  </a:lnTo>
                  <a:lnTo>
                    <a:pt x="44196" y="3048"/>
                  </a:lnTo>
                  <a:lnTo>
                    <a:pt x="44196" y="0"/>
                  </a:lnTo>
                  <a:close/>
                </a:path>
                <a:path w="8920480" h="562610">
                  <a:moveTo>
                    <a:pt x="51816" y="0"/>
                  </a:moveTo>
                  <a:lnTo>
                    <a:pt x="47244" y="0"/>
                  </a:lnTo>
                  <a:lnTo>
                    <a:pt x="47244" y="3048"/>
                  </a:lnTo>
                  <a:lnTo>
                    <a:pt x="51816" y="3048"/>
                  </a:lnTo>
                  <a:lnTo>
                    <a:pt x="51816" y="0"/>
                  </a:lnTo>
                  <a:close/>
                </a:path>
                <a:path w="8920480" h="562610">
                  <a:moveTo>
                    <a:pt x="57912" y="0"/>
                  </a:moveTo>
                  <a:lnTo>
                    <a:pt x="54864" y="0"/>
                  </a:lnTo>
                  <a:lnTo>
                    <a:pt x="54864" y="3048"/>
                  </a:lnTo>
                  <a:lnTo>
                    <a:pt x="57912" y="3048"/>
                  </a:lnTo>
                  <a:lnTo>
                    <a:pt x="57912" y="0"/>
                  </a:lnTo>
                  <a:close/>
                </a:path>
                <a:path w="8920480" h="562610">
                  <a:moveTo>
                    <a:pt x="65532" y="0"/>
                  </a:moveTo>
                  <a:lnTo>
                    <a:pt x="60960" y="0"/>
                  </a:lnTo>
                  <a:lnTo>
                    <a:pt x="60960" y="3048"/>
                  </a:lnTo>
                  <a:lnTo>
                    <a:pt x="65532" y="3048"/>
                  </a:lnTo>
                  <a:lnTo>
                    <a:pt x="65532" y="0"/>
                  </a:lnTo>
                  <a:close/>
                </a:path>
                <a:path w="8920480" h="562610">
                  <a:moveTo>
                    <a:pt x="71628" y="0"/>
                  </a:moveTo>
                  <a:lnTo>
                    <a:pt x="68580" y="0"/>
                  </a:lnTo>
                  <a:lnTo>
                    <a:pt x="68580" y="3048"/>
                  </a:lnTo>
                  <a:lnTo>
                    <a:pt x="71628" y="3048"/>
                  </a:lnTo>
                  <a:lnTo>
                    <a:pt x="71628" y="0"/>
                  </a:lnTo>
                  <a:close/>
                </a:path>
                <a:path w="8920480" h="562610">
                  <a:moveTo>
                    <a:pt x="79248" y="0"/>
                  </a:moveTo>
                  <a:lnTo>
                    <a:pt x="74676" y="0"/>
                  </a:lnTo>
                  <a:lnTo>
                    <a:pt x="74676" y="3048"/>
                  </a:lnTo>
                  <a:lnTo>
                    <a:pt x="79248" y="3048"/>
                  </a:lnTo>
                  <a:lnTo>
                    <a:pt x="79248" y="0"/>
                  </a:lnTo>
                  <a:close/>
                </a:path>
                <a:path w="8920480" h="562610">
                  <a:moveTo>
                    <a:pt x="85344" y="0"/>
                  </a:moveTo>
                  <a:lnTo>
                    <a:pt x="82296" y="0"/>
                  </a:lnTo>
                  <a:lnTo>
                    <a:pt x="82296" y="3048"/>
                  </a:lnTo>
                  <a:lnTo>
                    <a:pt x="85344" y="3048"/>
                  </a:lnTo>
                  <a:lnTo>
                    <a:pt x="85344" y="0"/>
                  </a:lnTo>
                  <a:close/>
                </a:path>
                <a:path w="8920480" h="562610">
                  <a:moveTo>
                    <a:pt x="92964" y="0"/>
                  </a:moveTo>
                  <a:lnTo>
                    <a:pt x="88392" y="0"/>
                  </a:lnTo>
                  <a:lnTo>
                    <a:pt x="88392" y="3048"/>
                  </a:lnTo>
                  <a:lnTo>
                    <a:pt x="92964" y="3048"/>
                  </a:lnTo>
                  <a:lnTo>
                    <a:pt x="92964" y="0"/>
                  </a:lnTo>
                  <a:close/>
                </a:path>
                <a:path w="8920480" h="562610">
                  <a:moveTo>
                    <a:pt x="99060" y="0"/>
                  </a:moveTo>
                  <a:lnTo>
                    <a:pt x="96012" y="0"/>
                  </a:lnTo>
                  <a:lnTo>
                    <a:pt x="96012" y="3048"/>
                  </a:lnTo>
                  <a:lnTo>
                    <a:pt x="99060" y="3048"/>
                  </a:lnTo>
                  <a:lnTo>
                    <a:pt x="99060" y="0"/>
                  </a:lnTo>
                  <a:close/>
                </a:path>
                <a:path w="8920480" h="562610">
                  <a:moveTo>
                    <a:pt x="106680" y="0"/>
                  </a:moveTo>
                  <a:lnTo>
                    <a:pt x="102108" y="0"/>
                  </a:lnTo>
                  <a:lnTo>
                    <a:pt x="102108" y="3048"/>
                  </a:lnTo>
                  <a:lnTo>
                    <a:pt x="106680" y="3048"/>
                  </a:lnTo>
                  <a:lnTo>
                    <a:pt x="106680" y="0"/>
                  </a:lnTo>
                  <a:close/>
                </a:path>
                <a:path w="8920480" h="562610">
                  <a:moveTo>
                    <a:pt x="112776" y="0"/>
                  </a:moveTo>
                  <a:lnTo>
                    <a:pt x="109728" y="0"/>
                  </a:lnTo>
                  <a:lnTo>
                    <a:pt x="109728" y="3048"/>
                  </a:lnTo>
                  <a:lnTo>
                    <a:pt x="112776" y="3048"/>
                  </a:lnTo>
                  <a:lnTo>
                    <a:pt x="112776" y="0"/>
                  </a:lnTo>
                  <a:close/>
                </a:path>
                <a:path w="8920480" h="562610">
                  <a:moveTo>
                    <a:pt x="120396" y="0"/>
                  </a:moveTo>
                  <a:lnTo>
                    <a:pt x="115824" y="0"/>
                  </a:lnTo>
                  <a:lnTo>
                    <a:pt x="115824" y="3048"/>
                  </a:lnTo>
                  <a:lnTo>
                    <a:pt x="120396" y="3048"/>
                  </a:lnTo>
                  <a:lnTo>
                    <a:pt x="120396" y="0"/>
                  </a:lnTo>
                  <a:close/>
                </a:path>
                <a:path w="8920480" h="562610">
                  <a:moveTo>
                    <a:pt x="126492" y="0"/>
                  </a:moveTo>
                  <a:lnTo>
                    <a:pt x="123444" y="0"/>
                  </a:lnTo>
                  <a:lnTo>
                    <a:pt x="123444" y="3048"/>
                  </a:lnTo>
                  <a:lnTo>
                    <a:pt x="126492" y="3048"/>
                  </a:lnTo>
                  <a:lnTo>
                    <a:pt x="126492" y="0"/>
                  </a:lnTo>
                  <a:close/>
                </a:path>
                <a:path w="8920480" h="562610">
                  <a:moveTo>
                    <a:pt x="134112" y="0"/>
                  </a:moveTo>
                  <a:lnTo>
                    <a:pt x="129540" y="0"/>
                  </a:lnTo>
                  <a:lnTo>
                    <a:pt x="129540" y="3048"/>
                  </a:lnTo>
                  <a:lnTo>
                    <a:pt x="134112" y="3048"/>
                  </a:lnTo>
                  <a:lnTo>
                    <a:pt x="134112" y="0"/>
                  </a:lnTo>
                  <a:close/>
                </a:path>
                <a:path w="8920480" h="562610">
                  <a:moveTo>
                    <a:pt x="140208" y="0"/>
                  </a:moveTo>
                  <a:lnTo>
                    <a:pt x="137160" y="0"/>
                  </a:lnTo>
                  <a:lnTo>
                    <a:pt x="137160" y="3048"/>
                  </a:lnTo>
                  <a:lnTo>
                    <a:pt x="140208" y="3048"/>
                  </a:lnTo>
                  <a:lnTo>
                    <a:pt x="140208" y="0"/>
                  </a:lnTo>
                  <a:close/>
                </a:path>
                <a:path w="8920480" h="562610">
                  <a:moveTo>
                    <a:pt x="147828" y="0"/>
                  </a:moveTo>
                  <a:lnTo>
                    <a:pt x="143256" y="0"/>
                  </a:lnTo>
                  <a:lnTo>
                    <a:pt x="143256" y="3048"/>
                  </a:lnTo>
                  <a:lnTo>
                    <a:pt x="147828" y="3048"/>
                  </a:lnTo>
                  <a:lnTo>
                    <a:pt x="147828" y="0"/>
                  </a:lnTo>
                  <a:close/>
                </a:path>
                <a:path w="8920480" h="562610">
                  <a:moveTo>
                    <a:pt x="153924" y="0"/>
                  </a:moveTo>
                  <a:lnTo>
                    <a:pt x="150876" y="0"/>
                  </a:lnTo>
                  <a:lnTo>
                    <a:pt x="150876" y="3048"/>
                  </a:lnTo>
                  <a:lnTo>
                    <a:pt x="153924" y="3048"/>
                  </a:lnTo>
                  <a:lnTo>
                    <a:pt x="153924" y="0"/>
                  </a:lnTo>
                  <a:close/>
                </a:path>
                <a:path w="8920480" h="562610">
                  <a:moveTo>
                    <a:pt x="161544" y="0"/>
                  </a:moveTo>
                  <a:lnTo>
                    <a:pt x="156972" y="0"/>
                  </a:lnTo>
                  <a:lnTo>
                    <a:pt x="156972" y="3048"/>
                  </a:lnTo>
                  <a:lnTo>
                    <a:pt x="161544" y="3048"/>
                  </a:lnTo>
                  <a:lnTo>
                    <a:pt x="161544" y="0"/>
                  </a:lnTo>
                  <a:close/>
                </a:path>
                <a:path w="8920480" h="562610">
                  <a:moveTo>
                    <a:pt x="167640" y="0"/>
                  </a:moveTo>
                  <a:lnTo>
                    <a:pt x="164592" y="0"/>
                  </a:lnTo>
                  <a:lnTo>
                    <a:pt x="164592" y="3048"/>
                  </a:lnTo>
                  <a:lnTo>
                    <a:pt x="167640" y="3048"/>
                  </a:lnTo>
                  <a:lnTo>
                    <a:pt x="167640" y="0"/>
                  </a:lnTo>
                  <a:close/>
                </a:path>
                <a:path w="8920480" h="562610">
                  <a:moveTo>
                    <a:pt x="175260" y="0"/>
                  </a:moveTo>
                  <a:lnTo>
                    <a:pt x="170688" y="0"/>
                  </a:lnTo>
                  <a:lnTo>
                    <a:pt x="170688" y="3048"/>
                  </a:lnTo>
                  <a:lnTo>
                    <a:pt x="175260" y="3048"/>
                  </a:lnTo>
                  <a:lnTo>
                    <a:pt x="175260" y="0"/>
                  </a:lnTo>
                  <a:close/>
                </a:path>
                <a:path w="8920480" h="562610">
                  <a:moveTo>
                    <a:pt x="181356" y="0"/>
                  </a:moveTo>
                  <a:lnTo>
                    <a:pt x="178308" y="0"/>
                  </a:lnTo>
                  <a:lnTo>
                    <a:pt x="178308" y="3048"/>
                  </a:lnTo>
                  <a:lnTo>
                    <a:pt x="181356" y="3048"/>
                  </a:lnTo>
                  <a:lnTo>
                    <a:pt x="181356" y="0"/>
                  </a:lnTo>
                  <a:close/>
                </a:path>
                <a:path w="8920480" h="562610">
                  <a:moveTo>
                    <a:pt x="188976" y="0"/>
                  </a:moveTo>
                  <a:lnTo>
                    <a:pt x="184404" y="0"/>
                  </a:lnTo>
                  <a:lnTo>
                    <a:pt x="184404" y="3048"/>
                  </a:lnTo>
                  <a:lnTo>
                    <a:pt x="188976" y="3048"/>
                  </a:lnTo>
                  <a:lnTo>
                    <a:pt x="188976" y="0"/>
                  </a:lnTo>
                  <a:close/>
                </a:path>
                <a:path w="8920480" h="562610">
                  <a:moveTo>
                    <a:pt x="195072" y="0"/>
                  </a:moveTo>
                  <a:lnTo>
                    <a:pt x="192024" y="0"/>
                  </a:lnTo>
                  <a:lnTo>
                    <a:pt x="192024" y="3048"/>
                  </a:lnTo>
                  <a:lnTo>
                    <a:pt x="195072" y="3048"/>
                  </a:lnTo>
                  <a:lnTo>
                    <a:pt x="195072" y="0"/>
                  </a:lnTo>
                  <a:close/>
                </a:path>
                <a:path w="8920480" h="562610">
                  <a:moveTo>
                    <a:pt x="202692" y="0"/>
                  </a:moveTo>
                  <a:lnTo>
                    <a:pt x="198120" y="0"/>
                  </a:lnTo>
                  <a:lnTo>
                    <a:pt x="198120" y="3048"/>
                  </a:lnTo>
                  <a:lnTo>
                    <a:pt x="202692" y="3048"/>
                  </a:lnTo>
                  <a:lnTo>
                    <a:pt x="202692" y="0"/>
                  </a:lnTo>
                  <a:close/>
                </a:path>
                <a:path w="8920480" h="562610">
                  <a:moveTo>
                    <a:pt x="208788" y="0"/>
                  </a:moveTo>
                  <a:lnTo>
                    <a:pt x="205740" y="0"/>
                  </a:lnTo>
                  <a:lnTo>
                    <a:pt x="205740" y="3048"/>
                  </a:lnTo>
                  <a:lnTo>
                    <a:pt x="208788" y="3048"/>
                  </a:lnTo>
                  <a:lnTo>
                    <a:pt x="208788" y="0"/>
                  </a:lnTo>
                  <a:close/>
                </a:path>
                <a:path w="8920480" h="562610">
                  <a:moveTo>
                    <a:pt x="216408" y="0"/>
                  </a:moveTo>
                  <a:lnTo>
                    <a:pt x="211836" y="0"/>
                  </a:lnTo>
                  <a:lnTo>
                    <a:pt x="211836" y="3048"/>
                  </a:lnTo>
                  <a:lnTo>
                    <a:pt x="216408" y="3048"/>
                  </a:lnTo>
                  <a:lnTo>
                    <a:pt x="216408" y="0"/>
                  </a:lnTo>
                  <a:close/>
                </a:path>
                <a:path w="8920480" h="562610">
                  <a:moveTo>
                    <a:pt x="222504" y="0"/>
                  </a:moveTo>
                  <a:lnTo>
                    <a:pt x="219456" y="0"/>
                  </a:lnTo>
                  <a:lnTo>
                    <a:pt x="219456" y="3048"/>
                  </a:lnTo>
                  <a:lnTo>
                    <a:pt x="222504" y="3048"/>
                  </a:lnTo>
                  <a:lnTo>
                    <a:pt x="222504" y="0"/>
                  </a:lnTo>
                  <a:close/>
                </a:path>
                <a:path w="8920480" h="562610">
                  <a:moveTo>
                    <a:pt x="230124" y="0"/>
                  </a:moveTo>
                  <a:lnTo>
                    <a:pt x="225552" y="0"/>
                  </a:lnTo>
                  <a:lnTo>
                    <a:pt x="225552" y="3048"/>
                  </a:lnTo>
                  <a:lnTo>
                    <a:pt x="230124" y="3048"/>
                  </a:lnTo>
                  <a:lnTo>
                    <a:pt x="230124" y="0"/>
                  </a:lnTo>
                  <a:close/>
                </a:path>
                <a:path w="8920480" h="562610">
                  <a:moveTo>
                    <a:pt x="236220" y="0"/>
                  </a:moveTo>
                  <a:lnTo>
                    <a:pt x="233172" y="0"/>
                  </a:lnTo>
                  <a:lnTo>
                    <a:pt x="233172" y="3048"/>
                  </a:lnTo>
                  <a:lnTo>
                    <a:pt x="236220" y="3048"/>
                  </a:lnTo>
                  <a:lnTo>
                    <a:pt x="236220" y="0"/>
                  </a:lnTo>
                  <a:close/>
                </a:path>
                <a:path w="8920480" h="562610">
                  <a:moveTo>
                    <a:pt x="243840" y="0"/>
                  </a:moveTo>
                  <a:lnTo>
                    <a:pt x="239268" y="0"/>
                  </a:lnTo>
                  <a:lnTo>
                    <a:pt x="239268" y="3048"/>
                  </a:lnTo>
                  <a:lnTo>
                    <a:pt x="243840" y="3048"/>
                  </a:lnTo>
                  <a:lnTo>
                    <a:pt x="243840" y="0"/>
                  </a:lnTo>
                  <a:close/>
                </a:path>
                <a:path w="8920480" h="562610">
                  <a:moveTo>
                    <a:pt x="249936" y="0"/>
                  </a:moveTo>
                  <a:lnTo>
                    <a:pt x="246888" y="0"/>
                  </a:lnTo>
                  <a:lnTo>
                    <a:pt x="246888" y="3048"/>
                  </a:lnTo>
                  <a:lnTo>
                    <a:pt x="249936" y="3048"/>
                  </a:lnTo>
                  <a:lnTo>
                    <a:pt x="249936" y="0"/>
                  </a:lnTo>
                  <a:close/>
                </a:path>
                <a:path w="8920480" h="562610">
                  <a:moveTo>
                    <a:pt x="257556" y="0"/>
                  </a:moveTo>
                  <a:lnTo>
                    <a:pt x="252984" y="0"/>
                  </a:lnTo>
                  <a:lnTo>
                    <a:pt x="252984" y="3048"/>
                  </a:lnTo>
                  <a:lnTo>
                    <a:pt x="257556" y="3048"/>
                  </a:lnTo>
                  <a:lnTo>
                    <a:pt x="257556" y="0"/>
                  </a:lnTo>
                  <a:close/>
                </a:path>
                <a:path w="8920480" h="562610">
                  <a:moveTo>
                    <a:pt x="263652" y="0"/>
                  </a:moveTo>
                  <a:lnTo>
                    <a:pt x="260604" y="0"/>
                  </a:lnTo>
                  <a:lnTo>
                    <a:pt x="260604" y="3048"/>
                  </a:lnTo>
                  <a:lnTo>
                    <a:pt x="263652" y="3048"/>
                  </a:lnTo>
                  <a:lnTo>
                    <a:pt x="263652" y="0"/>
                  </a:lnTo>
                  <a:close/>
                </a:path>
                <a:path w="8920480" h="562610">
                  <a:moveTo>
                    <a:pt x="271272" y="0"/>
                  </a:moveTo>
                  <a:lnTo>
                    <a:pt x="266700" y="0"/>
                  </a:lnTo>
                  <a:lnTo>
                    <a:pt x="266700" y="3048"/>
                  </a:lnTo>
                  <a:lnTo>
                    <a:pt x="271272" y="3048"/>
                  </a:lnTo>
                  <a:lnTo>
                    <a:pt x="271272" y="0"/>
                  </a:lnTo>
                  <a:close/>
                </a:path>
                <a:path w="8920480" h="562610">
                  <a:moveTo>
                    <a:pt x="277368" y="0"/>
                  </a:moveTo>
                  <a:lnTo>
                    <a:pt x="274320" y="0"/>
                  </a:lnTo>
                  <a:lnTo>
                    <a:pt x="274320" y="3048"/>
                  </a:lnTo>
                  <a:lnTo>
                    <a:pt x="277368" y="3048"/>
                  </a:lnTo>
                  <a:lnTo>
                    <a:pt x="277368" y="0"/>
                  </a:lnTo>
                  <a:close/>
                </a:path>
                <a:path w="8920480" h="562610">
                  <a:moveTo>
                    <a:pt x="284988" y="0"/>
                  </a:moveTo>
                  <a:lnTo>
                    <a:pt x="280416" y="0"/>
                  </a:lnTo>
                  <a:lnTo>
                    <a:pt x="280416" y="3048"/>
                  </a:lnTo>
                  <a:lnTo>
                    <a:pt x="284988" y="3048"/>
                  </a:lnTo>
                  <a:lnTo>
                    <a:pt x="284988" y="0"/>
                  </a:lnTo>
                  <a:close/>
                </a:path>
                <a:path w="8920480" h="562610">
                  <a:moveTo>
                    <a:pt x="291084" y="0"/>
                  </a:moveTo>
                  <a:lnTo>
                    <a:pt x="288036" y="0"/>
                  </a:lnTo>
                  <a:lnTo>
                    <a:pt x="288036" y="3048"/>
                  </a:lnTo>
                  <a:lnTo>
                    <a:pt x="291084" y="3048"/>
                  </a:lnTo>
                  <a:lnTo>
                    <a:pt x="291084" y="0"/>
                  </a:lnTo>
                  <a:close/>
                </a:path>
                <a:path w="8920480" h="562610">
                  <a:moveTo>
                    <a:pt x="298704" y="0"/>
                  </a:moveTo>
                  <a:lnTo>
                    <a:pt x="294132" y="0"/>
                  </a:lnTo>
                  <a:lnTo>
                    <a:pt x="294132" y="3048"/>
                  </a:lnTo>
                  <a:lnTo>
                    <a:pt x="298704" y="3048"/>
                  </a:lnTo>
                  <a:lnTo>
                    <a:pt x="298704" y="0"/>
                  </a:lnTo>
                  <a:close/>
                </a:path>
                <a:path w="8920480" h="562610">
                  <a:moveTo>
                    <a:pt x="304800" y="0"/>
                  </a:moveTo>
                  <a:lnTo>
                    <a:pt x="301752" y="0"/>
                  </a:lnTo>
                  <a:lnTo>
                    <a:pt x="301752" y="3048"/>
                  </a:lnTo>
                  <a:lnTo>
                    <a:pt x="304800" y="3048"/>
                  </a:lnTo>
                  <a:lnTo>
                    <a:pt x="304800" y="0"/>
                  </a:lnTo>
                  <a:close/>
                </a:path>
                <a:path w="8920480" h="562610">
                  <a:moveTo>
                    <a:pt x="312420" y="0"/>
                  </a:moveTo>
                  <a:lnTo>
                    <a:pt x="307848" y="0"/>
                  </a:lnTo>
                  <a:lnTo>
                    <a:pt x="307848" y="3048"/>
                  </a:lnTo>
                  <a:lnTo>
                    <a:pt x="312420" y="3048"/>
                  </a:lnTo>
                  <a:lnTo>
                    <a:pt x="312420" y="0"/>
                  </a:lnTo>
                  <a:close/>
                </a:path>
                <a:path w="8920480" h="562610">
                  <a:moveTo>
                    <a:pt x="318516" y="0"/>
                  </a:moveTo>
                  <a:lnTo>
                    <a:pt x="315468" y="0"/>
                  </a:lnTo>
                  <a:lnTo>
                    <a:pt x="315468" y="3048"/>
                  </a:lnTo>
                  <a:lnTo>
                    <a:pt x="318516" y="3048"/>
                  </a:lnTo>
                  <a:lnTo>
                    <a:pt x="318516" y="0"/>
                  </a:lnTo>
                  <a:close/>
                </a:path>
                <a:path w="8920480" h="562610">
                  <a:moveTo>
                    <a:pt x="326136" y="0"/>
                  </a:moveTo>
                  <a:lnTo>
                    <a:pt x="321564" y="0"/>
                  </a:lnTo>
                  <a:lnTo>
                    <a:pt x="321564" y="3048"/>
                  </a:lnTo>
                  <a:lnTo>
                    <a:pt x="326136" y="3048"/>
                  </a:lnTo>
                  <a:lnTo>
                    <a:pt x="326136" y="0"/>
                  </a:lnTo>
                  <a:close/>
                </a:path>
                <a:path w="8920480" h="562610">
                  <a:moveTo>
                    <a:pt x="8769096" y="557784"/>
                  </a:moveTo>
                  <a:lnTo>
                    <a:pt x="8766048" y="557784"/>
                  </a:lnTo>
                  <a:lnTo>
                    <a:pt x="8766048" y="562356"/>
                  </a:lnTo>
                  <a:lnTo>
                    <a:pt x="8769096" y="562356"/>
                  </a:lnTo>
                  <a:lnTo>
                    <a:pt x="8769096" y="557784"/>
                  </a:lnTo>
                  <a:close/>
                </a:path>
                <a:path w="8920480" h="562610">
                  <a:moveTo>
                    <a:pt x="8776716" y="557784"/>
                  </a:moveTo>
                  <a:lnTo>
                    <a:pt x="8772144" y="557784"/>
                  </a:lnTo>
                  <a:lnTo>
                    <a:pt x="8772144" y="562356"/>
                  </a:lnTo>
                  <a:lnTo>
                    <a:pt x="8776716" y="562356"/>
                  </a:lnTo>
                  <a:lnTo>
                    <a:pt x="8776716" y="557784"/>
                  </a:lnTo>
                  <a:close/>
                </a:path>
                <a:path w="8920480" h="562610">
                  <a:moveTo>
                    <a:pt x="8782812" y="557784"/>
                  </a:moveTo>
                  <a:lnTo>
                    <a:pt x="8779764" y="557784"/>
                  </a:lnTo>
                  <a:lnTo>
                    <a:pt x="8779764" y="562356"/>
                  </a:lnTo>
                  <a:lnTo>
                    <a:pt x="8782812" y="562356"/>
                  </a:lnTo>
                  <a:lnTo>
                    <a:pt x="8782812" y="557784"/>
                  </a:lnTo>
                  <a:close/>
                </a:path>
                <a:path w="8920480" h="562610">
                  <a:moveTo>
                    <a:pt x="8790432" y="557784"/>
                  </a:moveTo>
                  <a:lnTo>
                    <a:pt x="8785860" y="557784"/>
                  </a:lnTo>
                  <a:lnTo>
                    <a:pt x="8785860" y="562356"/>
                  </a:lnTo>
                  <a:lnTo>
                    <a:pt x="8790432" y="562356"/>
                  </a:lnTo>
                  <a:lnTo>
                    <a:pt x="8790432" y="557784"/>
                  </a:lnTo>
                  <a:close/>
                </a:path>
                <a:path w="8920480" h="562610">
                  <a:moveTo>
                    <a:pt x="8796528" y="557784"/>
                  </a:moveTo>
                  <a:lnTo>
                    <a:pt x="8793480" y="557784"/>
                  </a:lnTo>
                  <a:lnTo>
                    <a:pt x="8793480" y="562356"/>
                  </a:lnTo>
                  <a:lnTo>
                    <a:pt x="8796528" y="562356"/>
                  </a:lnTo>
                  <a:lnTo>
                    <a:pt x="8796528" y="557784"/>
                  </a:lnTo>
                  <a:close/>
                </a:path>
                <a:path w="8920480" h="562610">
                  <a:moveTo>
                    <a:pt x="8804148" y="557784"/>
                  </a:moveTo>
                  <a:lnTo>
                    <a:pt x="8799576" y="557784"/>
                  </a:lnTo>
                  <a:lnTo>
                    <a:pt x="8799576" y="562356"/>
                  </a:lnTo>
                  <a:lnTo>
                    <a:pt x="8804148" y="562356"/>
                  </a:lnTo>
                  <a:lnTo>
                    <a:pt x="8804148" y="557784"/>
                  </a:lnTo>
                  <a:close/>
                </a:path>
                <a:path w="8920480" h="562610">
                  <a:moveTo>
                    <a:pt x="8810244" y="557784"/>
                  </a:moveTo>
                  <a:lnTo>
                    <a:pt x="8807196" y="557784"/>
                  </a:lnTo>
                  <a:lnTo>
                    <a:pt x="8807196" y="562356"/>
                  </a:lnTo>
                  <a:lnTo>
                    <a:pt x="8810244" y="562356"/>
                  </a:lnTo>
                  <a:lnTo>
                    <a:pt x="8810244" y="557784"/>
                  </a:lnTo>
                  <a:close/>
                </a:path>
                <a:path w="8920480" h="562610">
                  <a:moveTo>
                    <a:pt x="8817864" y="557784"/>
                  </a:moveTo>
                  <a:lnTo>
                    <a:pt x="8813292" y="557784"/>
                  </a:lnTo>
                  <a:lnTo>
                    <a:pt x="8813292" y="562356"/>
                  </a:lnTo>
                  <a:lnTo>
                    <a:pt x="8817864" y="562356"/>
                  </a:lnTo>
                  <a:lnTo>
                    <a:pt x="8817864" y="557784"/>
                  </a:lnTo>
                  <a:close/>
                </a:path>
                <a:path w="8920480" h="562610">
                  <a:moveTo>
                    <a:pt x="8823960" y="557784"/>
                  </a:moveTo>
                  <a:lnTo>
                    <a:pt x="8820912" y="557784"/>
                  </a:lnTo>
                  <a:lnTo>
                    <a:pt x="8820912" y="562356"/>
                  </a:lnTo>
                  <a:lnTo>
                    <a:pt x="8823960" y="562356"/>
                  </a:lnTo>
                  <a:lnTo>
                    <a:pt x="8823960" y="557784"/>
                  </a:lnTo>
                  <a:close/>
                </a:path>
                <a:path w="8920480" h="562610">
                  <a:moveTo>
                    <a:pt x="8831580" y="557784"/>
                  </a:moveTo>
                  <a:lnTo>
                    <a:pt x="8827008" y="557784"/>
                  </a:lnTo>
                  <a:lnTo>
                    <a:pt x="8827008" y="562356"/>
                  </a:lnTo>
                  <a:lnTo>
                    <a:pt x="8831580" y="562356"/>
                  </a:lnTo>
                  <a:lnTo>
                    <a:pt x="8831580" y="557784"/>
                  </a:lnTo>
                  <a:close/>
                </a:path>
                <a:path w="8920480" h="562610">
                  <a:moveTo>
                    <a:pt x="8837676" y="557784"/>
                  </a:moveTo>
                  <a:lnTo>
                    <a:pt x="8834628" y="557784"/>
                  </a:lnTo>
                  <a:lnTo>
                    <a:pt x="8834628" y="562356"/>
                  </a:lnTo>
                  <a:lnTo>
                    <a:pt x="8837676" y="562356"/>
                  </a:lnTo>
                  <a:lnTo>
                    <a:pt x="8837676" y="557784"/>
                  </a:lnTo>
                  <a:close/>
                </a:path>
                <a:path w="8920480" h="562610">
                  <a:moveTo>
                    <a:pt x="8845296" y="557784"/>
                  </a:moveTo>
                  <a:lnTo>
                    <a:pt x="8840724" y="557784"/>
                  </a:lnTo>
                  <a:lnTo>
                    <a:pt x="8840724" y="562356"/>
                  </a:lnTo>
                  <a:lnTo>
                    <a:pt x="8845296" y="562356"/>
                  </a:lnTo>
                  <a:lnTo>
                    <a:pt x="8845296" y="557784"/>
                  </a:lnTo>
                  <a:close/>
                </a:path>
                <a:path w="8920480" h="562610">
                  <a:moveTo>
                    <a:pt x="8851392" y="557784"/>
                  </a:moveTo>
                  <a:lnTo>
                    <a:pt x="8848344" y="557784"/>
                  </a:lnTo>
                  <a:lnTo>
                    <a:pt x="8848344" y="562356"/>
                  </a:lnTo>
                  <a:lnTo>
                    <a:pt x="8851392" y="562356"/>
                  </a:lnTo>
                  <a:lnTo>
                    <a:pt x="8851392" y="557784"/>
                  </a:lnTo>
                  <a:close/>
                </a:path>
                <a:path w="8920480" h="562610">
                  <a:moveTo>
                    <a:pt x="8859012" y="557784"/>
                  </a:moveTo>
                  <a:lnTo>
                    <a:pt x="8854440" y="557784"/>
                  </a:lnTo>
                  <a:lnTo>
                    <a:pt x="8854440" y="562356"/>
                  </a:lnTo>
                  <a:lnTo>
                    <a:pt x="8859012" y="562356"/>
                  </a:lnTo>
                  <a:lnTo>
                    <a:pt x="8859012" y="557784"/>
                  </a:lnTo>
                  <a:close/>
                </a:path>
                <a:path w="8920480" h="562610">
                  <a:moveTo>
                    <a:pt x="8865108" y="557784"/>
                  </a:moveTo>
                  <a:lnTo>
                    <a:pt x="8862060" y="557784"/>
                  </a:lnTo>
                  <a:lnTo>
                    <a:pt x="8862060" y="562356"/>
                  </a:lnTo>
                  <a:lnTo>
                    <a:pt x="8865108" y="562356"/>
                  </a:lnTo>
                  <a:lnTo>
                    <a:pt x="8865108" y="557784"/>
                  </a:lnTo>
                  <a:close/>
                </a:path>
                <a:path w="8920480" h="562610">
                  <a:moveTo>
                    <a:pt x="8872728" y="557784"/>
                  </a:moveTo>
                  <a:lnTo>
                    <a:pt x="8868156" y="557784"/>
                  </a:lnTo>
                  <a:lnTo>
                    <a:pt x="8868156" y="562356"/>
                  </a:lnTo>
                  <a:lnTo>
                    <a:pt x="8872728" y="562356"/>
                  </a:lnTo>
                  <a:lnTo>
                    <a:pt x="8872728" y="557784"/>
                  </a:lnTo>
                  <a:close/>
                </a:path>
                <a:path w="8920480" h="562610">
                  <a:moveTo>
                    <a:pt x="8878824" y="557784"/>
                  </a:moveTo>
                  <a:lnTo>
                    <a:pt x="8875776" y="557784"/>
                  </a:lnTo>
                  <a:lnTo>
                    <a:pt x="8875776" y="562356"/>
                  </a:lnTo>
                  <a:lnTo>
                    <a:pt x="8878824" y="562356"/>
                  </a:lnTo>
                  <a:lnTo>
                    <a:pt x="8878824" y="557784"/>
                  </a:lnTo>
                  <a:close/>
                </a:path>
                <a:path w="8920480" h="562610">
                  <a:moveTo>
                    <a:pt x="8886444" y="557784"/>
                  </a:moveTo>
                  <a:lnTo>
                    <a:pt x="8881872" y="557784"/>
                  </a:lnTo>
                  <a:lnTo>
                    <a:pt x="8881872" y="562356"/>
                  </a:lnTo>
                  <a:lnTo>
                    <a:pt x="8886444" y="562356"/>
                  </a:lnTo>
                  <a:lnTo>
                    <a:pt x="8886444" y="557784"/>
                  </a:lnTo>
                  <a:close/>
                </a:path>
                <a:path w="8920480" h="562610">
                  <a:moveTo>
                    <a:pt x="8892540" y="557784"/>
                  </a:moveTo>
                  <a:lnTo>
                    <a:pt x="8889492" y="557784"/>
                  </a:lnTo>
                  <a:lnTo>
                    <a:pt x="8889492" y="562356"/>
                  </a:lnTo>
                  <a:lnTo>
                    <a:pt x="8892540" y="562356"/>
                  </a:lnTo>
                  <a:lnTo>
                    <a:pt x="8892540" y="557784"/>
                  </a:lnTo>
                  <a:close/>
                </a:path>
                <a:path w="8920480" h="562610">
                  <a:moveTo>
                    <a:pt x="8900160" y="557784"/>
                  </a:moveTo>
                  <a:lnTo>
                    <a:pt x="8895588" y="557784"/>
                  </a:lnTo>
                  <a:lnTo>
                    <a:pt x="8895588" y="562356"/>
                  </a:lnTo>
                  <a:lnTo>
                    <a:pt x="8900160" y="562356"/>
                  </a:lnTo>
                  <a:lnTo>
                    <a:pt x="8900160" y="557784"/>
                  </a:lnTo>
                  <a:close/>
                </a:path>
                <a:path w="8920480" h="562610">
                  <a:moveTo>
                    <a:pt x="8906256" y="557784"/>
                  </a:moveTo>
                  <a:lnTo>
                    <a:pt x="8903208" y="557784"/>
                  </a:lnTo>
                  <a:lnTo>
                    <a:pt x="8903208" y="562356"/>
                  </a:lnTo>
                  <a:lnTo>
                    <a:pt x="8906256" y="562356"/>
                  </a:lnTo>
                  <a:lnTo>
                    <a:pt x="8906256" y="557784"/>
                  </a:lnTo>
                  <a:close/>
                </a:path>
                <a:path w="8920480" h="562610">
                  <a:moveTo>
                    <a:pt x="8913876" y="557784"/>
                  </a:moveTo>
                  <a:lnTo>
                    <a:pt x="8909304" y="557784"/>
                  </a:lnTo>
                  <a:lnTo>
                    <a:pt x="8909304" y="562356"/>
                  </a:lnTo>
                  <a:lnTo>
                    <a:pt x="8913876" y="562356"/>
                  </a:lnTo>
                  <a:lnTo>
                    <a:pt x="8913876" y="557784"/>
                  </a:lnTo>
                  <a:close/>
                </a:path>
                <a:path w="8920480" h="562610">
                  <a:moveTo>
                    <a:pt x="8919972" y="557784"/>
                  </a:moveTo>
                  <a:lnTo>
                    <a:pt x="8916924" y="557784"/>
                  </a:lnTo>
                  <a:lnTo>
                    <a:pt x="8916924" y="562356"/>
                  </a:lnTo>
                  <a:lnTo>
                    <a:pt x="8919972" y="562356"/>
                  </a:lnTo>
                  <a:lnTo>
                    <a:pt x="8919972" y="557784"/>
                  </a:lnTo>
                  <a:close/>
                </a:path>
              </a:pathLst>
            </a:custGeom>
            <a:solidFill>
              <a:srgbClr val="D8D8D8"/>
            </a:solidFill>
          </p:spPr>
          <p:txBody>
            <a:bodyPr wrap="square" lIns="0" tIns="0" rIns="0" bIns="0" rtlCol="0"/>
            <a:lstStyle/>
            <a:p>
              <a:endParaRPr sz="1539"/>
            </a:p>
          </p:txBody>
        </p:sp>
        <p:sp>
          <p:nvSpPr>
            <p:cNvPr id="153" name="object 153"/>
            <p:cNvSpPr/>
            <p:nvPr/>
          </p:nvSpPr>
          <p:spPr>
            <a:xfrm>
              <a:off x="1406652" y="1168907"/>
              <a:ext cx="483234" cy="3175"/>
            </a:xfrm>
            <a:custGeom>
              <a:avLst/>
              <a:gdLst/>
              <a:ahLst/>
              <a:cxnLst/>
              <a:rect l="l" t="t" r="r" b="b"/>
              <a:pathLst>
                <a:path w="483235" h="3175">
                  <a:moveTo>
                    <a:pt x="4572" y="0"/>
                  </a:moveTo>
                  <a:lnTo>
                    <a:pt x="0" y="0"/>
                  </a:lnTo>
                  <a:lnTo>
                    <a:pt x="0" y="3048"/>
                  </a:lnTo>
                  <a:lnTo>
                    <a:pt x="4572" y="3048"/>
                  </a:lnTo>
                  <a:lnTo>
                    <a:pt x="4572" y="0"/>
                  </a:lnTo>
                  <a:close/>
                </a:path>
                <a:path w="483235" h="3175">
                  <a:moveTo>
                    <a:pt x="10668" y="0"/>
                  </a:moveTo>
                  <a:lnTo>
                    <a:pt x="7620" y="0"/>
                  </a:lnTo>
                  <a:lnTo>
                    <a:pt x="7620" y="3048"/>
                  </a:lnTo>
                  <a:lnTo>
                    <a:pt x="10668" y="3048"/>
                  </a:lnTo>
                  <a:lnTo>
                    <a:pt x="10668" y="0"/>
                  </a:lnTo>
                  <a:close/>
                </a:path>
                <a:path w="483235" h="3175">
                  <a:moveTo>
                    <a:pt x="18288" y="0"/>
                  </a:moveTo>
                  <a:lnTo>
                    <a:pt x="13716" y="0"/>
                  </a:lnTo>
                  <a:lnTo>
                    <a:pt x="13716" y="3048"/>
                  </a:lnTo>
                  <a:lnTo>
                    <a:pt x="18288" y="3048"/>
                  </a:lnTo>
                  <a:lnTo>
                    <a:pt x="18288" y="0"/>
                  </a:lnTo>
                  <a:close/>
                </a:path>
                <a:path w="483235" h="3175">
                  <a:moveTo>
                    <a:pt x="24384" y="0"/>
                  </a:moveTo>
                  <a:lnTo>
                    <a:pt x="21336" y="0"/>
                  </a:lnTo>
                  <a:lnTo>
                    <a:pt x="21336" y="3048"/>
                  </a:lnTo>
                  <a:lnTo>
                    <a:pt x="24384" y="3048"/>
                  </a:lnTo>
                  <a:lnTo>
                    <a:pt x="24384" y="0"/>
                  </a:lnTo>
                  <a:close/>
                </a:path>
                <a:path w="483235" h="3175">
                  <a:moveTo>
                    <a:pt x="32004" y="0"/>
                  </a:moveTo>
                  <a:lnTo>
                    <a:pt x="27432" y="0"/>
                  </a:lnTo>
                  <a:lnTo>
                    <a:pt x="27432" y="3048"/>
                  </a:lnTo>
                  <a:lnTo>
                    <a:pt x="32004" y="3048"/>
                  </a:lnTo>
                  <a:lnTo>
                    <a:pt x="32004" y="0"/>
                  </a:lnTo>
                  <a:close/>
                </a:path>
                <a:path w="483235" h="3175">
                  <a:moveTo>
                    <a:pt x="38100" y="0"/>
                  </a:moveTo>
                  <a:lnTo>
                    <a:pt x="35052" y="0"/>
                  </a:lnTo>
                  <a:lnTo>
                    <a:pt x="35052" y="3048"/>
                  </a:lnTo>
                  <a:lnTo>
                    <a:pt x="38100" y="3048"/>
                  </a:lnTo>
                  <a:lnTo>
                    <a:pt x="38100" y="0"/>
                  </a:lnTo>
                  <a:close/>
                </a:path>
                <a:path w="483235" h="3175">
                  <a:moveTo>
                    <a:pt x="45720" y="0"/>
                  </a:moveTo>
                  <a:lnTo>
                    <a:pt x="41148" y="0"/>
                  </a:lnTo>
                  <a:lnTo>
                    <a:pt x="41148" y="3048"/>
                  </a:lnTo>
                  <a:lnTo>
                    <a:pt x="45720" y="3048"/>
                  </a:lnTo>
                  <a:lnTo>
                    <a:pt x="45720" y="0"/>
                  </a:lnTo>
                  <a:close/>
                </a:path>
                <a:path w="483235" h="3175">
                  <a:moveTo>
                    <a:pt x="51816" y="0"/>
                  </a:moveTo>
                  <a:lnTo>
                    <a:pt x="48768" y="0"/>
                  </a:lnTo>
                  <a:lnTo>
                    <a:pt x="48768" y="3048"/>
                  </a:lnTo>
                  <a:lnTo>
                    <a:pt x="51816" y="3048"/>
                  </a:lnTo>
                  <a:lnTo>
                    <a:pt x="51816" y="0"/>
                  </a:lnTo>
                  <a:close/>
                </a:path>
                <a:path w="483235" h="3175">
                  <a:moveTo>
                    <a:pt x="59436" y="0"/>
                  </a:moveTo>
                  <a:lnTo>
                    <a:pt x="54864" y="0"/>
                  </a:lnTo>
                  <a:lnTo>
                    <a:pt x="54864" y="3048"/>
                  </a:lnTo>
                  <a:lnTo>
                    <a:pt x="59436" y="3048"/>
                  </a:lnTo>
                  <a:lnTo>
                    <a:pt x="59436" y="0"/>
                  </a:lnTo>
                  <a:close/>
                </a:path>
                <a:path w="483235" h="3175">
                  <a:moveTo>
                    <a:pt x="65532" y="0"/>
                  </a:moveTo>
                  <a:lnTo>
                    <a:pt x="62484" y="0"/>
                  </a:lnTo>
                  <a:lnTo>
                    <a:pt x="62484" y="3048"/>
                  </a:lnTo>
                  <a:lnTo>
                    <a:pt x="65532" y="3048"/>
                  </a:lnTo>
                  <a:lnTo>
                    <a:pt x="65532" y="0"/>
                  </a:lnTo>
                  <a:close/>
                </a:path>
                <a:path w="483235" h="3175">
                  <a:moveTo>
                    <a:pt x="73152" y="0"/>
                  </a:moveTo>
                  <a:lnTo>
                    <a:pt x="68580" y="0"/>
                  </a:lnTo>
                  <a:lnTo>
                    <a:pt x="68580" y="3048"/>
                  </a:lnTo>
                  <a:lnTo>
                    <a:pt x="73152" y="3048"/>
                  </a:lnTo>
                  <a:lnTo>
                    <a:pt x="73152" y="0"/>
                  </a:lnTo>
                  <a:close/>
                </a:path>
                <a:path w="483235" h="3175">
                  <a:moveTo>
                    <a:pt x="79248" y="0"/>
                  </a:moveTo>
                  <a:lnTo>
                    <a:pt x="76200" y="0"/>
                  </a:lnTo>
                  <a:lnTo>
                    <a:pt x="76200" y="3048"/>
                  </a:lnTo>
                  <a:lnTo>
                    <a:pt x="79248" y="3048"/>
                  </a:lnTo>
                  <a:lnTo>
                    <a:pt x="79248" y="0"/>
                  </a:lnTo>
                  <a:close/>
                </a:path>
                <a:path w="483235" h="3175">
                  <a:moveTo>
                    <a:pt x="86868" y="0"/>
                  </a:moveTo>
                  <a:lnTo>
                    <a:pt x="82296" y="0"/>
                  </a:lnTo>
                  <a:lnTo>
                    <a:pt x="82296" y="3048"/>
                  </a:lnTo>
                  <a:lnTo>
                    <a:pt x="86868" y="3048"/>
                  </a:lnTo>
                  <a:lnTo>
                    <a:pt x="86868" y="0"/>
                  </a:lnTo>
                  <a:close/>
                </a:path>
                <a:path w="483235" h="3175">
                  <a:moveTo>
                    <a:pt x="92964" y="0"/>
                  </a:moveTo>
                  <a:lnTo>
                    <a:pt x="89916" y="0"/>
                  </a:lnTo>
                  <a:lnTo>
                    <a:pt x="89916" y="3048"/>
                  </a:lnTo>
                  <a:lnTo>
                    <a:pt x="92964" y="3048"/>
                  </a:lnTo>
                  <a:lnTo>
                    <a:pt x="92964" y="0"/>
                  </a:lnTo>
                  <a:close/>
                </a:path>
                <a:path w="483235" h="3175">
                  <a:moveTo>
                    <a:pt x="100584" y="0"/>
                  </a:moveTo>
                  <a:lnTo>
                    <a:pt x="96012" y="0"/>
                  </a:lnTo>
                  <a:lnTo>
                    <a:pt x="96012" y="3048"/>
                  </a:lnTo>
                  <a:lnTo>
                    <a:pt x="100584" y="3048"/>
                  </a:lnTo>
                  <a:lnTo>
                    <a:pt x="100584" y="0"/>
                  </a:lnTo>
                  <a:close/>
                </a:path>
                <a:path w="483235" h="3175">
                  <a:moveTo>
                    <a:pt x="106680" y="0"/>
                  </a:moveTo>
                  <a:lnTo>
                    <a:pt x="103632" y="0"/>
                  </a:lnTo>
                  <a:lnTo>
                    <a:pt x="103632" y="3048"/>
                  </a:lnTo>
                  <a:lnTo>
                    <a:pt x="106680" y="3048"/>
                  </a:lnTo>
                  <a:lnTo>
                    <a:pt x="106680" y="0"/>
                  </a:lnTo>
                  <a:close/>
                </a:path>
                <a:path w="483235" h="3175">
                  <a:moveTo>
                    <a:pt x="114300" y="0"/>
                  </a:moveTo>
                  <a:lnTo>
                    <a:pt x="109728" y="0"/>
                  </a:lnTo>
                  <a:lnTo>
                    <a:pt x="109728" y="3048"/>
                  </a:lnTo>
                  <a:lnTo>
                    <a:pt x="114300" y="3048"/>
                  </a:lnTo>
                  <a:lnTo>
                    <a:pt x="114300" y="0"/>
                  </a:lnTo>
                  <a:close/>
                </a:path>
                <a:path w="483235" h="3175">
                  <a:moveTo>
                    <a:pt x="120396" y="0"/>
                  </a:moveTo>
                  <a:lnTo>
                    <a:pt x="117348" y="0"/>
                  </a:lnTo>
                  <a:lnTo>
                    <a:pt x="117348" y="3048"/>
                  </a:lnTo>
                  <a:lnTo>
                    <a:pt x="120396" y="3048"/>
                  </a:lnTo>
                  <a:lnTo>
                    <a:pt x="120396" y="0"/>
                  </a:lnTo>
                  <a:close/>
                </a:path>
                <a:path w="483235" h="3175">
                  <a:moveTo>
                    <a:pt x="128016" y="0"/>
                  </a:moveTo>
                  <a:lnTo>
                    <a:pt x="123444" y="0"/>
                  </a:lnTo>
                  <a:lnTo>
                    <a:pt x="123444" y="3048"/>
                  </a:lnTo>
                  <a:lnTo>
                    <a:pt x="128016" y="3048"/>
                  </a:lnTo>
                  <a:lnTo>
                    <a:pt x="128016" y="0"/>
                  </a:lnTo>
                  <a:close/>
                </a:path>
                <a:path w="483235" h="3175">
                  <a:moveTo>
                    <a:pt x="134112" y="0"/>
                  </a:moveTo>
                  <a:lnTo>
                    <a:pt x="131064" y="0"/>
                  </a:lnTo>
                  <a:lnTo>
                    <a:pt x="131064" y="3048"/>
                  </a:lnTo>
                  <a:lnTo>
                    <a:pt x="134112" y="3048"/>
                  </a:lnTo>
                  <a:lnTo>
                    <a:pt x="134112" y="0"/>
                  </a:lnTo>
                  <a:close/>
                </a:path>
                <a:path w="483235" h="3175">
                  <a:moveTo>
                    <a:pt x="141732" y="0"/>
                  </a:moveTo>
                  <a:lnTo>
                    <a:pt x="137160" y="0"/>
                  </a:lnTo>
                  <a:lnTo>
                    <a:pt x="137160" y="3048"/>
                  </a:lnTo>
                  <a:lnTo>
                    <a:pt x="141732" y="3048"/>
                  </a:lnTo>
                  <a:lnTo>
                    <a:pt x="141732" y="0"/>
                  </a:lnTo>
                  <a:close/>
                </a:path>
                <a:path w="483235" h="3175">
                  <a:moveTo>
                    <a:pt x="147828" y="0"/>
                  </a:moveTo>
                  <a:lnTo>
                    <a:pt x="144780" y="0"/>
                  </a:lnTo>
                  <a:lnTo>
                    <a:pt x="144780" y="3048"/>
                  </a:lnTo>
                  <a:lnTo>
                    <a:pt x="147828" y="3048"/>
                  </a:lnTo>
                  <a:lnTo>
                    <a:pt x="147828" y="0"/>
                  </a:lnTo>
                  <a:close/>
                </a:path>
                <a:path w="483235" h="3175">
                  <a:moveTo>
                    <a:pt x="155448" y="0"/>
                  </a:moveTo>
                  <a:lnTo>
                    <a:pt x="150876" y="0"/>
                  </a:lnTo>
                  <a:lnTo>
                    <a:pt x="150876" y="3048"/>
                  </a:lnTo>
                  <a:lnTo>
                    <a:pt x="155448" y="3048"/>
                  </a:lnTo>
                  <a:lnTo>
                    <a:pt x="155448" y="0"/>
                  </a:lnTo>
                  <a:close/>
                </a:path>
                <a:path w="483235" h="3175">
                  <a:moveTo>
                    <a:pt x="161544" y="0"/>
                  </a:moveTo>
                  <a:lnTo>
                    <a:pt x="158496" y="0"/>
                  </a:lnTo>
                  <a:lnTo>
                    <a:pt x="158496" y="3048"/>
                  </a:lnTo>
                  <a:lnTo>
                    <a:pt x="161544" y="3048"/>
                  </a:lnTo>
                  <a:lnTo>
                    <a:pt x="161544" y="0"/>
                  </a:lnTo>
                  <a:close/>
                </a:path>
                <a:path w="483235" h="3175">
                  <a:moveTo>
                    <a:pt x="169164" y="0"/>
                  </a:moveTo>
                  <a:lnTo>
                    <a:pt x="164592" y="0"/>
                  </a:lnTo>
                  <a:lnTo>
                    <a:pt x="164592" y="3048"/>
                  </a:lnTo>
                  <a:lnTo>
                    <a:pt x="169164" y="3048"/>
                  </a:lnTo>
                  <a:lnTo>
                    <a:pt x="169164" y="0"/>
                  </a:lnTo>
                  <a:close/>
                </a:path>
                <a:path w="483235" h="3175">
                  <a:moveTo>
                    <a:pt x="175260" y="0"/>
                  </a:moveTo>
                  <a:lnTo>
                    <a:pt x="172212" y="0"/>
                  </a:lnTo>
                  <a:lnTo>
                    <a:pt x="172212" y="3048"/>
                  </a:lnTo>
                  <a:lnTo>
                    <a:pt x="175260" y="3048"/>
                  </a:lnTo>
                  <a:lnTo>
                    <a:pt x="175260" y="0"/>
                  </a:lnTo>
                  <a:close/>
                </a:path>
                <a:path w="483235" h="3175">
                  <a:moveTo>
                    <a:pt x="182880" y="0"/>
                  </a:moveTo>
                  <a:lnTo>
                    <a:pt x="178308" y="0"/>
                  </a:lnTo>
                  <a:lnTo>
                    <a:pt x="178308" y="3048"/>
                  </a:lnTo>
                  <a:lnTo>
                    <a:pt x="182880" y="3048"/>
                  </a:lnTo>
                  <a:lnTo>
                    <a:pt x="182880" y="0"/>
                  </a:lnTo>
                  <a:close/>
                </a:path>
                <a:path w="483235" h="3175">
                  <a:moveTo>
                    <a:pt x="188976" y="0"/>
                  </a:moveTo>
                  <a:lnTo>
                    <a:pt x="185928" y="0"/>
                  </a:lnTo>
                  <a:lnTo>
                    <a:pt x="185928" y="3048"/>
                  </a:lnTo>
                  <a:lnTo>
                    <a:pt x="188976" y="3048"/>
                  </a:lnTo>
                  <a:lnTo>
                    <a:pt x="188976" y="0"/>
                  </a:lnTo>
                  <a:close/>
                </a:path>
                <a:path w="483235" h="3175">
                  <a:moveTo>
                    <a:pt x="196596" y="0"/>
                  </a:moveTo>
                  <a:lnTo>
                    <a:pt x="192024" y="0"/>
                  </a:lnTo>
                  <a:lnTo>
                    <a:pt x="192024" y="3048"/>
                  </a:lnTo>
                  <a:lnTo>
                    <a:pt x="196596" y="3048"/>
                  </a:lnTo>
                  <a:lnTo>
                    <a:pt x="196596" y="0"/>
                  </a:lnTo>
                  <a:close/>
                </a:path>
                <a:path w="483235" h="3175">
                  <a:moveTo>
                    <a:pt x="202692" y="0"/>
                  </a:moveTo>
                  <a:lnTo>
                    <a:pt x="199644" y="0"/>
                  </a:lnTo>
                  <a:lnTo>
                    <a:pt x="199644" y="3048"/>
                  </a:lnTo>
                  <a:lnTo>
                    <a:pt x="202692" y="3048"/>
                  </a:lnTo>
                  <a:lnTo>
                    <a:pt x="202692" y="0"/>
                  </a:lnTo>
                  <a:close/>
                </a:path>
                <a:path w="483235" h="3175">
                  <a:moveTo>
                    <a:pt x="210312" y="0"/>
                  </a:moveTo>
                  <a:lnTo>
                    <a:pt x="205740" y="0"/>
                  </a:lnTo>
                  <a:lnTo>
                    <a:pt x="205740" y="3048"/>
                  </a:lnTo>
                  <a:lnTo>
                    <a:pt x="210312" y="3048"/>
                  </a:lnTo>
                  <a:lnTo>
                    <a:pt x="210312" y="0"/>
                  </a:lnTo>
                  <a:close/>
                </a:path>
                <a:path w="483235" h="3175">
                  <a:moveTo>
                    <a:pt x="216408" y="0"/>
                  </a:moveTo>
                  <a:lnTo>
                    <a:pt x="213360" y="0"/>
                  </a:lnTo>
                  <a:lnTo>
                    <a:pt x="213360" y="3048"/>
                  </a:lnTo>
                  <a:lnTo>
                    <a:pt x="216408" y="3048"/>
                  </a:lnTo>
                  <a:lnTo>
                    <a:pt x="216408" y="0"/>
                  </a:lnTo>
                  <a:close/>
                </a:path>
                <a:path w="483235" h="3175">
                  <a:moveTo>
                    <a:pt x="224028" y="0"/>
                  </a:moveTo>
                  <a:lnTo>
                    <a:pt x="219443" y="0"/>
                  </a:lnTo>
                  <a:lnTo>
                    <a:pt x="219443" y="3048"/>
                  </a:lnTo>
                  <a:lnTo>
                    <a:pt x="224028" y="3048"/>
                  </a:lnTo>
                  <a:lnTo>
                    <a:pt x="224028" y="0"/>
                  </a:lnTo>
                  <a:close/>
                </a:path>
                <a:path w="483235" h="3175">
                  <a:moveTo>
                    <a:pt x="230124" y="0"/>
                  </a:moveTo>
                  <a:lnTo>
                    <a:pt x="227063" y="0"/>
                  </a:lnTo>
                  <a:lnTo>
                    <a:pt x="227063" y="3048"/>
                  </a:lnTo>
                  <a:lnTo>
                    <a:pt x="230124" y="3048"/>
                  </a:lnTo>
                  <a:lnTo>
                    <a:pt x="230124" y="0"/>
                  </a:lnTo>
                  <a:close/>
                </a:path>
                <a:path w="483235" h="3175">
                  <a:moveTo>
                    <a:pt x="237731" y="0"/>
                  </a:moveTo>
                  <a:lnTo>
                    <a:pt x="233172" y="0"/>
                  </a:lnTo>
                  <a:lnTo>
                    <a:pt x="233172" y="3048"/>
                  </a:lnTo>
                  <a:lnTo>
                    <a:pt x="237731" y="3048"/>
                  </a:lnTo>
                  <a:lnTo>
                    <a:pt x="237731" y="0"/>
                  </a:lnTo>
                  <a:close/>
                </a:path>
                <a:path w="483235" h="3175">
                  <a:moveTo>
                    <a:pt x="243840" y="0"/>
                  </a:moveTo>
                  <a:lnTo>
                    <a:pt x="240792" y="0"/>
                  </a:lnTo>
                  <a:lnTo>
                    <a:pt x="240792" y="3048"/>
                  </a:lnTo>
                  <a:lnTo>
                    <a:pt x="243840" y="3048"/>
                  </a:lnTo>
                  <a:lnTo>
                    <a:pt x="243840" y="0"/>
                  </a:lnTo>
                  <a:close/>
                </a:path>
                <a:path w="483235" h="3175">
                  <a:moveTo>
                    <a:pt x="251460" y="0"/>
                  </a:moveTo>
                  <a:lnTo>
                    <a:pt x="246875" y="0"/>
                  </a:lnTo>
                  <a:lnTo>
                    <a:pt x="246875" y="3048"/>
                  </a:lnTo>
                  <a:lnTo>
                    <a:pt x="251460" y="3048"/>
                  </a:lnTo>
                  <a:lnTo>
                    <a:pt x="251460" y="0"/>
                  </a:lnTo>
                  <a:close/>
                </a:path>
                <a:path w="483235" h="3175">
                  <a:moveTo>
                    <a:pt x="257543" y="0"/>
                  </a:moveTo>
                  <a:lnTo>
                    <a:pt x="254508" y="0"/>
                  </a:lnTo>
                  <a:lnTo>
                    <a:pt x="254508" y="3048"/>
                  </a:lnTo>
                  <a:lnTo>
                    <a:pt x="257543" y="3048"/>
                  </a:lnTo>
                  <a:lnTo>
                    <a:pt x="257543" y="0"/>
                  </a:lnTo>
                  <a:close/>
                </a:path>
                <a:path w="483235" h="3175">
                  <a:moveTo>
                    <a:pt x="265176" y="0"/>
                  </a:moveTo>
                  <a:lnTo>
                    <a:pt x="260604" y="0"/>
                  </a:lnTo>
                  <a:lnTo>
                    <a:pt x="260604" y="3048"/>
                  </a:lnTo>
                  <a:lnTo>
                    <a:pt x="265176" y="3048"/>
                  </a:lnTo>
                  <a:lnTo>
                    <a:pt x="265176" y="0"/>
                  </a:lnTo>
                  <a:close/>
                </a:path>
                <a:path w="483235" h="3175">
                  <a:moveTo>
                    <a:pt x="271272" y="0"/>
                  </a:moveTo>
                  <a:lnTo>
                    <a:pt x="268224" y="0"/>
                  </a:lnTo>
                  <a:lnTo>
                    <a:pt x="268224" y="3048"/>
                  </a:lnTo>
                  <a:lnTo>
                    <a:pt x="271272" y="3048"/>
                  </a:lnTo>
                  <a:lnTo>
                    <a:pt x="271272" y="0"/>
                  </a:lnTo>
                  <a:close/>
                </a:path>
                <a:path w="483235" h="3175">
                  <a:moveTo>
                    <a:pt x="278892" y="0"/>
                  </a:moveTo>
                  <a:lnTo>
                    <a:pt x="274320" y="0"/>
                  </a:lnTo>
                  <a:lnTo>
                    <a:pt x="274320" y="3048"/>
                  </a:lnTo>
                  <a:lnTo>
                    <a:pt x="278892" y="3048"/>
                  </a:lnTo>
                  <a:lnTo>
                    <a:pt x="278892" y="0"/>
                  </a:lnTo>
                  <a:close/>
                </a:path>
                <a:path w="483235" h="3175">
                  <a:moveTo>
                    <a:pt x="284988" y="0"/>
                  </a:moveTo>
                  <a:lnTo>
                    <a:pt x="281940" y="0"/>
                  </a:lnTo>
                  <a:lnTo>
                    <a:pt x="281940"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5656" y="0"/>
                  </a:lnTo>
                  <a:lnTo>
                    <a:pt x="295656"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9372" y="0"/>
                  </a:lnTo>
                  <a:lnTo>
                    <a:pt x="309372"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3088" y="0"/>
                  </a:lnTo>
                  <a:lnTo>
                    <a:pt x="323088"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54" name="object 154"/>
            <p:cNvSpPr/>
            <p:nvPr/>
          </p:nvSpPr>
          <p:spPr>
            <a:xfrm>
              <a:off x="1886712"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8768" y="0"/>
                  </a:lnTo>
                  <a:lnTo>
                    <a:pt x="48768"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2484" y="0"/>
                  </a:lnTo>
                  <a:lnTo>
                    <a:pt x="62484"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6200" y="0"/>
                  </a:lnTo>
                  <a:lnTo>
                    <a:pt x="76200"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9916" y="0"/>
                  </a:lnTo>
                  <a:lnTo>
                    <a:pt x="89916"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3632" y="0"/>
                  </a:lnTo>
                  <a:lnTo>
                    <a:pt x="103632"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7348" y="0"/>
                  </a:lnTo>
                  <a:lnTo>
                    <a:pt x="117348"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31064" y="0"/>
                  </a:lnTo>
                  <a:lnTo>
                    <a:pt x="131064"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4780" y="0"/>
                  </a:lnTo>
                  <a:lnTo>
                    <a:pt x="144780"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8496" y="0"/>
                  </a:lnTo>
                  <a:lnTo>
                    <a:pt x="158496"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2212" y="0"/>
                  </a:lnTo>
                  <a:lnTo>
                    <a:pt x="172212"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5928" y="0"/>
                  </a:lnTo>
                  <a:lnTo>
                    <a:pt x="185928"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9644" y="0"/>
                  </a:lnTo>
                  <a:lnTo>
                    <a:pt x="199644"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3360" y="0"/>
                  </a:lnTo>
                  <a:lnTo>
                    <a:pt x="213360"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7076" y="0"/>
                  </a:lnTo>
                  <a:lnTo>
                    <a:pt x="227076"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40792" y="0"/>
                  </a:lnTo>
                  <a:lnTo>
                    <a:pt x="240792"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4508" y="0"/>
                  </a:lnTo>
                  <a:lnTo>
                    <a:pt x="254508"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8224" y="0"/>
                  </a:lnTo>
                  <a:lnTo>
                    <a:pt x="268224"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1940" y="0"/>
                  </a:lnTo>
                  <a:lnTo>
                    <a:pt x="281940"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5656" y="0"/>
                  </a:lnTo>
                  <a:lnTo>
                    <a:pt x="295656"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9372" y="0"/>
                  </a:lnTo>
                  <a:lnTo>
                    <a:pt x="309372"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3088" y="0"/>
                  </a:lnTo>
                  <a:lnTo>
                    <a:pt x="323088"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1292" y="0"/>
                  </a:lnTo>
                  <a:lnTo>
                    <a:pt x="431292"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5008" y="0"/>
                  </a:lnTo>
                  <a:lnTo>
                    <a:pt x="445008"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58724" y="0"/>
                  </a:lnTo>
                  <a:lnTo>
                    <a:pt x="458724"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55" name="object 155"/>
            <p:cNvSpPr/>
            <p:nvPr/>
          </p:nvSpPr>
          <p:spPr>
            <a:xfrm>
              <a:off x="2366772"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4676" y="0"/>
                  </a:lnTo>
                  <a:lnTo>
                    <a:pt x="74676"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29540" y="0"/>
                  </a:lnTo>
                  <a:lnTo>
                    <a:pt x="129540"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3256" y="0"/>
                  </a:lnTo>
                  <a:lnTo>
                    <a:pt x="143256"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6972" y="0"/>
                  </a:lnTo>
                  <a:lnTo>
                    <a:pt x="156972"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0688" y="0"/>
                  </a:lnTo>
                  <a:lnTo>
                    <a:pt x="170688"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4404" y="0"/>
                  </a:lnTo>
                  <a:lnTo>
                    <a:pt x="184404"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8120" y="0"/>
                  </a:lnTo>
                  <a:lnTo>
                    <a:pt x="198120"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1836" y="0"/>
                  </a:lnTo>
                  <a:lnTo>
                    <a:pt x="211836"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5552" y="0"/>
                  </a:lnTo>
                  <a:lnTo>
                    <a:pt x="225552"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39268" y="0"/>
                  </a:lnTo>
                  <a:lnTo>
                    <a:pt x="239268"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2984" y="0"/>
                  </a:lnTo>
                  <a:lnTo>
                    <a:pt x="252984"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6700" y="0"/>
                  </a:lnTo>
                  <a:lnTo>
                    <a:pt x="266700"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0416" y="0"/>
                  </a:lnTo>
                  <a:lnTo>
                    <a:pt x="280416"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4132" y="0"/>
                  </a:lnTo>
                  <a:lnTo>
                    <a:pt x="294132"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7848" y="0"/>
                  </a:lnTo>
                  <a:lnTo>
                    <a:pt x="307848"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1564" y="0"/>
                  </a:lnTo>
                  <a:lnTo>
                    <a:pt x="321564"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5280" y="0"/>
                  </a:lnTo>
                  <a:lnTo>
                    <a:pt x="335280"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48996" y="0"/>
                  </a:lnTo>
                  <a:lnTo>
                    <a:pt x="348996"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2712" y="0"/>
                  </a:lnTo>
                  <a:lnTo>
                    <a:pt x="362712"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6428" y="0"/>
                  </a:lnTo>
                  <a:lnTo>
                    <a:pt x="376428"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0144" y="0"/>
                  </a:lnTo>
                  <a:lnTo>
                    <a:pt x="390144"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3860" y="0"/>
                  </a:lnTo>
                  <a:lnTo>
                    <a:pt x="403860"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7576" y="0"/>
                  </a:lnTo>
                  <a:lnTo>
                    <a:pt x="417576"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1292" y="0"/>
                  </a:lnTo>
                  <a:lnTo>
                    <a:pt x="431292"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5008" y="0"/>
                  </a:lnTo>
                  <a:lnTo>
                    <a:pt x="445008"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58724" y="0"/>
                  </a:lnTo>
                  <a:lnTo>
                    <a:pt x="458724"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56" name="object 156"/>
            <p:cNvSpPr/>
            <p:nvPr/>
          </p:nvSpPr>
          <p:spPr>
            <a:xfrm>
              <a:off x="2846832"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7724" y="0"/>
                  </a:moveTo>
                  <a:lnTo>
                    <a:pt x="74676" y="0"/>
                  </a:lnTo>
                  <a:lnTo>
                    <a:pt x="74676" y="3048"/>
                  </a:lnTo>
                  <a:lnTo>
                    <a:pt x="77724" y="3048"/>
                  </a:lnTo>
                  <a:lnTo>
                    <a:pt x="77724" y="0"/>
                  </a:lnTo>
                  <a:close/>
                </a:path>
                <a:path w="483235" h="3175">
                  <a:moveTo>
                    <a:pt x="85344" y="0"/>
                  </a:moveTo>
                  <a:lnTo>
                    <a:pt x="82296" y="0"/>
                  </a:lnTo>
                  <a:lnTo>
                    <a:pt x="82296" y="3048"/>
                  </a:lnTo>
                  <a:lnTo>
                    <a:pt x="85344" y="3048"/>
                  </a:lnTo>
                  <a:lnTo>
                    <a:pt x="85344" y="0"/>
                  </a:lnTo>
                  <a:close/>
                </a:path>
                <a:path w="483235" h="3175">
                  <a:moveTo>
                    <a:pt x="91440" y="0"/>
                  </a:moveTo>
                  <a:lnTo>
                    <a:pt x="88392" y="0"/>
                  </a:lnTo>
                  <a:lnTo>
                    <a:pt x="88392" y="3048"/>
                  </a:lnTo>
                  <a:lnTo>
                    <a:pt x="91440" y="3048"/>
                  </a:lnTo>
                  <a:lnTo>
                    <a:pt x="91440" y="0"/>
                  </a:lnTo>
                  <a:close/>
                </a:path>
                <a:path w="483235" h="3175">
                  <a:moveTo>
                    <a:pt x="99060" y="0"/>
                  </a:moveTo>
                  <a:lnTo>
                    <a:pt x="96012" y="0"/>
                  </a:lnTo>
                  <a:lnTo>
                    <a:pt x="96012" y="3048"/>
                  </a:lnTo>
                  <a:lnTo>
                    <a:pt x="99060" y="3048"/>
                  </a:lnTo>
                  <a:lnTo>
                    <a:pt x="99060" y="0"/>
                  </a:lnTo>
                  <a:close/>
                </a:path>
                <a:path w="483235" h="3175">
                  <a:moveTo>
                    <a:pt x="105156" y="0"/>
                  </a:moveTo>
                  <a:lnTo>
                    <a:pt x="102108" y="0"/>
                  </a:lnTo>
                  <a:lnTo>
                    <a:pt x="102108" y="3048"/>
                  </a:lnTo>
                  <a:lnTo>
                    <a:pt x="105156" y="3048"/>
                  </a:lnTo>
                  <a:lnTo>
                    <a:pt x="105156" y="0"/>
                  </a:lnTo>
                  <a:close/>
                </a:path>
                <a:path w="483235" h="3175">
                  <a:moveTo>
                    <a:pt x="112776" y="0"/>
                  </a:moveTo>
                  <a:lnTo>
                    <a:pt x="109728" y="0"/>
                  </a:lnTo>
                  <a:lnTo>
                    <a:pt x="109728" y="3048"/>
                  </a:lnTo>
                  <a:lnTo>
                    <a:pt x="112776" y="3048"/>
                  </a:lnTo>
                  <a:lnTo>
                    <a:pt x="112776" y="0"/>
                  </a:lnTo>
                  <a:close/>
                </a:path>
                <a:path w="483235" h="3175">
                  <a:moveTo>
                    <a:pt x="118872" y="0"/>
                  </a:moveTo>
                  <a:lnTo>
                    <a:pt x="115824" y="0"/>
                  </a:lnTo>
                  <a:lnTo>
                    <a:pt x="115824" y="3048"/>
                  </a:lnTo>
                  <a:lnTo>
                    <a:pt x="118872" y="3048"/>
                  </a:lnTo>
                  <a:lnTo>
                    <a:pt x="118872"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4320" y="0"/>
                  </a:lnTo>
                  <a:lnTo>
                    <a:pt x="274320"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8036" y="0"/>
                  </a:lnTo>
                  <a:lnTo>
                    <a:pt x="288036"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1752" y="0"/>
                  </a:lnTo>
                  <a:lnTo>
                    <a:pt x="301752"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5468" y="0"/>
                  </a:lnTo>
                  <a:lnTo>
                    <a:pt x="315468"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9184" y="0"/>
                  </a:lnTo>
                  <a:lnTo>
                    <a:pt x="329184"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2900" y="0"/>
                  </a:lnTo>
                  <a:lnTo>
                    <a:pt x="342900"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6616" y="0"/>
                  </a:lnTo>
                  <a:lnTo>
                    <a:pt x="356616"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70332" y="0"/>
                  </a:lnTo>
                  <a:lnTo>
                    <a:pt x="370332"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4048" y="0"/>
                  </a:lnTo>
                  <a:lnTo>
                    <a:pt x="384048"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7764" y="0"/>
                  </a:lnTo>
                  <a:lnTo>
                    <a:pt x="397764"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11480" y="0"/>
                  </a:lnTo>
                  <a:lnTo>
                    <a:pt x="411480" y="3048"/>
                  </a:lnTo>
                  <a:lnTo>
                    <a:pt x="414528" y="3048"/>
                  </a:lnTo>
                  <a:lnTo>
                    <a:pt x="414528" y="0"/>
                  </a:lnTo>
                  <a:close/>
                </a:path>
                <a:path w="483235" h="3175">
                  <a:moveTo>
                    <a:pt x="420611" y="0"/>
                  </a:moveTo>
                  <a:lnTo>
                    <a:pt x="417576" y="0"/>
                  </a:lnTo>
                  <a:lnTo>
                    <a:pt x="417576" y="3048"/>
                  </a:lnTo>
                  <a:lnTo>
                    <a:pt x="420611" y="3048"/>
                  </a:lnTo>
                  <a:lnTo>
                    <a:pt x="420611" y="0"/>
                  </a:lnTo>
                  <a:close/>
                </a:path>
                <a:path w="483235" h="3175">
                  <a:moveTo>
                    <a:pt x="428244" y="0"/>
                  </a:moveTo>
                  <a:lnTo>
                    <a:pt x="425196" y="0"/>
                  </a:lnTo>
                  <a:lnTo>
                    <a:pt x="425196"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47" y="0"/>
                  </a:moveTo>
                  <a:lnTo>
                    <a:pt x="438912" y="0"/>
                  </a:lnTo>
                  <a:lnTo>
                    <a:pt x="438912" y="3048"/>
                  </a:lnTo>
                  <a:lnTo>
                    <a:pt x="441947" y="3048"/>
                  </a:lnTo>
                  <a:lnTo>
                    <a:pt x="441947" y="0"/>
                  </a:lnTo>
                  <a:close/>
                </a:path>
                <a:path w="483235" h="3175">
                  <a:moveTo>
                    <a:pt x="448056" y="0"/>
                  </a:moveTo>
                  <a:lnTo>
                    <a:pt x="445008" y="0"/>
                  </a:lnTo>
                  <a:lnTo>
                    <a:pt x="445008" y="3048"/>
                  </a:lnTo>
                  <a:lnTo>
                    <a:pt x="448056" y="3048"/>
                  </a:lnTo>
                  <a:lnTo>
                    <a:pt x="448056" y="0"/>
                  </a:lnTo>
                  <a:close/>
                </a:path>
                <a:path w="483235" h="3175">
                  <a:moveTo>
                    <a:pt x="455676" y="0"/>
                  </a:moveTo>
                  <a:lnTo>
                    <a:pt x="452628" y="0"/>
                  </a:lnTo>
                  <a:lnTo>
                    <a:pt x="452628" y="3048"/>
                  </a:lnTo>
                  <a:lnTo>
                    <a:pt x="455676" y="3048"/>
                  </a:lnTo>
                  <a:lnTo>
                    <a:pt x="455676" y="0"/>
                  </a:lnTo>
                  <a:close/>
                </a:path>
                <a:path w="483235" h="3175">
                  <a:moveTo>
                    <a:pt x="461759" y="0"/>
                  </a:moveTo>
                  <a:lnTo>
                    <a:pt x="458711" y="0"/>
                  </a:lnTo>
                  <a:lnTo>
                    <a:pt x="458711" y="3048"/>
                  </a:lnTo>
                  <a:lnTo>
                    <a:pt x="461759" y="3048"/>
                  </a:lnTo>
                  <a:lnTo>
                    <a:pt x="461759" y="0"/>
                  </a:lnTo>
                  <a:close/>
                </a:path>
                <a:path w="483235" h="3175">
                  <a:moveTo>
                    <a:pt x="469392" y="0"/>
                  </a:moveTo>
                  <a:lnTo>
                    <a:pt x="466344" y="0"/>
                  </a:lnTo>
                  <a:lnTo>
                    <a:pt x="466344"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80047" y="0"/>
                  </a:lnTo>
                  <a:lnTo>
                    <a:pt x="480047" y="3048"/>
                  </a:lnTo>
                  <a:lnTo>
                    <a:pt x="483108" y="3048"/>
                  </a:lnTo>
                  <a:lnTo>
                    <a:pt x="483108" y="0"/>
                  </a:lnTo>
                  <a:close/>
                </a:path>
              </a:pathLst>
            </a:custGeom>
            <a:solidFill>
              <a:srgbClr val="D8D8D8"/>
            </a:solidFill>
          </p:spPr>
          <p:txBody>
            <a:bodyPr wrap="square" lIns="0" tIns="0" rIns="0" bIns="0" rtlCol="0"/>
            <a:lstStyle/>
            <a:p>
              <a:endParaRPr sz="1539"/>
            </a:p>
          </p:txBody>
        </p:sp>
        <p:sp>
          <p:nvSpPr>
            <p:cNvPr id="157" name="object 157"/>
            <p:cNvSpPr/>
            <p:nvPr/>
          </p:nvSpPr>
          <p:spPr>
            <a:xfrm>
              <a:off x="3326879" y="1168907"/>
              <a:ext cx="483234" cy="3175"/>
            </a:xfrm>
            <a:custGeom>
              <a:avLst/>
              <a:gdLst/>
              <a:ahLst/>
              <a:cxnLst/>
              <a:rect l="l" t="t" r="r" b="b"/>
              <a:pathLst>
                <a:path w="483235" h="3175">
                  <a:moveTo>
                    <a:pt x="3060" y="0"/>
                  </a:moveTo>
                  <a:lnTo>
                    <a:pt x="0" y="0"/>
                  </a:lnTo>
                  <a:lnTo>
                    <a:pt x="0" y="3048"/>
                  </a:lnTo>
                  <a:lnTo>
                    <a:pt x="3060" y="3048"/>
                  </a:lnTo>
                  <a:lnTo>
                    <a:pt x="3060" y="0"/>
                  </a:lnTo>
                  <a:close/>
                </a:path>
                <a:path w="483235" h="3175">
                  <a:moveTo>
                    <a:pt x="9156" y="0"/>
                  </a:moveTo>
                  <a:lnTo>
                    <a:pt x="6108" y="0"/>
                  </a:lnTo>
                  <a:lnTo>
                    <a:pt x="6108" y="3048"/>
                  </a:lnTo>
                  <a:lnTo>
                    <a:pt x="9156" y="3048"/>
                  </a:lnTo>
                  <a:lnTo>
                    <a:pt x="9156" y="0"/>
                  </a:lnTo>
                  <a:close/>
                </a:path>
                <a:path w="483235" h="3175">
                  <a:moveTo>
                    <a:pt x="16776" y="0"/>
                  </a:moveTo>
                  <a:lnTo>
                    <a:pt x="13728" y="0"/>
                  </a:lnTo>
                  <a:lnTo>
                    <a:pt x="13728" y="3048"/>
                  </a:lnTo>
                  <a:lnTo>
                    <a:pt x="16776" y="3048"/>
                  </a:lnTo>
                  <a:lnTo>
                    <a:pt x="16776" y="0"/>
                  </a:lnTo>
                  <a:close/>
                </a:path>
                <a:path w="483235" h="3175">
                  <a:moveTo>
                    <a:pt x="22872" y="0"/>
                  </a:moveTo>
                  <a:lnTo>
                    <a:pt x="19824" y="0"/>
                  </a:lnTo>
                  <a:lnTo>
                    <a:pt x="19824" y="3048"/>
                  </a:lnTo>
                  <a:lnTo>
                    <a:pt x="22872" y="3048"/>
                  </a:lnTo>
                  <a:lnTo>
                    <a:pt x="22872" y="0"/>
                  </a:lnTo>
                  <a:close/>
                </a:path>
                <a:path w="483235" h="3175">
                  <a:moveTo>
                    <a:pt x="30492" y="0"/>
                  </a:moveTo>
                  <a:lnTo>
                    <a:pt x="27444" y="0"/>
                  </a:lnTo>
                  <a:lnTo>
                    <a:pt x="27444" y="3048"/>
                  </a:lnTo>
                  <a:lnTo>
                    <a:pt x="30492" y="3048"/>
                  </a:lnTo>
                  <a:lnTo>
                    <a:pt x="30492" y="0"/>
                  </a:lnTo>
                  <a:close/>
                </a:path>
                <a:path w="483235" h="3175">
                  <a:moveTo>
                    <a:pt x="36588" y="0"/>
                  </a:moveTo>
                  <a:lnTo>
                    <a:pt x="33540" y="0"/>
                  </a:lnTo>
                  <a:lnTo>
                    <a:pt x="33540" y="3048"/>
                  </a:lnTo>
                  <a:lnTo>
                    <a:pt x="36588" y="3048"/>
                  </a:lnTo>
                  <a:lnTo>
                    <a:pt x="36588" y="0"/>
                  </a:lnTo>
                  <a:close/>
                </a:path>
                <a:path w="483235" h="3175">
                  <a:moveTo>
                    <a:pt x="44208" y="0"/>
                  </a:moveTo>
                  <a:lnTo>
                    <a:pt x="41160" y="0"/>
                  </a:lnTo>
                  <a:lnTo>
                    <a:pt x="41160" y="3048"/>
                  </a:lnTo>
                  <a:lnTo>
                    <a:pt x="44208" y="3048"/>
                  </a:lnTo>
                  <a:lnTo>
                    <a:pt x="44208" y="0"/>
                  </a:lnTo>
                  <a:close/>
                </a:path>
                <a:path w="483235" h="3175">
                  <a:moveTo>
                    <a:pt x="50304" y="0"/>
                  </a:moveTo>
                  <a:lnTo>
                    <a:pt x="47256" y="0"/>
                  </a:lnTo>
                  <a:lnTo>
                    <a:pt x="47256" y="3048"/>
                  </a:lnTo>
                  <a:lnTo>
                    <a:pt x="50304" y="3048"/>
                  </a:lnTo>
                  <a:lnTo>
                    <a:pt x="50304" y="0"/>
                  </a:lnTo>
                  <a:close/>
                </a:path>
                <a:path w="483235" h="3175">
                  <a:moveTo>
                    <a:pt x="57924" y="0"/>
                  </a:moveTo>
                  <a:lnTo>
                    <a:pt x="54876" y="0"/>
                  </a:lnTo>
                  <a:lnTo>
                    <a:pt x="54876" y="3048"/>
                  </a:lnTo>
                  <a:lnTo>
                    <a:pt x="57924" y="3048"/>
                  </a:lnTo>
                  <a:lnTo>
                    <a:pt x="57924" y="0"/>
                  </a:lnTo>
                  <a:close/>
                </a:path>
                <a:path w="483235" h="3175">
                  <a:moveTo>
                    <a:pt x="64020" y="0"/>
                  </a:moveTo>
                  <a:lnTo>
                    <a:pt x="60972" y="0"/>
                  </a:lnTo>
                  <a:lnTo>
                    <a:pt x="60972" y="3048"/>
                  </a:lnTo>
                  <a:lnTo>
                    <a:pt x="64020" y="3048"/>
                  </a:lnTo>
                  <a:lnTo>
                    <a:pt x="64020" y="0"/>
                  </a:lnTo>
                  <a:close/>
                </a:path>
                <a:path w="483235" h="3175">
                  <a:moveTo>
                    <a:pt x="71640" y="0"/>
                  </a:moveTo>
                  <a:lnTo>
                    <a:pt x="68592" y="0"/>
                  </a:lnTo>
                  <a:lnTo>
                    <a:pt x="68592" y="3048"/>
                  </a:lnTo>
                  <a:lnTo>
                    <a:pt x="71640" y="3048"/>
                  </a:lnTo>
                  <a:lnTo>
                    <a:pt x="71640" y="0"/>
                  </a:lnTo>
                  <a:close/>
                </a:path>
                <a:path w="483235" h="3175">
                  <a:moveTo>
                    <a:pt x="77736" y="0"/>
                  </a:moveTo>
                  <a:lnTo>
                    <a:pt x="74688" y="0"/>
                  </a:lnTo>
                  <a:lnTo>
                    <a:pt x="74688" y="3048"/>
                  </a:lnTo>
                  <a:lnTo>
                    <a:pt x="77736" y="3048"/>
                  </a:lnTo>
                  <a:lnTo>
                    <a:pt x="77736" y="0"/>
                  </a:lnTo>
                  <a:close/>
                </a:path>
                <a:path w="483235" h="3175">
                  <a:moveTo>
                    <a:pt x="85356" y="0"/>
                  </a:moveTo>
                  <a:lnTo>
                    <a:pt x="82308" y="0"/>
                  </a:lnTo>
                  <a:lnTo>
                    <a:pt x="82308" y="3048"/>
                  </a:lnTo>
                  <a:lnTo>
                    <a:pt x="85356" y="3048"/>
                  </a:lnTo>
                  <a:lnTo>
                    <a:pt x="85356" y="0"/>
                  </a:lnTo>
                  <a:close/>
                </a:path>
                <a:path w="483235" h="3175">
                  <a:moveTo>
                    <a:pt x="91452" y="0"/>
                  </a:moveTo>
                  <a:lnTo>
                    <a:pt x="88404" y="0"/>
                  </a:lnTo>
                  <a:lnTo>
                    <a:pt x="88404" y="3048"/>
                  </a:lnTo>
                  <a:lnTo>
                    <a:pt x="91452" y="3048"/>
                  </a:lnTo>
                  <a:lnTo>
                    <a:pt x="91452" y="0"/>
                  </a:lnTo>
                  <a:close/>
                </a:path>
                <a:path w="483235" h="3175">
                  <a:moveTo>
                    <a:pt x="99072" y="0"/>
                  </a:moveTo>
                  <a:lnTo>
                    <a:pt x="96024" y="0"/>
                  </a:lnTo>
                  <a:lnTo>
                    <a:pt x="96024" y="3048"/>
                  </a:lnTo>
                  <a:lnTo>
                    <a:pt x="99072" y="3048"/>
                  </a:lnTo>
                  <a:lnTo>
                    <a:pt x="99072" y="0"/>
                  </a:lnTo>
                  <a:close/>
                </a:path>
                <a:path w="483235" h="3175">
                  <a:moveTo>
                    <a:pt x="105168" y="0"/>
                  </a:moveTo>
                  <a:lnTo>
                    <a:pt x="102120" y="0"/>
                  </a:lnTo>
                  <a:lnTo>
                    <a:pt x="102120" y="3048"/>
                  </a:lnTo>
                  <a:lnTo>
                    <a:pt x="105168" y="3048"/>
                  </a:lnTo>
                  <a:lnTo>
                    <a:pt x="105168" y="0"/>
                  </a:lnTo>
                  <a:close/>
                </a:path>
                <a:path w="483235" h="3175">
                  <a:moveTo>
                    <a:pt x="112788" y="0"/>
                  </a:moveTo>
                  <a:lnTo>
                    <a:pt x="109740" y="0"/>
                  </a:lnTo>
                  <a:lnTo>
                    <a:pt x="109740" y="3048"/>
                  </a:lnTo>
                  <a:lnTo>
                    <a:pt x="112788" y="3048"/>
                  </a:lnTo>
                  <a:lnTo>
                    <a:pt x="112788" y="0"/>
                  </a:lnTo>
                  <a:close/>
                </a:path>
                <a:path w="483235" h="3175">
                  <a:moveTo>
                    <a:pt x="118884" y="0"/>
                  </a:moveTo>
                  <a:lnTo>
                    <a:pt x="115836" y="0"/>
                  </a:lnTo>
                  <a:lnTo>
                    <a:pt x="115836" y="3048"/>
                  </a:lnTo>
                  <a:lnTo>
                    <a:pt x="118884" y="3048"/>
                  </a:lnTo>
                  <a:lnTo>
                    <a:pt x="118884" y="0"/>
                  </a:lnTo>
                  <a:close/>
                </a:path>
                <a:path w="483235" h="3175">
                  <a:moveTo>
                    <a:pt x="126504" y="0"/>
                  </a:moveTo>
                  <a:lnTo>
                    <a:pt x="123456" y="0"/>
                  </a:lnTo>
                  <a:lnTo>
                    <a:pt x="123456" y="3048"/>
                  </a:lnTo>
                  <a:lnTo>
                    <a:pt x="126504" y="3048"/>
                  </a:lnTo>
                  <a:lnTo>
                    <a:pt x="126504" y="0"/>
                  </a:lnTo>
                  <a:close/>
                </a:path>
                <a:path w="483235" h="3175">
                  <a:moveTo>
                    <a:pt x="132600" y="0"/>
                  </a:moveTo>
                  <a:lnTo>
                    <a:pt x="129552" y="0"/>
                  </a:lnTo>
                  <a:lnTo>
                    <a:pt x="129552" y="3048"/>
                  </a:lnTo>
                  <a:lnTo>
                    <a:pt x="132600" y="3048"/>
                  </a:lnTo>
                  <a:lnTo>
                    <a:pt x="132600" y="0"/>
                  </a:lnTo>
                  <a:close/>
                </a:path>
                <a:path w="483235" h="3175">
                  <a:moveTo>
                    <a:pt x="140220" y="0"/>
                  </a:moveTo>
                  <a:lnTo>
                    <a:pt x="137172" y="0"/>
                  </a:lnTo>
                  <a:lnTo>
                    <a:pt x="137172" y="3048"/>
                  </a:lnTo>
                  <a:lnTo>
                    <a:pt x="140220" y="3048"/>
                  </a:lnTo>
                  <a:lnTo>
                    <a:pt x="140220" y="0"/>
                  </a:lnTo>
                  <a:close/>
                </a:path>
                <a:path w="483235" h="3175">
                  <a:moveTo>
                    <a:pt x="146316" y="0"/>
                  </a:moveTo>
                  <a:lnTo>
                    <a:pt x="143268" y="0"/>
                  </a:lnTo>
                  <a:lnTo>
                    <a:pt x="143268" y="3048"/>
                  </a:lnTo>
                  <a:lnTo>
                    <a:pt x="146316" y="3048"/>
                  </a:lnTo>
                  <a:lnTo>
                    <a:pt x="146316" y="0"/>
                  </a:lnTo>
                  <a:close/>
                </a:path>
                <a:path w="483235" h="3175">
                  <a:moveTo>
                    <a:pt x="153936" y="0"/>
                  </a:moveTo>
                  <a:lnTo>
                    <a:pt x="150888" y="0"/>
                  </a:lnTo>
                  <a:lnTo>
                    <a:pt x="150888" y="3048"/>
                  </a:lnTo>
                  <a:lnTo>
                    <a:pt x="153936" y="3048"/>
                  </a:lnTo>
                  <a:lnTo>
                    <a:pt x="153936" y="0"/>
                  </a:lnTo>
                  <a:close/>
                </a:path>
                <a:path w="483235" h="3175">
                  <a:moveTo>
                    <a:pt x="160032" y="0"/>
                  </a:moveTo>
                  <a:lnTo>
                    <a:pt x="156984" y="0"/>
                  </a:lnTo>
                  <a:lnTo>
                    <a:pt x="156984" y="3048"/>
                  </a:lnTo>
                  <a:lnTo>
                    <a:pt x="160032" y="3048"/>
                  </a:lnTo>
                  <a:lnTo>
                    <a:pt x="160032" y="0"/>
                  </a:lnTo>
                  <a:close/>
                </a:path>
                <a:path w="483235" h="3175">
                  <a:moveTo>
                    <a:pt x="167652" y="0"/>
                  </a:moveTo>
                  <a:lnTo>
                    <a:pt x="164604" y="0"/>
                  </a:lnTo>
                  <a:lnTo>
                    <a:pt x="164604" y="3048"/>
                  </a:lnTo>
                  <a:lnTo>
                    <a:pt x="167652" y="3048"/>
                  </a:lnTo>
                  <a:lnTo>
                    <a:pt x="167652" y="0"/>
                  </a:lnTo>
                  <a:close/>
                </a:path>
                <a:path w="483235" h="3175">
                  <a:moveTo>
                    <a:pt x="173748" y="0"/>
                  </a:moveTo>
                  <a:lnTo>
                    <a:pt x="170700" y="0"/>
                  </a:lnTo>
                  <a:lnTo>
                    <a:pt x="170700" y="3048"/>
                  </a:lnTo>
                  <a:lnTo>
                    <a:pt x="173748" y="3048"/>
                  </a:lnTo>
                  <a:lnTo>
                    <a:pt x="173748" y="0"/>
                  </a:lnTo>
                  <a:close/>
                </a:path>
                <a:path w="483235" h="3175">
                  <a:moveTo>
                    <a:pt x="181368" y="0"/>
                  </a:moveTo>
                  <a:lnTo>
                    <a:pt x="178320" y="0"/>
                  </a:lnTo>
                  <a:lnTo>
                    <a:pt x="178320" y="3048"/>
                  </a:lnTo>
                  <a:lnTo>
                    <a:pt x="181368" y="3048"/>
                  </a:lnTo>
                  <a:lnTo>
                    <a:pt x="181368" y="0"/>
                  </a:lnTo>
                  <a:close/>
                </a:path>
                <a:path w="483235" h="3175">
                  <a:moveTo>
                    <a:pt x="187464" y="0"/>
                  </a:moveTo>
                  <a:lnTo>
                    <a:pt x="184416" y="0"/>
                  </a:lnTo>
                  <a:lnTo>
                    <a:pt x="184416" y="3048"/>
                  </a:lnTo>
                  <a:lnTo>
                    <a:pt x="187464" y="3048"/>
                  </a:lnTo>
                  <a:lnTo>
                    <a:pt x="187464" y="0"/>
                  </a:lnTo>
                  <a:close/>
                </a:path>
                <a:path w="483235" h="3175">
                  <a:moveTo>
                    <a:pt x="195084" y="0"/>
                  </a:moveTo>
                  <a:lnTo>
                    <a:pt x="192036" y="0"/>
                  </a:lnTo>
                  <a:lnTo>
                    <a:pt x="192036" y="3048"/>
                  </a:lnTo>
                  <a:lnTo>
                    <a:pt x="195084" y="3048"/>
                  </a:lnTo>
                  <a:lnTo>
                    <a:pt x="195084" y="0"/>
                  </a:lnTo>
                  <a:close/>
                </a:path>
                <a:path w="483235" h="3175">
                  <a:moveTo>
                    <a:pt x="201180" y="0"/>
                  </a:moveTo>
                  <a:lnTo>
                    <a:pt x="198132" y="0"/>
                  </a:lnTo>
                  <a:lnTo>
                    <a:pt x="198132" y="3048"/>
                  </a:lnTo>
                  <a:lnTo>
                    <a:pt x="201180" y="3048"/>
                  </a:lnTo>
                  <a:lnTo>
                    <a:pt x="201180" y="0"/>
                  </a:lnTo>
                  <a:close/>
                </a:path>
                <a:path w="483235" h="3175">
                  <a:moveTo>
                    <a:pt x="208800" y="0"/>
                  </a:moveTo>
                  <a:lnTo>
                    <a:pt x="204228" y="0"/>
                  </a:lnTo>
                  <a:lnTo>
                    <a:pt x="204228" y="3048"/>
                  </a:lnTo>
                  <a:lnTo>
                    <a:pt x="208800" y="3048"/>
                  </a:lnTo>
                  <a:lnTo>
                    <a:pt x="208800" y="0"/>
                  </a:lnTo>
                  <a:close/>
                </a:path>
                <a:path w="483235" h="3175">
                  <a:moveTo>
                    <a:pt x="214896" y="0"/>
                  </a:moveTo>
                  <a:lnTo>
                    <a:pt x="211848" y="0"/>
                  </a:lnTo>
                  <a:lnTo>
                    <a:pt x="211848" y="3048"/>
                  </a:lnTo>
                  <a:lnTo>
                    <a:pt x="214896" y="3048"/>
                  </a:lnTo>
                  <a:lnTo>
                    <a:pt x="214896" y="0"/>
                  </a:lnTo>
                  <a:close/>
                </a:path>
                <a:path w="483235" h="3175">
                  <a:moveTo>
                    <a:pt x="222516" y="0"/>
                  </a:moveTo>
                  <a:lnTo>
                    <a:pt x="217944" y="0"/>
                  </a:lnTo>
                  <a:lnTo>
                    <a:pt x="217944" y="3048"/>
                  </a:lnTo>
                  <a:lnTo>
                    <a:pt x="222516" y="3048"/>
                  </a:lnTo>
                  <a:lnTo>
                    <a:pt x="222516" y="0"/>
                  </a:lnTo>
                  <a:close/>
                </a:path>
                <a:path w="483235" h="3175">
                  <a:moveTo>
                    <a:pt x="228612" y="0"/>
                  </a:moveTo>
                  <a:lnTo>
                    <a:pt x="225564" y="0"/>
                  </a:lnTo>
                  <a:lnTo>
                    <a:pt x="225564" y="3048"/>
                  </a:lnTo>
                  <a:lnTo>
                    <a:pt x="228612" y="3048"/>
                  </a:lnTo>
                  <a:lnTo>
                    <a:pt x="228612" y="0"/>
                  </a:lnTo>
                  <a:close/>
                </a:path>
                <a:path w="483235" h="3175">
                  <a:moveTo>
                    <a:pt x="236232" y="0"/>
                  </a:moveTo>
                  <a:lnTo>
                    <a:pt x="231660" y="0"/>
                  </a:lnTo>
                  <a:lnTo>
                    <a:pt x="231660" y="3048"/>
                  </a:lnTo>
                  <a:lnTo>
                    <a:pt x="236232" y="3048"/>
                  </a:lnTo>
                  <a:lnTo>
                    <a:pt x="236232" y="0"/>
                  </a:lnTo>
                  <a:close/>
                </a:path>
                <a:path w="483235" h="3175">
                  <a:moveTo>
                    <a:pt x="242328" y="0"/>
                  </a:moveTo>
                  <a:lnTo>
                    <a:pt x="239280" y="0"/>
                  </a:lnTo>
                  <a:lnTo>
                    <a:pt x="239280" y="3048"/>
                  </a:lnTo>
                  <a:lnTo>
                    <a:pt x="242328" y="3048"/>
                  </a:lnTo>
                  <a:lnTo>
                    <a:pt x="242328" y="0"/>
                  </a:lnTo>
                  <a:close/>
                </a:path>
                <a:path w="483235" h="3175">
                  <a:moveTo>
                    <a:pt x="249948" y="0"/>
                  </a:moveTo>
                  <a:lnTo>
                    <a:pt x="245376" y="0"/>
                  </a:lnTo>
                  <a:lnTo>
                    <a:pt x="245376" y="3048"/>
                  </a:lnTo>
                  <a:lnTo>
                    <a:pt x="249948" y="3048"/>
                  </a:lnTo>
                  <a:lnTo>
                    <a:pt x="249948" y="0"/>
                  </a:lnTo>
                  <a:close/>
                </a:path>
                <a:path w="483235" h="3175">
                  <a:moveTo>
                    <a:pt x="256044" y="0"/>
                  </a:moveTo>
                  <a:lnTo>
                    <a:pt x="252996" y="0"/>
                  </a:lnTo>
                  <a:lnTo>
                    <a:pt x="252996" y="3048"/>
                  </a:lnTo>
                  <a:lnTo>
                    <a:pt x="256044" y="3048"/>
                  </a:lnTo>
                  <a:lnTo>
                    <a:pt x="256044" y="0"/>
                  </a:lnTo>
                  <a:close/>
                </a:path>
                <a:path w="483235" h="3175">
                  <a:moveTo>
                    <a:pt x="263664" y="0"/>
                  </a:moveTo>
                  <a:lnTo>
                    <a:pt x="259092" y="0"/>
                  </a:lnTo>
                  <a:lnTo>
                    <a:pt x="259092" y="3048"/>
                  </a:lnTo>
                  <a:lnTo>
                    <a:pt x="263664" y="3048"/>
                  </a:lnTo>
                  <a:lnTo>
                    <a:pt x="263664" y="0"/>
                  </a:lnTo>
                  <a:close/>
                </a:path>
                <a:path w="483235" h="3175">
                  <a:moveTo>
                    <a:pt x="269760" y="0"/>
                  </a:moveTo>
                  <a:lnTo>
                    <a:pt x="266712" y="0"/>
                  </a:lnTo>
                  <a:lnTo>
                    <a:pt x="266712" y="3048"/>
                  </a:lnTo>
                  <a:lnTo>
                    <a:pt x="269760" y="3048"/>
                  </a:lnTo>
                  <a:lnTo>
                    <a:pt x="269760" y="0"/>
                  </a:lnTo>
                  <a:close/>
                </a:path>
                <a:path w="483235" h="3175">
                  <a:moveTo>
                    <a:pt x="277380" y="0"/>
                  </a:moveTo>
                  <a:lnTo>
                    <a:pt x="272808" y="0"/>
                  </a:lnTo>
                  <a:lnTo>
                    <a:pt x="272808" y="3048"/>
                  </a:lnTo>
                  <a:lnTo>
                    <a:pt x="277380" y="3048"/>
                  </a:lnTo>
                  <a:lnTo>
                    <a:pt x="277380" y="0"/>
                  </a:lnTo>
                  <a:close/>
                </a:path>
                <a:path w="483235" h="3175">
                  <a:moveTo>
                    <a:pt x="283476" y="0"/>
                  </a:moveTo>
                  <a:lnTo>
                    <a:pt x="280428" y="0"/>
                  </a:lnTo>
                  <a:lnTo>
                    <a:pt x="280428" y="3048"/>
                  </a:lnTo>
                  <a:lnTo>
                    <a:pt x="283476" y="3048"/>
                  </a:lnTo>
                  <a:lnTo>
                    <a:pt x="283476" y="0"/>
                  </a:lnTo>
                  <a:close/>
                </a:path>
                <a:path w="483235" h="3175">
                  <a:moveTo>
                    <a:pt x="291096" y="0"/>
                  </a:moveTo>
                  <a:lnTo>
                    <a:pt x="286524" y="0"/>
                  </a:lnTo>
                  <a:lnTo>
                    <a:pt x="286524" y="3048"/>
                  </a:lnTo>
                  <a:lnTo>
                    <a:pt x="291096" y="3048"/>
                  </a:lnTo>
                  <a:lnTo>
                    <a:pt x="291096" y="0"/>
                  </a:lnTo>
                  <a:close/>
                </a:path>
                <a:path w="483235" h="3175">
                  <a:moveTo>
                    <a:pt x="297192" y="0"/>
                  </a:moveTo>
                  <a:lnTo>
                    <a:pt x="294144" y="0"/>
                  </a:lnTo>
                  <a:lnTo>
                    <a:pt x="294144" y="3048"/>
                  </a:lnTo>
                  <a:lnTo>
                    <a:pt x="297192" y="3048"/>
                  </a:lnTo>
                  <a:lnTo>
                    <a:pt x="297192" y="0"/>
                  </a:lnTo>
                  <a:close/>
                </a:path>
                <a:path w="483235" h="3175">
                  <a:moveTo>
                    <a:pt x="304812" y="0"/>
                  </a:moveTo>
                  <a:lnTo>
                    <a:pt x="300240" y="0"/>
                  </a:lnTo>
                  <a:lnTo>
                    <a:pt x="300240" y="3048"/>
                  </a:lnTo>
                  <a:lnTo>
                    <a:pt x="304812" y="3048"/>
                  </a:lnTo>
                  <a:lnTo>
                    <a:pt x="304812" y="0"/>
                  </a:lnTo>
                  <a:close/>
                </a:path>
                <a:path w="483235" h="3175">
                  <a:moveTo>
                    <a:pt x="310908" y="0"/>
                  </a:moveTo>
                  <a:lnTo>
                    <a:pt x="307860" y="0"/>
                  </a:lnTo>
                  <a:lnTo>
                    <a:pt x="307860" y="3048"/>
                  </a:lnTo>
                  <a:lnTo>
                    <a:pt x="310908" y="3048"/>
                  </a:lnTo>
                  <a:lnTo>
                    <a:pt x="310908" y="0"/>
                  </a:lnTo>
                  <a:close/>
                </a:path>
                <a:path w="483235" h="3175">
                  <a:moveTo>
                    <a:pt x="318528" y="0"/>
                  </a:moveTo>
                  <a:lnTo>
                    <a:pt x="313956" y="0"/>
                  </a:lnTo>
                  <a:lnTo>
                    <a:pt x="313956" y="3048"/>
                  </a:lnTo>
                  <a:lnTo>
                    <a:pt x="318528" y="3048"/>
                  </a:lnTo>
                  <a:lnTo>
                    <a:pt x="318528" y="0"/>
                  </a:lnTo>
                  <a:close/>
                </a:path>
                <a:path w="483235" h="3175">
                  <a:moveTo>
                    <a:pt x="324624" y="0"/>
                  </a:moveTo>
                  <a:lnTo>
                    <a:pt x="321576" y="0"/>
                  </a:lnTo>
                  <a:lnTo>
                    <a:pt x="321576" y="3048"/>
                  </a:lnTo>
                  <a:lnTo>
                    <a:pt x="324624" y="3048"/>
                  </a:lnTo>
                  <a:lnTo>
                    <a:pt x="324624" y="0"/>
                  </a:lnTo>
                  <a:close/>
                </a:path>
                <a:path w="483235" h="3175">
                  <a:moveTo>
                    <a:pt x="332244" y="0"/>
                  </a:moveTo>
                  <a:lnTo>
                    <a:pt x="327672" y="0"/>
                  </a:lnTo>
                  <a:lnTo>
                    <a:pt x="327672" y="3048"/>
                  </a:lnTo>
                  <a:lnTo>
                    <a:pt x="332244" y="3048"/>
                  </a:lnTo>
                  <a:lnTo>
                    <a:pt x="332244" y="0"/>
                  </a:lnTo>
                  <a:close/>
                </a:path>
                <a:path w="483235" h="3175">
                  <a:moveTo>
                    <a:pt x="338340" y="0"/>
                  </a:moveTo>
                  <a:lnTo>
                    <a:pt x="335292" y="0"/>
                  </a:lnTo>
                  <a:lnTo>
                    <a:pt x="335292" y="3048"/>
                  </a:lnTo>
                  <a:lnTo>
                    <a:pt x="338340" y="3048"/>
                  </a:lnTo>
                  <a:lnTo>
                    <a:pt x="338340" y="0"/>
                  </a:lnTo>
                  <a:close/>
                </a:path>
                <a:path w="483235" h="3175">
                  <a:moveTo>
                    <a:pt x="345960" y="0"/>
                  </a:moveTo>
                  <a:lnTo>
                    <a:pt x="341388" y="0"/>
                  </a:lnTo>
                  <a:lnTo>
                    <a:pt x="341388" y="3048"/>
                  </a:lnTo>
                  <a:lnTo>
                    <a:pt x="345960" y="3048"/>
                  </a:lnTo>
                  <a:lnTo>
                    <a:pt x="345960" y="0"/>
                  </a:lnTo>
                  <a:close/>
                </a:path>
                <a:path w="483235" h="3175">
                  <a:moveTo>
                    <a:pt x="352056" y="0"/>
                  </a:moveTo>
                  <a:lnTo>
                    <a:pt x="349008" y="0"/>
                  </a:lnTo>
                  <a:lnTo>
                    <a:pt x="349008" y="3048"/>
                  </a:lnTo>
                  <a:lnTo>
                    <a:pt x="352056" y="3048"/>
                  </a:lnTo>
                  <a:lnTo>
                    <a:pt x="352056" y="0"/>
                  </a:lnTo>
                  <a:close/>
                </a:path>
                <a:path w="483235" h="3175">
                  <a:moveTo>
                    <a:pt x="359676" y="0"/>
                  </a:moveTo>
                  <a:lnTo>
                    <a:pt x="355104" y="0"/>
                  </a:lnTo>
                  <a:lnTo>
                    <a:pt x="355104" y="3048"/>
                  </a:lnTo>
                  <a:lnTo>
                    <a:pt x="359676" y="3048"/>
                  </a:lnTo>
                  <a:lnTo>
                    <a:pt x="359676" y="0"/>
                  </a:lnTo>
                  <a:close/>
                </a:path>
                <a:path w="483235" h="3175">
                  <a:moveTo>
                    <a:pt x="365772" y="0"/>
                  </a:moveTo>
                  <a:lnTo>
                    <a:pt x="362724" y="0"/>
                  </a:lnTo>
                  <a:lnTo>
                    <a:pt x="362724" y="3048"/>
                  </a:lnTo>
                  <a:lnTo>
                    <a:pt x="365772" y="3048"/>
                  </a:lnTo>
                  <a:lnTo>
                    <a:pt x="365772" y="0"/>
                  </a:lnTo>
                  <a:close/>
                </a:path>
                <a:path w="483235" h="3175">
                  <a:moveTo>
                    <a:pt x="373392" y="0"/>
                  </a:moveTo>
                  <a:lnTo>
                    <a:pt x="368820" y="0"/>
                  </a:lnTo>
                  <a:lnTo>
                    <a:pt x="368820" y="3048"/>
                  </a:lnTo>
                  <a:lnTo>
                    <a:pt x="373392" y="3048"/>
                  </a:lnTo>
                  <a:lnTo>
                    <a:pt x="373392" y="0"/>
                  </a:lnTo>
                  <a:close/>
                </a:path>
                <a:path w="483235" h="3175">
                  <a:moveTo>
                    <a:pt x="379488" y="0"/>
                  </a:moveTo>
                  <a:lnTo>
                    <a:pt x="376440" y="0"/>
                  </a:lnTo>
                  <a:lnTo>
                    <a:pt x="376440" y="3048"/>
                  </a:lnTo>
                  <a:lnTo>
                    <a:pt x="379488" y="3048"/>
                  </a:lnTo>
                  <a:lnTo>
                    <a:pt x="379488" y="0"/>
                  </a:lnTo>
                  <a:close/>
                </a:path>
                <a:path w="483235" h="3175">
                  <a:moveTo>
                    <a:pt x="387108" y="0"/>
                  </a:moveTo>
                  <a:lnTo>
                    <a:pt x="382536" y="0"/>
                  </a:lnTo>
                  <a:lnTo>
                    <a:pt x="382536" y="3048"/>
                  </a:lnTo>
                  <a:lnTo>
                    <a:pt x="387108" y="3048"/>
                  </a:lnTo>
                  <a:lnTo>
                    <a:pt x="387108" y="0"/>
                  </a:lnTo>
                  <a:close/>
                </a:path>
                <a:path w="483235" h="3175">
                  <a:moveTo>
                    <a:pt x="393204" y="0"/>
                  </a:moveTo>
                  <a:lnTo>
                    <a:pt x="390156" y="0"/>
                  </a:lnTo>
                  <a:lnTo>
                    <a:pt x="390156" y="3048"/>
                  </a:lnTo>
                  <a:lnTo>
                    <a:pt x="393204" y="3048"/>
                  </a:lnTo>
                  <a:lnTo>
                    <a:pt x="393204" y="0"/>
                  </a:lnTo>
                  <a:close/>
                </a:path>
                <a:path w="483235" h="3175">
                  <a:moveTo>
                    <a:pt x="400824" y="0"/>
                  </a:moveTo>
                  <a:lnTo>
                    <a:pt x="396252" y="0"/>
                  </a:lnTo>
                  <a:lnTo>
                    <a:pt x="396252" y="3048"/>
                  </a:lnTo>
                  <a:lnTo>
                    <a:pt x="400824" y="3048"/>
                  </a:lnTo>
                  <a:lnTo>
                    <a:pt x="400824" y="0"/>
                  </a:lnTo>
                  <a:close/>
                </a:path>
                <a:path w="483235" h="3175">
                  <a:moveTo>
                    <a:pt x="406920" y="0"/>
                  </a:moveTo>
                  <a:lnTo>
                    <a:pt x="403872" y="0"/>
                  </a:lnTo>
                  <a:lnTo>
                    <a:pt x="403872" y="3048"/>
                  </a:lnTo>
                  <a:lnTo>
                    <a:pt x="406920" y="3048"/>
                  </a:lnTo>
                  <a:lnTo>
                    <a:pt x="406920" y="0"/>
                  </a:lnTo>
                  <a:close/>
                </a:path>
                <a:path w="483235" h="3175">
                  <a:moveTo>
                    <a:pt x="414540" y="0"/>
                  </a:moveTo>
                  <a:lnTo>
                    <a:pt x="409968" y="0"/>
                  </a:lnTo>
                  <a:lnTo>
                    <a:pt x="409968" y="3048"/>
                  </a:lnTo>
                  <a:lnTo>
                    <a:pt x="414540" y="3048"/>
                  </a:lnTo>
                  <a:lnTo>
                    <a:pt x="414540" y="0"/>
                  </a:lnTo>
                  <a:close/>
                </a:path>
                <a:path w="483235" h="3175">
                  <a:moveTo>
                    <a:pt x="420636" y="0"/>
                  </a:moveTo>
                  <a:lnTo>
                    <a:pt x="417588" y="0"/>
                  </a:lnTo>
                  <a:lnTo>
                    <a:pt x="417588" y="3048"/>
                  </a:lnTo>
                  <a:lnTo>
                    <a:pt x="420636" y="3048"/>
                  </a:lnTo>
                  <a:lnTo>
                    <a:pt x="420636" y="0"/>
                  </a:lnTo>
                  <a:close/>
                </a:path>
                <a:path w="483235" h="3175">
                  <a:moveTo>
                    <a:pt x="428256" y="0"/>
                  </a:moveTo>
                  <a:lnTo>
                    <a:pt x="423684" y="0"/>
                  </a:lnTo>
                  <a:lnTo>
                    <a:pt x="423684" y="3048"/>
                  </a:lnTo>
                  <a:lnTo>
                    <a:pt x="428256" y="3048"/>
                  </a:lnTo>
                  <a:lnTo>
                    <a:pt x="428256" y="0"/>
                  </a:lnTo>
                  <a:close/>
                </a:path>
                <a:path w="483235" h="3175">
                  <a:moveTo>
                    <a:pt x="434352" y="0"/>
                  </a:moveTo>
                  <a:lnTo>
                    <a:pt x="431304" y="0"/>
                  </a:lnTo>
                  <a:lnTo>
                    <a:pt x="431304" y="3048"/>
                  </a:lnTo>
                  <a:lnTo>
                    <a:pt x="434352" y="3048"/>
                  </a:lnTo>
                  <a:lnTo>
                    <a:pt x="434352" y="0"/>
                  </a:lnTo>
                  <a:close/>
                </a:path>
                <a:path w="483235" h="3175">
                  <a:moveTo>
                    <a:pt x="441972" y="0"/>
                  </a:moveTo>
                  <a:lnTo>
                    <a:pt x="437400" y="0"/>
                  </a:lnTo>
                  <a:lnTo>
                    <a:pt x="437400" y="3048"/>
                  </a:lnTo>
                  <a:lnTo>
                    <a:pt x="441972" y="3048"/>
                  </a:lnTo>
                  <a:lnTo>
                    <a:pt x="441972" y="0"/>
                  </a:lnTo>
                  <a:close/>
                </a:path>
                <a:path w="483235" h="3175">
                  <a:moveTo>
                    <a:pt x="448068" y="0"/>
                  </a:moveTo>
                  <a:lnTo>
                    <a:pt x="445020" y="0"/>
                  </a:lnTo>
                  <a:lnTo>
                    <a:pt x="445020" y="3048"/>
                  </a:lnTo>
                  <a:lnTo>
                    <a:pt x="448068" y="3048"/>
                  </a:lnTo>
                  <a:lnTo>
                    <a:pt x="448068" y="0"/>
                  </a:lnTo>
                  <a:close/>
                </a:path>
                <a:path w="483235" h="3175">
                  <a:moveTo>
                    <a:pt x="455688" y="0"/>
                  </a:moveTo>
                  <a:lnTo>
                    <a:pt x="451116" y="0"/>
                  </a:lnTo>
                  <a:lnTo>
                    <a:pt x="451116" y="3048"/>
                  </a:lnTo>
                  <a:lnTo>
                    <a:pt x="455688" y="3048"/>
                  </a:lnTo>
                  <a:lnTo>
                    <a:pt x="455688" y="0"/>
                  </a:lnTo>
                  <a:close/>
                </a:path>
                <a:path w="483235" h="3175">
                  <a:moveTo>
                    <a:pt x="461784" y="0"/>
                  </a:moveTo>
                  <a:lnTo>
                    <a:pt x="458736" y="0"/>
                  </a:lnTo>
                  <a:lnTo>
                    <a:pt x="458736" y="3048"/>
                  </a:lnTo>
                  <a:lnTo>
                    <a:pt x="461784" y="3048"/>
                  </a:lnTo>
                  <a:lnTo>
                    <a:pt x="461784" y="0"/>
                  </a:lnTo>
                  <a:close/>
                </a:path>
                <a:path w="483235" h="3175">
                  <a:moveTo>
                    <a:pt x="469404" y="0"/>
                  </a:moveTo>
                  <a:lnTo>
                    <a:pt x="464832" y="0"/>
                  </a:lnTo>
                  <a:lnTo>
                    <a:pt x="464832" y="3048"/>
                  </a:lnTo>
                  <a:lnTo>
                    <a:pt x="469404" y="3048"/>
                  </a:lnTo>
                  <a:lnTo>
                    <a:pt x="469404" y="0"/>
                  </a:lnTo>
                  <a:close/>
                </a:path>
                <a:path w="483235" h="3175">
                  <a:moveTo>
                    <a:pt x="475500" y="0"/>
                  </a:moveTo>
                  <a:lnTo>
                    <a:pt x="472452" y="0"/>
                  </a:lnTo>
                  <a:lnTo>
                    <a:pt x="472452" y="3048"/>
                  </a:lnTo>
                  <a:lnTo>
                    <a:pt x="475500" y="3048"/>
                  </a:lnTo>
                  <a:lnTo>
                    <a:pt x="475500" y="0"/>
                  </a:lnTo>
                  <a:close/>
                </a:path>
                <a:path w="483235" h="3175">
                  <a:moveTo>
                    <a:pt x="483120" y="0"/>
                  </a:moveTo>
                  <a:lnTo>
                    <a:pt x="478548" y="0"/>
                  </a:lnTo>
                  <a:lnTo>
                    <a:pt x="478548" y="3048"/>
                  </a:lnTo>
                  <a:lnTo>
                    <a:pt x="483120" y="3048"/>
                  </a:lnTo>
                  <a:lnTo>
                    <a:pt x="483120" y="0"/>
                  </a:lnTo>
                  <a:close/>
                </a:path>
              </a:pathLst>
            </a:custGeom>
            <a:solidFill>
              <a:srgbClr val="D8D8D8"/>
            </a:solidFill>
          </p:spPr>
          <p:txBody>
            <a:bodyPr wrap="square" lIns="0" tIns="0" rIns="0" bIns="0" rtlCol="0"/>
            <a:lstStyle/>
            <a:p>
              <a:endParaRPr sz="1539"/>
            </a:p>
          </p:txBody>
        </p:sp>
        <p:sp>
          <p:nvSpPr>
            <p:cNvPr id="158" name="object 158"/>
            <p:cNvSpPr/>
            <p:nvPr/>
          </p:nvSpPr>
          <p:spPr>
            <a:xfrm>
              <a:off x="3805428" y="1168907"/>
              <a:ext cx="483234" cy="3175"/>
            </a:xfrm>
            <a:custGeom>
              <a:avLst/>
              <a:gdLst/>
              <a:ahLst/>
              <a:cxnLst/>
              <a:rect l="l" t="t" r="r" b="b"/>
              <a:pathLst>
                <a:path w="483235" h="3175">
                  <a:moveTo>
                    <a:pt x="4572" y="0"/>
                  </a:moveTo>
                  <a:lnTo>
                    <a:pt x="0" y="0"/>
                  </a:lnTo>
                  <a:lnTo>
                    <a:pt x="0" y="3048"/>
                  </a:lnTo>
                  <a:lnTo>
                    <a:pt x="4572" y="3048"/>
                  </a:lnTo>
                  <a:lnTo>
                    <a:pt x="4572" y="0"/>
                  </a:lnTo>
                  <a:close/>
                </a:path>
                <a:path w="483235" h="3175">
                  <a:moveTo>
                    <a:pt x="10668" y="0"/>
                  </a:moveTo>
                  <a:lnTo>
                    <a:pt x="7620" y="0"/>
                  </a:lnTo>
                  <a:lnTo>
                    <a:pt x="7620" y="3048"/>
                  </a:lnTo>
                  <a:lnTo>
                    <a:pt x="10668" y="3048"/>
                  </a:lnTo>
                  <a:lnTo>
                    <a:pt x="10668" y="0"/>
                  </a:lnTo>
                  <a:close/>
                </a:path>
                <a:path w="483235" h="3175">
                  <a:moveTo>
                    <a:pt x="18288" y="0"/>
                  </a:moveTo>
                  <a:lnTo>
                    <a:pt x="13716" y="0"/>
                  </a:lnTo>
                  <a:lnTo>
                    <a:pt x="13716" y="3048"/>
                  </a:lnTo>
                  <a:lnTo>
                    <a:pt x="18288" y="3048"/>
                  </a:lnTo>
                  <a:lnTo>
                    <a:pt x="18288" y="0"/>
                  </a:lnTo>
                  <a:close/>
                </a:path>
                <a:path w="483235" h="3175">
                  <a:moveTo>
                    <a:pt x="24384" y="0"/>
                  </a:moveTo>
                  <a:lnTo>
                    <a:pt x="21336" y="0"/>
                  </a:lnTo>
                  <a:lnTo>
                    <a:pt x="21336" y="3048"/>
                  </a:lnTo>
                  <a:lnTo>
                    <a:pt x="24384" y="3048"/>
                  </a:lnTo>
                  <a:lnTo>
                    <a:pt x="24384" y="0"/>
                  </a:lnTo>
                  <a:close/>
                </a:path>
                <a:path w="483235" h="3175">
                  <a:moveTo>
                    <a:pt x="32004" y="0"/>
                  </a:moveTo>
                  <a:lnTo>
                    <a:pt x="27432" y="0"/>
                  </a:lnTo>
                  <a:lnTo>
                    <a:pt x="27432" y="3048"/>
                  </a:lnTo>
                  <a:lnTo>
                    <a:pt x="32004" y="3048"/>
                  </a:lnTo>
                  <a:lnTo>
                    <a:pt x="32004" y="0"/>
                  </a:lnTo>
                  <a:close/>
                </a:path>
                <a:path w="483235" h="3175">
                  <a:moveTo>
                    <a:pt x="38100" y="0"/>
                  </a:moveTo>
                  <a:lnTo>
                    <a:pt x="35052" y="0"/>
                  </a:lnTo>
                  <a:lnTo>
                    <a:pt x="35052" y="3048"/>
                  </a:lnTo>
                  <a:lnTo>
                    <a:pt x="38100" y="3048"/>
                  </a:lnTo>
                  <a:lnTo>
                    <a:pt x="38100" y="0"/>
                  </a:lnTo>
                  <a:close/>
                </a:path>
                <a:path w="483235" h="3175">
                  <a:moveTo>
                    <a:pt x="45720" y="0"/>
                  </a:moveTo>
                  <a:lnTo>
                    <a:pt x="41148" y="0"/>
                  </a:lnTo>
                  <a:lnTo>
                    <a:pt x="41148" y="3048"/>
                  </a:lnTo>
                  <a:lnTo>
                    <a:pt x="45720" y="3048"/>
                  </a:lnTo>
                  <a:lnTo>
                    <a:pt x="45720" y="0"/>
                  </a:lnTo>
                  <a:close/>
                </a:path>
                <a:path w="483235" h="3175">
                  <a:moveTo>
                    <a:pt x="51816" y="0"/>
                  </a:moveTo>
                  <a:lnTo>
                    <a:pt x="48768" y="0"/>
                  </a:lnTo>
                  <a:lnTo>
                    <a:pt x="48768" y="3048"/>
                  </a:lnTo>
                  <a:lnTo>
                    <a:pt x="51816" y="3048"/>
                  </a:lnTo>
                  <a:lnTo>
                    <a:pt x="51816" y="0"/>
                  </a:lnTo>
                  <a:close/>
                </a:path>
                <a:path w="483235" h="3175">
                  <a:moveTo>
                    <a:pt x="59436" y="0"/>
                  </a:moveTo>
                  <a:lnTo>
                    <a:pt x="54864" y="0"/>
                  </a:lnTo>
                  <a:lnTo>
                    <a:pt x="54864" y="3048"/>
                  </a:lnTo>
                  <a:lnTo>
                    <a:pt x="59436" y="3048"/>
                  </a:lnTo>
                  <a:lnTo>
                    <a:pt x="59436" y="0"/>
                  </a:lnTo>
                  <a:close/>
                </a:path>
                <a:path w="483235" h="3175">
                  <a:moveTo>
                    <a:pt x="65532" y="0"/>
                  </a:moveTo>
                  <a:lnTo>
                    <a:pt x="62484" y="0"/>
                  </a:lnTo>
                  <a:lnTo>
                    <a:pt x="62484" y="3048"/>
                  </a:lnTo>
                  <a:lnTo>
                    <a:pt x="65532" y="3048"/>
                  </a:lnTo>
                  <a:lnTo>
                    <a:pt x="65532" y="0"/>
                  </a:lnTo>
                  <a:close/>
                </a:path>
                <a:path w="483235" h="3175">
                  <a:moveTo>
                    <a:pt x="73152" y="0"/>
                  </a:moveTo>
                  <a:lnTo>
                    <a:pt x="68580" y="0"/>
                  </a:lnTo>
                  <a:lnTo>
                    <a:pt x="68580" y="3048"/>
                  </a:lnTo>
                  <a:lnTo>
                    <a:pt x="73152" y="3048"/>
                  </a:lnTo>
                  <a:lnTo>
                    <a:pt x="73152" y="0"/>
                  </a:lnTo>
                  <a:close/>
                </a:path>
                <a:path w="483235" h="3175">
                  <a:moveTo>
                    <a:pt x="79248" y="0"/>
                  </a:moveTo>
                  <a:lnTo>
                    <a:pt x="76200" y="0"/>
                  </a:lnTo>
                  <a:lnTo>
                    <a:pt x="76200" y="3048"/>
                  </a:lnTo>
                  <a:lnTo>
                    <a:pt x="79248" y="3048"/>
                  </a:lnTo>
                  <a:lnTo>
                    <a:pt x="79248" y="0"/>
                  </a:lnTo>
                  <a:close/>
                </a:path>
                <a:path w="483235" h="3175">
                  <a:moveTo>
                    <a:pt x="86868" y="0"/>
                  </a:moveTo>
                  <a:lnTo>
                    <a:pt x="82296" y="0"/>
                  </a:lnTo>
                  <a:lnTo>
                    <a:pt x="82296" y="3048"/>
                  </a:lnTo>
                  <a:lnTo>
                    <a:pt x="86868" y="3048"/>
                  </a:lnTo>
                  <a:lnTo>
                    <a:pt x="86868" y="0"/>
                  </a:lnTo>
                  <a:close/>
                </a:path>
                <a:path w="483235" h="3175">
                  <a:moveTo>
                    <a:pt x="92964" y="0"/>
                  </a:moveTo>
                  <a:lnTo>
                    <a:pt x="89916" y="0"/>
                  </a:lnTo>
                  <a:lnTo>
                    <a:pt x="89916" y="3048"/>
                  </a:lnTo>
                  <a:lnTo>
                    <a:pt x="92964" y="3048"/>
                  </a:lnTo>
                  <a:lnTo>
                    <a:pt x="92964" y="0"/>
                  </a:lnTo>
                  <a:close/>
                </a:path>
                <a:path w="483235" h="3175">
                  <a:moveTo>
                    <a:pt x="100584" y="0"/>
                  </a:moveTo>
                  <a:lnTo>
                    <a:pt x="96012" y="0"/>
                  </a:lnTo>
                  <a:lnTo>
                    <a:pt x="96012" y="3048"/>
                  </a:lnTo>
                  <a:lnTo>
                    <a:pt x="100584" y="3048"/>
                  </a:lnTo>
                  <a:lnTo>
                    <a:pt x="100584" y="0"/>
                  </a:lnTo>
                  <a:close/>
                </a:path>
                <a:path w="483235" h="3175">
                  <a:moveTo>
                    <a:pt x="106680" y="0"/>
                  </a:moveTo>
                  <a:lnTo>
                    <a:pt x="103632" y="0"/>
                  </a:lnTo>
                  <a:lnTo>
                    <a:pt x="103632" y="3048"/>
                  </a:lnTo>
                  <a:lnTo>
                    <a:pt x="106680" y="3048"/>
                  </a:lnTo>
                  <a:lnTo>
                    <a:pt x="106680" y="0"/>
                  </a:lnTo>
                  <a:close/>
                </a:path>
                <a:path w="483235" h="3175">
                  <a:moveTo>
                    <a:pt x="114300" y="0"/>
                  </a:moveTo>
                  <a:lnTo>
                    <a:pt x="109728" y="0"/>
                  </a:lnTo>
                  <a:lnTo>
                    <a:pt x="109728" y="3048"/>
                  </a:lnTo>
                  <a:lnTo>
                    <a:pt x="114300" y="3048"/>
                  </a:lnTo>
                  <a:lnTo>
                    <a:pt x="114300" y="0"/>
                  </a:lnTo>
                  <a:close/>
                </a:path>
                <a:path w="483235" h="3175">
                  <a:moveTo>
                    <a:pt x="120396" y="0"/>
                  </a:moveTo>
                  <a:lnTo>
                    <a:pt x="117348" y="0"/>
                  </a:lnTo>
                  <a:lnTo>
                    <a:pt x="117348" y="3048"/>
                  </a:lnTo>
                  <a:lnTo>
                    <a:pt x="120396" y="3048"/>
                  </a:lnTo>
                  <a:lnTo>
                    <a:pt x="120396" y="0"/>
                  </a:lnTo>
                  <a:close/>
                </a:path>
                <a:path w="483235" h="3175">
                  <a:moveTo>
                    <a:pt x="128016" y="0"/>
                  </a:moveTo>
                  <a:lnTo>
                    <a:pt x="123444" y="0"/>
                  </a:lnTo>
                  <a:lnTo>
                    <a:pt x="123444" y="3048"/>
                  </a:lnTo>
                  <a:lnTo>
                    <a:pt x="128016" y="3048"/>
                  </a:lnTo>
                  <a:lnTo>
                    <a:pt x="128016" y="0"/>
                  </a:lnTo>
                  <a:close/>
                </a:path>
                <a:path w="483235" h="3175">
                  <a:moveTo>
                    <a:pt x="134112" y="0"/>
                  </a:moveTo>
                  <a:lnTo>
                    <a:pt x="131064" y="0"/>
                  </a:lnTo>
                  <a:lnTo>
                    <a:pt x="131064" y="3048"/>
                  </a:lnTo>
                  <a:lnTo>
                    <a:pt x="134112" y="3048"/>
                  </a:lnTo>
                  <a:lnTo>
                    <a:pt x="134112" y="0"/>
                  </a:lnTo>
                  <a:close/>
                </a:path>
                <a:path w="483235" h="3175">
                  <a:moveTo>
                    <a:pt x="141732" y="0"/>
                  </a:moveTo>
                  <a:lnTo>
                    <a:pt x="137160" y="0"/>
                  </a:lnTo>
                  <a:lnTo>
                    <a:pt x="137160" y="3048"/>
                  </a:lnTo>
                  <a:lnTo>
                    <a:pt x="141732" y="3048"/>
                  </a:lnTo>
                  <a:lnTo>
                    <a:pt x="141732" y="0"/>
                  </a:lnTo>
                  <a:close/>
                </a:path>
                <a:path w="483235" h="3175">
                  <a:moveTo>
                    <a:pt x="147828" y="0"/>
                  </a:moveTo>
                  <a:lnTo>
                    <a:pt x="144780" y="0"/>
                  </a:lnTo>
                  <a:lnTo>
                    <a:pt x="144780" y="3048"/>
                  </a:lnTo>
                  <a:lnTo>
                    <a:pt x="147828" y="3048"/>
                  </a:lnTo>
                  <a:lnTo>
                    <a:pt x="147828" y="0"/>
                  </a:lnTo>
                  <a:close/>
                </a:path>
                <a:path w="483235" h="3175">
                  <a:moveTo>
                    <a:pt x="155448" y="0"/>
                  </a:moveTo>
                  <a:lnTo>
                    <a:pt x="150876" y="0"/>
                  </a:lnTo>
                  <a:lnTo>
                    <a:pt x="150876" y="3048"/>
                  </a:lnTo>
                  <a:lnTo>
                    <a:pt x="155448" y="3048"/>
                  </a:lnTo>
                  <a:lnTo>
                    <a:pt x="155448" y="0"/>
                  </a:lnTo>
                  <a:close/>
                </a:path>
                <a:path w="483235" h="3175">
                  <a:moveTo>
                    <a:pt x="161544" y="0"/>
                  </a:moveTo>
                  <a:lnTo>
                    <a:pt x="158496" y="0"/>
                  </a:lnTo>
                  <a:lnTo>
                    <a:pt x="158496" y="3048"/>
                  </a:lnTo>
                  <a:lnTo>
                    <a:pt x="161544" y="3048"/>
                  </a:lnTo>
                  <a:lnTo>
                    <a:pt x="161544" y="0"/>
                  </a:lnTo>
                  <a:close/>
                </a:path>
                <a:path w="483235" h="3175">
                  <a:moveTo>
                    <a:pt x="169164" y="0"/>
                  </a:moveTo>
                  <a:lnTo>
                    <a:pt x="164592" y="0"/>
                  </a:lnTo>
                  <a:lnTo>
                    <a:pt x="164592" y="3048"/>
                  </a:lnTo>
                  <a:lnTo>
                    <a:pt x="169164" y="3048"/>
                  </a:lnTo>
                  <a:lnTo>
                    <a:pt x="169164" y="0"/>
                  </a:lnTo>
                  <a:close/>
                </a:path>
                <a:path w="483235" h="3175">
                  <a:moveTo>
                    <a:pt x="175260" y="0"/>
                  </a:moveTo>
                  <a:lnTo>
                    <a:pt x="172212" y="0"/>
                  </a:lnTo>
                  <a:lnTo>
                    <a:pt x="172212" y="3048"/>
                  </a:lnTo>
                  <a:lnTo>
                    <a:pt x="175260" y="3048"/>
                  </a:lnTo>
                  <a:lnTo>
                    <a:pt x="175260" y="0"/>
                  </a:lnTo>
                  <a:close/>
                </a:path>
                <a:path w="483235" h="3175">
                  <a:moveTo>
                    <a:pt x="182880" y="0"/>
                  </a:moveTo>
                  <a:lnTo>
                    <a:pt x="178308" y="0"/>
                  </a:lnTo>
                  <a:lnTo>
                    <a:pt x="178308" y="3048"/>
                  </a:lnTo>
                  <a:lnTo>
                    <a:pt x="182880" y="3048"/>
                  </a:lnTo>
                  <a:lnTo>
                    <a:pt x="182880" y="0"/>
                  </a:lnTo>
                  <a:close/>
                </a:path>
                <a:path w="483235" h="3175">
                  <a:moveTo>
                    <a:pt x="188976" y="0"/>
                  </a:moveTo>
                  <a:lnTo>
                    <a:pt x="185928" y="0"/>
                  </a:lnTo>
                  <a:lnTo>
                    <a:pt x="185928" y="3048"/>
                  </a:lnTo>
                  <a:lnTo>
                    <a:pt x="188976" y="3048"/>
                  </a:lnTo>
                  <a:lnTo>
                    <a:pt x="188976" y="0"/>
                  </a:lnTo>
                  <a:close/>
                </a:path>
                <a:path w="483235" h="3175">
                  <a:moveTo>
                    <a:pt x="196596" y="0"/>
                  </a:moveTo>
                  <a:lnTo>
                    <a:pt x="192024" y="0"/>
                  </a:lnTo>
                  <a:lnTo>
                    <a:pt x="192024" y="3048"/>
                  </a:lnTo>
                  <a:lnTo>
                    <a:pt x="196596" y="3048"/>
                  </a:lnTo>
                  <a:lnTo>
                    <a:pt x="196596" y="0"/>
                  </a:lnTo>
                  <a:close/>
                </a:path>
                <a:path w="483235" h="3175">
                  <a:moveTo>
                    <a:pt x="202692" y="0"/>
                  </a:moveTo>
                  <a:lnTo>
                    <a:pt x="199644" y="0"/>
                  </a:lnTo>
                  <a:lnTo>
                    <a:pt x="199644" y="3048"/>
                  </a:lnTo>
                  <a:lnTo>
                    <a:pt x="202692" y="3048"/>
                  </a:lnTo>
                  <a:lnTo>
                    <a:pt x="202692" y="0"/>
                  </a:lnTo>
                  <a:close/>
                </a:path>
                <a:path w="483235" h="3175">
                  <a:moveTo>
                    <a:pt x="210312" y="0"/>
                  </a:moveTo>
                  <a:lnTo>
                    <a:pt x="205740" y="0"/>
                  </a:lnTo>
                  <a:lnTo>
                    <a:pt x="205740" y="3048"/>
                  </a:lnTo>
                  <a:lnTo>
                    <a:pt x="210312" y="3048"/>
                  </a:lnTo>
                  <a:lnTo>
                    <a:pt x="210312" y="0"/>
                  </a:lnTo>
                  <a:close/>
                </a:path>
                <a:path w="483235" h="3175">
                  <a:moveTo>
                    <a:pt x="216408" y="0"/>
                  </a:moveTo>
                  <a:lnTo>
                    <a:pt x="213360" y="0"/>
                  </a:lnTo>
                  <a:lnTo>
                    <a:pt x="213360" y="3048"/>
                  </a:lnTo>
                  <a:lnTo>
                    <a:pt x="216408" y="3048"/>
                  </a:lnTo>
                  <a:lnTo>
                    <a:pt x="216408" y="0"/>
                  </a:lnTo>
                  <a:close/>
                </a:path>
                <a:path w="483235" h="3175">
                  <a:moveTo>
                    <a:pt x="224028" y="0"/>
                  </a:moveTo>
                  <a:lnTo>
                    <a:pt x="219456" y="0"/>
                  </a:lnTo>
                  <a:lnTo>
                    <a:pt x="219456" y="3048"/>
                  </a:lnTo>
                  <a:lnTo>
                    <a:pt x="224028" y="3048"/>
                  </a:lnTo>
                  <a:lnTo>
                    <a:pt x="224028" y="0"/>
                  </a:lnTo>
                  <a:close/>
                </a:path>
                <a:path w="483235" h="3175">
                  <a:moveTo>
                    <a:pt x="230124" y="0"/>
                  </a:moveTo>
                  <a:lnTo>
                    <a:pt x="227076" y="0"/>
                  </a:lnTo>
                  <a:lnTo>
                    <a:pt x="227076" y="3048"/>
                  </a:lnTo>
                  <a:lnTo>
                    <a:pt x="230124" y="3048"/>
                  </a:lnTo>
                  <a:lnTo>
                    <a:pt x="230124" y="0"/>
                  </a:lnTo>
                  <a:close/>
                </a:path>
                <a:path w="483235" h="3175">
                  <a:moveTo>
                    <a:pt x="237744" y="0"/>
                  </a:moveTo>
                  <a:lnTo>
                    <a:pt x="233172" y="0"/>
                  </a:lnTo>
                  <a:lnTo>
                    <a:pt x="233172" y="3048"/>
                  </a:lnTo>
                  <a:lnTo>
                    <a:pt x="237744" y="3048"/>
                  </a:lnTo>
                  <a:lnTo>
                    <a:pt x="237744" y="0"/>
                  </a:lnTo>
                  <a:close/>
                </a:path>
                <a:path w="483235" h="3175">
                  <a:moveTo>
                    <a:pt x="243840" y="0"/>
                  </a:moveTo>
                  <a:lnTo>
                    <a:pt x="240792" y="0"/>
                  </a:lnTo>
                  <a:lnTo>
                    <a:pt x="240792" y="3048"/>
                  </a:lnTo>
                  <a:lnTo>
                    <a:pt x="243840" y="3048"/>
                  </a:lnTo>
                  <a:lnTo>
                    <a:pt x="243840" y="0"/>
                  </a:lnTo>
                  <a:close/>
                </a:path>
                <a:path w="483235" h="3175">
                  <a:moveTo>
                    <a:pt x="251460" y="0"/>
                  </a:moveTo>
                  <a:lnTo>
                    <a:pt x="246888" y="0"/>
                  </a:lnTo>
                  <a:lnTo>
                    <a:pt x="246888" y="3048"/>
                  </a:lnTo>
                  <a:lnTo>
                    <a:pt x="251460" y="3048"/>
                  </a:lnTo>
                  <a:lnTo>
                    <a:pt x="251460" y="0"/>
                  </a:lnTo>
                  <a:close/>
                </a:path>
                <a:path w="483235" h="3175">
                  <a:moveTo>
                    <a:pt x="257556" y="0"/>
                  </a:moveTo>
                  <a:lnTo>
                    <a:pt x="254508" y="0"/>
                  </a:lnTo>
                  <a:lnTo>
                    <a:pt x="254508" y="3048"/>
                  </a:lnTo>
                  <a:lnTo>
                    <a:pt x="257556" y="3048"/>
                  </a:lnTo>
                  <a:lnTo>
                    <a:pt x="257556" y="0"/>
                  </a:lnTo>
                  <a:close/>
                </a:path>
                <a:path w="483235" h="3175">
                  <a:moveTo>
                    <a:pt x="265176" y="0"/>
                  </a:moveTo>
                  <a:lnTo>
                    <a:pt x="260604" y="0"/>
                  </a:lnTo>
                  <a:lnTo>
                    <a:pt x="260604" y="3048"/>
                  </a:lnTo>
                  <a:lnTo>
                    <a:pt x="265176" y="3048"/>
                  </a:lnTo>
                  <a:lnTo>
                    <a:pt x="265176" y="0"/>
                  </a:lnTo>
                  <a:close/>
                </a:path>
                <a:path w="483235" h="3175">
                  <a:moveTo>
                    <a:pt x="271272" y="0"/>
                  </a:moveTo>
                  <a:lnTo>
                    <a:pt x="268224" y="0"/>
                  </a:lnTo>
                  <a:lnTo>
                    <a:pt x="268224" y="3048"/>
                  </a:lnTo>
                  <a:lnTo>
                    <a:pt x="271272" y="3048"/>
                  </a:lnTo>
                  <a:lnTo>
                    <a:pt x="271272" y="0"/>
                  </a:lnTo>
                  <a:close/>
                </a:path>
                <a:path w="483235" h="3175">
                  <a:moveTo>
                    <a:pt x="278892" y="0"/>
                  </a:moveTo>
                  <a:lnTo>
                    <a:pt x="274320" y="0"/>
                  </a:lnTo>
                  <a:lnTo>
                    <a:pt x="274320" y="3048"/>
                  </a:lnTo>
                  <a:lnTo>
                    <a:pt x="278892" y="3048"/>
                  </a:lnTo>
                  <a:lnTo>
                    <a:pt x="278892" y="0"/>
                  </a:lnTo>
                  <a:close/>
                </a:path>
                <a:path w="483235" h="3175">
                  <a:moveTo>
                    <a:pt x="284988" y="0"/>
                  </a:moveTo>
                  <a:lnTo>
                    <a:pt x="281940" y="0"/>
                  </a:lnTo>
                  <a:lnTo>
                    <a:pt x="281940" y="3048"/>
                  </a:lnTo>
                  <a:lnTo>
                    <a:pt x="284988" y="3048"/>
                  </a:lnTo>
                  <a:lnTo>
                    <a:pt x="284988" y="0"/>
                  </a:lnTo>
                  <a:close/>
                </a:path>
                <a:path w="483235" h="3175">
                  <a:moveTo>
                    <a:pt x="292608" y="0"/>
                  </a:moveTo>
                  <a:lnTo>
                    <a:pt x="288036" y="0"/>
                  </a:lnTo>
                  <a:lnTo>
                    <a:pt x="288036" y="3048"/>
                  </a:lnTo>
                  <a:lnTo>
                    <a:pt x="292608" y="3048"/>
                  </a:lnTo>
                  <a:lnTo>
                    <a:pt x="292608" y="0"/>
                  </a:lnTo>
                  <a:close/>
                </a:path>
                <a:path w="483235" h="3175">
                  <a:moveTo>
                    <a:pt x="298704" y="0"/>
                  </a:moveTo>
                  <a:lnTo>
                    <a:pt x="295656" y="0"/>
                  </a:lnTo>
                  <a:lnTo>
                    <a:pt x="295656" y="3048"/>
                  </a:lnTo>
                  <a:lnTo>
                    <a:pt x="298704" y="3048"/>
                  </a:lnTo>
                  <a:lnTo>
                    <a:pt x="298704" y="0"/>
                  </a:lnTo>
                  <a:close/>
                </a:path>
                <a:path w="483235" h="3175">
                  <a:moveTo>
                    <a:pt x="306324" y="0"/>
                  </a:moveTo>
                  <a:lnTo>
                    <a:pt x="301752" y="0"/>
                  </a:lnTo>
                  <a:lnTo>
                    <a:pt x="301752" y="3048"/>
                  </a:lnTo>
                  <a:lnTo>
                    <a:pt x="306324" y="3048"/>
                  </a:lnTo>
                  <a:lnTo>
                    <a:pt x="306324" y="0"/>
                  </a:lnTo>
                  <a:close/>
                </a:path>
                <a:path w="483235" h="3175">
                  <a:moveTo>
                    <a:pt x="312420" y="0"/>
                  </a:moveTo>
                  <a:lnTo>
                    <a:pt x="309372" y="0"/>
                  </a:lnTo>
                  <a:lnTo>
                    <a:pt x="309372" y="3048"/>
                  </a:lnTo>
                  <a:lnTo>
                    <a:pt x="312420" y="3048"/>
                  </a:lnTo>
                  <a:lnTo>
                    <a:pt x="312420" y="0"/>
                  </a:lnTo>
                  <a:close/>
                </a:path>
                <a:path w="483235" h="3175">
                  <a:moveTo>
                    <a:pt x="320040" y="0"/>
                  </a:moveTo>
                  <a:lnTo>
                    <a:pt x="315468" y="0"/>
                  </a:lnTo>
                  <a:lnTo>
                    <a:pt x="315468" y="3048"/>
                  </a:lnTo>
                  <a:lnTo>
                    <a:pt x="320040" y="3048"/>
                  </a:lnTo>
                  <a:lnTo>
                    <a:pt x="320040" y="0"/>
                  </a:lnTo>
                  <a:close/>
                </a:path>
                <a:path w="483235" h="3175">
                  <a:moveTo>
                    <a:pt x="326136" y="0"/>
                  </a:moveTo>
                  <a:lnTo>
                    <a:pt x="323088" y="0"/>
                  </a:lnTo>
                  <a:lnTo>
                    <a:pt x="323088"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3964" y="0"/>
                  </a:lnTo>
                  <a:lnTo>
                    <a:pt x="473964"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59" name="object 159"/>
            <p:cNvSpPr/>
            <p:nvPr/>
          </p:nvSpPr>
          <p:spPr>
            <a:xfrm>
              <a:off x="4285488"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7620" y="0"/>
                  </a:lnTo>
                  <a:lnTo>
                    <a:pt x="7620"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21336" y="0"/>
                  </a:lnTo>
                  <a:lnTo>
                    <a:pt x="21336"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5052" y="0"/>
                  </a:lnTo>
                  <a:lnTo>
                    <a:pt x="35052"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8768" y="0"/>
                  </a:lnTo>
                  <a:lnTo>
                    <a:pt x="48768"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2484" y="0"/>
                  </a:lnTo>
                  <a:lnTo>
                    <a:pt x="62484"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6200" y="0"/>
                  </a:lnTo>
                  <a:lnTo>
                    <a:pt x="76200"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9916" y="0"/>
                  </a:lnTo>
                  <a:lnTo>
                    <a:pt x="89916"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3632" y="0"/>
                  </a:lnTo>
                  <a:lnTo>
                    <a:pt x="103632"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7348" y="0"/>
                  </a:lnTo>
                  <a:lnTo>
                    <a:pt x="117348"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31064" y="0"/>
                  </a:lnTo>
                  <a:lnTo>
                    <a:pt x="131064"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4780" y="0"/>
                  </a:lnTo>
                  <a:lnTo>
                    <a:pt x="144780"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8496" y="0"/>
                  </a:lnTo>
                  <a:lnTo>
                    <a:pt x="158496"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2212" y="0"/>
                  </a:lnTo>
                  <a:lnTo>
                    <a:pt x="172212"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5928" y="0"/>
                  </a:lnTo>
                  <a:lnTo>
                    <a:pt x="185928"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9644" y="0"/>
                  </a:lnTo>
                  <a:lnTo>
                    <a:pt x="199644"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3360" y="0"/>
                  </a:lnTo>
                  <a:lnTo>
                    <a:pt x="213360"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7076" y="0"/>
                  </a:lnTo>
                  <a:lnTo>
                    <a:pt x="227076"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40792" y="0"/>
                  </a:lnTo>
                  <a:lnTo>
                    <a:pt x="240792"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4508" y="0"/>
                  </a:lnTo>
                  <a:lnTo>
                    <a:pt x="254508"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8224" y="0"/>
                  </a:lnTo>
                  <a:lnTo>
                    <a:pt x="268224"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1940" y="0"/>
                  </a:lnTo>
                  <a:lnTo>
                    <a:pt x="281940"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5656" y="0"/>
                  </a:lnTo>
                  <a:lnTo>
                    <a:pt x="295656"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9372" y="0"/>
                  </a:lnTo>
                  <a:lnTo>
                    <a:pt x="309372"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3088" y="0"/>
                  </a:lnTo>
                  <a:lnTo>
                    <a:pt x="323088"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6804" y="0"/>
                  </a:lnTo>
                  <a:lnTo>
                    <a:pt x="336804"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50520" y="0"/>
                  </a:lnTo>
                  <a:lnTo>
                    <a:pt x="350520"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4236" y="0"/>
                  </a:lnTo>
                  <a:lnTo>
                    <a:pt x="364236"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7952" y="0"/>
                  </a:lnTo>
                  <a:lnTo>
                    <a:pt x="377952"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1668" y="0"/>
                  </a:lnTo>
                  <a:lnTo>
                    <a:pt x="391668"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5384" y="0"/>
                  </a:lnTo>
                  <a:lnTo>
                    <a:pt x="405384"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9100" y="0"/>
                  </a:lnTo>
                  <a:lnTo>
                    <a:pt x="419100"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2816" y="0"/>
                  </a:lnTo>
                  <a:lnTo>
                    <a:pt x="432816"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6532" y="0"/>
                  </a:lnTo>
                  <a:lnTo>
                    <a:pt x="446532"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60248" y="0"/>
                  </a:lnTo>
                  <a:lnTo>
                    <a:pt x="460248"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0" name="object 160"/>
            <p:cNvSpPr/>
            <p:nvPr/>
          </p:nvSpPr>
          <p:spPr>
            <a:xfrm>
              <a:off x="4765548"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4676" y="0"/>
                  </a:lnTo>
                  <a:lnTo>
                    <a:pt x="74676"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20396" y="0"/>
                  </a:moveTo>
                  <a:lnTo>
                    <a:pt x="115824" y="0"/>
                  </a:lnTo>
                  <a:lnTo>
                    <a:pt x="115824" y="3048"/>
                  </a:lnTo>
                  <a:lnTo>
                    <a:pt x="120396" y="3048"/>
                  </a:lnTo>
                  <a:lnTo>
                    <a:pt x="120396" y="0"/>
                  </a:lnTo>
                  <a:close/>
                </a:path>
                <a:path w="483235" h="3175">
                  <a:moveTo>
                    <a:pt x="126492" y="0"/>
                  </a:moveTo>
                  <a:lnTo>
                    <a:pt x="123444" y="0"/>
                  </a:lnTo>
                  <a:lnTo>
                    <a:pt x="123444" y="3048"/>
                  </a:lnTo>
                  <a:lnTo>
                    <a:pt x="126492" y="3048"/>
                  </a:lnTo>
                  <a:lnTo>
                    <a:pt x="126492" y="0"/>
                  </a:lnTo>
                  <a:close/>
                </a:path>
                <a:path w="483235" h="3175">
                  <a:moveTo>
                    <a:pt x="134112" y="0"/>
                  </a:moveTo>
                  <a:lnTo>
                    <a:pt x="129540" y="0"/>
                  </a:lnTo>
                  <a:lnTo>
                    <a:pt x="129540" y="3048"/>
                  </a:lnTo>
                  <a:lnTo>
                    <a:pt x="134112" y="3048"/>
                  </a:lnTo>
                  <a:lnTo>
                    <a:pt x="134112" y="0"/>
                  </a:lnTo>
                  <a:close/>
                </a:path>
                <a:path w="483235" h="3175">
                  <a:moveTo>
                    <a:pt x="140208" y="0"/>
                  </a:moveTo>
                  <a:lnTo>
                    <a:pt x="137160" y="0"/>
                  </a:lnTo>
                  <a:lnTo>
                    <a:pt x="137160" y="3048"/>
                  </a:lnTo>
                  <a:lnTo>
                    <a:pt x="140208" y="3048"/>
                  </a:lnTo>
                  <a:lnTo>
                    <a:pt x="140208" y="0"/>
                  </a:lnTo>
                  <a:close/>
                </a:path>
                <a:path w="483235" h="3175">
                  <a:moveTo>
                    <a:pt x="147828" y="0"/>
                  </a:moveTo>
                  <a:lnTo>
                    <a:pt x="143256" y="0"/>
                  </a:lnTo>
                  <a:lnTo>
                    <a:pt x="143256" y="3048"/>
                  </a:lnTo>
                  <a:lnTo>
                    <a:pt x="147828" y="3048"/>
                  </a:lnTo>
                  <a:lnTo>
                    <a:pt x="147828" y="0"/>
                  </a:lnTo>
                  <a:close/>
                </a:path>
                <a:path w="483235" h="3175">
                  <a:moveTo>
                    <a:pt x="153924" y="0"/>
                  </a:moveTo>
                  <a:lnTo>
                    <a:pt x="150876" y="0"/>
                  </a:lnTo>
                  <a:lnTo>
                    <a:pt x="150876" y="3048"/>
                  </a:lnTo>
                  <a:lnTo>
                    <a:pt x="153924" y="3048"/>
                  </a:lnTo>
                  <a:lnTo>
                    <a:pt x="153924" y="0"/>
                  </a:lnTo>
                  <a:close/>
                </a:path>
                <a:path w="483235" h="3175">
                  <a:moveTo>
                    <a:pt x="161544" y="0"/>
                  </a:moveTo>
                  <a:lnTo>
                    <a:pt x="156972" y="0"/>
                  </a:lnTo>
                  <a:lnTo>
                    <a:pt x="156972" y="3048"/>
                  </a:lnTo>
                  <a:lnTo>
                    <a:pt x="161544" y="3048"/>
                  </a:lnTo>
                  <a:lnTo>
                    <a:pt x="161544" y="0"/>
                  </a:lnTo>
                  <a:close/>
                </a:path>
                <a:path w="483235" h="3175">
                  <a:moveTo>
                    <a:pt x="167640" y="0"/>
                  </a:moveTo>
                  <a:lnTo>
                    <a:pt x="164592" y="0"/>
                  </a:lnTo>
                  <a:lnTo>
                    <a:pt x="164592" y="3048"/>
                  </a:lnTo>
                  <a:lnTo>
                    <a:pt x="167640" y="3048"/>
                  </a:lnTo>
                  <a:lnTo>
                    <a:pt x="167640" y="0"/>
                  </a:lnTo>
                  <a:close/>
                </a:path>
                <a:path w="483235" h="3175">
                  <a:moveTo>
                    <a:pt x="175260" y="0"/>
                  </a:moveTo>
                  <a:lnTo>
                    <a:pt x="170688" y="0"/>
                  </a:lnTo>
                  <a:lnTo>
                    <a:pt x="170688" y="3048"/>
                  </a:lnTo>
                  <a:lnTo>
                    <a:pt x="175260" y="3048"/>
                  </a:lnTo>
                  <a:lnTo>
                    <a:pt x="175260" y="0"/>
                  </a:lnTo>
                  <a:close/>
                </a:path>
                <a:path w="483235" h="3175">
                  <a:moveTo>
                    <a:pt x="181356" y="0"/>
                  </a:moveTo>
                  <a:lnTo>
                    <a:pt x="178308" y="0"/>
                  </a:lnTo>
                  <a:lnTo>
                    <a:pt x="178308" y="3048"/>
                  </a:lnTo>
                  <a:lnTo>
                    <a:pt x="181356" y="3048"/>
                  </a:lnTo>
                  <a:lnTo>
                    <a:pt x="181356" y="0"/>
                  </a:lnTo>
                  <a:close/>
                </a:path>
                <a:path w="483235" h="3175">
                  <a:moveTo>
                    <a:pt x="188976" y="0"/>
                  </a:moveTo>
                  <a:lnTo>
                    <a:pt x="184404" y="0"/>
                  </a:lnTo>
                  <a:lnTo>
                    <a:pt x="184404" y="3048"/>
                  </a:lnTo>
                  <a:lnTo>
                    <a:pt x="188976" y="3048"/>
                  </a:lnTo>
                  <a:lnTo>
                    <a:pt x="188976" y="0"/>
                  </a:lnTo>
                  <a:close/>
                </a:path>
                <a:path w="483235" h="3175">
                  <a:moveTo>
                    <a:pt x="195072" y="0"/>
                  </a:moveTo>
                  <a:lnTo>
                    <a:pt x="192024" y="0"/>
                  </a:lnTo>
                  <a:lnTo>
                    <a:pt x="192024" y="3048"/>
                  </a:lnTo>
                  <a:lnTo>
                    <a:pt x="195072" y="3048"/>
                  </a:lnTo>
                  <a:lnTo>
                    <a:pt x="195072" y="0"/>
                  </a:lnTo>
                  <a:close/>
                </a:path>
                <a:path w="483235" h="3175">
                  <a:moveTo>
                    <a:pt x="202692" y="0"/>
                  </a:moveTo>
                  <a:lnTo>
                    <a:pt x="198120" y="0"/>
                  </a:lnTo>
                  <a:lnTo>
                    <a:pt x="198120" y="3048"/>
                  </a:lnTo>
                  <a:lnTo>
                    <a:pt x="202692" y="3048"/>
                  </a:lnTo>
                  <a:lnTo>
                    <a:pt x="202692" y="0"/>
                  </a:lnTo>
                  <a:close/>
                </a:path>
                <a:path w="483235" h="3175">
                  <a:moveTo>
                    <a:pt x="208788" y="0"/>
                  </a:moveTo>
                  <a:lnTo>
                    <a:pt x="205740" y="0"/>
                  </a:lnTo>
                  <a:lnTo>
                    <a:pt x="205740" y="3048"/>
                  </a:lnTo>
                  <a:lnTo>
                    <a:pt x="208788" y="3048"/>
                  </a:lnTo>
                  <a:lnTo>
                    <a:pt x="208788" y="0"/>
                  </a:lnTo>
                  <a:close/>
                </a:path>
                <a:path w="483235" h="3175">
                  <a:moveTo>
                    <a:pt x="216408" y="0"/>
                  </a:moveTo>
                  <a:lnTo>
                    <a:pt x="211836" y="0"/>
                  </a:lnTo>
                  <a:lnTo>
                    <a:pt x="211836" y="3048"/>
                  </a:lnTo>
                  <a:lnTo>
                    <a:pt x="216408" y="3048"/>
                  </a:lnTo>
                  <a:lnTo>
                    <a:pt x="216408" y="0"/>
                  </a:lnTo>
                  <a:close/>
                </a:path>
                <a:path w="483235" h="3175">
                  <a:moveTo>
                    <a:pt x="222504" y="0"/>
                  </a:moveTo>
                  <a:lnTo>
                    <a:pt x="219456" y="0"/>
                  </a:lnTo>
                  <a:lnTo>
                    <a:pt x="219456" y="3048"/>
                  </a:lnTo>
                  <a:lnTo>
                    <a:pt x="222504" y="3048"/>
                  </a:lnTo>
                  <a:lnTo>
                    <a:pt x="222504" y="0"/>
                  </a:lnTo>
                  <a:close/>
                </a:path>
                <a:path w="483235" h="3175">
                  <a:moveTo>
                    <a:pt x="230124" y="0"/>
                  </a:moveTo>
                  <a:lnTo>
                    <a:pt x="225552" y="0"/>
                  </a:lnTo>
                  <a:lnTo>
                    <a:pt x="225552" y="3048"/>
                  </a:lnTo>
                  <a:lnTo>
                    <a:pt x="230124" y="3048"/>
                  </a:lnTo>
                  <a:lnTo>
                    <a:pt x="230124" y="0"/>
                  </a:lnTo>
                  <a:close/>
                </a:path>
                <a:path w="483235" h="3175">
                  <a:moveTo>
                    <a:pt x="236220" y="0"/>
                  </a:moveTo>
                  <a:lnTo>
                    <a:pt x="233172" y="0"/>
                  </a:lnTo>
                  <a:lnTo>
                    <a:pt x="233172" y="3048"/>
                  </a:lnTo>
                  <a:lnTo>
                    <a:pt x="236220" y="3048"/>
                  </a:lnTo>
                  <a:lnTo>
                    <a:pt x="236220" y="0"/>
                  </a:lnTo>
                  <a:close/>
                </a:path>
                <a:path w="483235" h="3175">
                  <a:moveTo>
                    <a:pt x="243840" y="0"/>
                  </a:moveTo>
                  <a:lnTo>
                    <a:pt x="239268" y="0"/>
                  </a:lnTo>
                  <a:lnTo>
                    <a:pt x="239268" y="3048"/>
                  </a:lnTo>
                  <a:lnTo>
                    <a:pt x="243840" y="3048"/>
                  </a:lnTo>
                  <a:lnTo>
                    <a:pt x="243840" y="0"/>
                  </a:lnTo>
                  <a:close/>
                </a:path>
                <a:path w="483235" h="3175">
                  <a:moveTo>
                    <a:pt x="249936" y="0"/>
                  </a:moveTo>
                  <a:lnTo>
                    <a:pt x="246888" y="0"/>
                  </a:lnTo>
                  <a:lnTo>
                    <a:pt x="246888" y="3048"/>
                  </a:lnTo>
                  <a:lnTo>
                    <a:pt x="249936" y="3048"/>
                  </a:lnTo>
                  <a:lnTo>
                    <a:pt x="249936" y="0"/>
                  </a:lnTo>
                  <a:close/>
                </a:path>
                <a:path w="483235" h="3175">
                  <a:moveTo>
                    <a:pt x="257556" y="0"/>
                  </a:moveTo>
                  <a:lnTo>
                    <a:pt x="252984" y="0"/>
                  </a:lnTo>
                  <a:lnTo>
                    <a:pt x="252984" y="3048"/>
                  </a:lnTo>
                  <a:lnTo>
                    <a:pt x="257556" y="3048"/>
                  </a:lnTo>
                  <a:lnTo>
                    <a:pt x="257556" y="0"/>
                  </a:lnTo>
                  <a:close/>
                </a:path>
                <a:path w="483235" h="3175">
                  <a:moveTo>
                    <a:pt x="263652" y="0"/>
                  </a:moveTo>
                  <a:lnTo>
                    <a:pt x="260604" y="0"/>
                  </a:lnTo>
                  <a:lnTo>
                    <a:pt x="260604" y="3048"/>
                  </a:lnTo>
                  <a:lnTo>
                    <a:pt x="263652" y="3048"/>
                  </a:lnTo>
                  <a:lnTo>
                    <a:pt x="263652" y="0"/>
                  </a:lnTo>
                  <a:close/>
                </a:path>
                <a:path w="483235" h="3175">
                  <a:moveTo>
                    <a:pt x="271272" y="0"/>
                  </a:moveTo>
                  <a:lnTo>
                    <a:pt x="266700" y="0"/>
                  </a:lnTo>
                  <a:lnTo>
                    <a:pt x="266700" y="3048"/>
                  </a:lnTo>
                  <a:lnTo>
                    <a:pt x="271272" y="3048"/>
                  </a:lnTo>
                  <a:lnTo>
                    <a:pt x="271272" y="0"/>
                  </a:lnTo>
                  <a:close/>
                </a:path>
                <a:path w="483235" h="3175">
                  <a:moveTo>
                    <a:pt x="277368" y="0"/>
                  </a:moveTo>
                  <a:lnTo>
                    <a:pt x="274320" y="0"/>
                  </a:lnTo>
                  <a:lnTo>
                    <a:pt x="274320" y="3048"/>
                  </a:lnTo>
                  <a:lnTo>
                    <a:pt x="277368" y="3048"/>
                  </a:lnTo>
                  <a:lnTo>
                    <a:pt x="277368" y="0"/>
                  </a:lnTo>
                  <a:close/>
                </a:path>
                <a:path w="483235" h="3175">
                  <a:moveTo>
                    <a:pt x="284988" y="0"/>
                  </a:moveTo>
                  <a:lnTo>
                    <a:pt x="280416" y="0"/>
                  </a:lnTo>
                  <a:lnTo>
                    <a:pt x="280416" y="3048"/>
                  </a:lnTo>
                  <a:lnTo>
                    <a:pt x="284988" y="3048"/>
                  </a:lnTo>
                  <a:lnTo>
                    <a:pt x="284988" y="0"/>
                  </a:lnTo>
                  <a:close/>
                </a:path>
                <a:path w="483235" h="3175">
                  <a:moveTo>
                    <a:pt x="291084" y="0"/>
                  </a:moveTo>
                  <a:lnTo>
                    <a:pt x="288036" y="0"/>
                  </a:lnTo>
                  <a:lnTo>
                    <a:pt x="288036" y="3048"/>
                  </a:lnTo>
                  <a:lnTo>
                    <a:pt x="291084" y="3048"/>
                  </a:lnTo>
                  <a:lnTo>
                    <a:pt x="291084" y="0"/>
                  </a:lnTo>
                  <a:close/>
                </a:path>
                <a:path w="483235" h="3175">
                  <a:moveTo>
                    <a:pt x="298704" y="0"/>
                  </a:moveTo>
                  <a:lnTo>
                    <a:pt x="294132" y="0"/>
                  </a:lnTo>
                  <a:lnTo>
                    <a:pt x="294132" y="3048"/>
                  </a:lnTo>
                  <a:lnTo>
                    <a:pt x="298704" y="3048"/>
                  </a:lnTo>
                  <a:lnTo>
                    <a:pt x="298704" y="0"/>
                  </a:lnTo>
                  <a:close/>
                </a:path>
                <a:path w="483235" h="3175">
                  <a:moveTo>
                    <a:pt x="304800" y="0"/>
                  </a:moveTo>
                  <a:lnTo>
                    <a:pt x="301752" y="0"/>
                  </a:lnTo>
                  <a:lnTo>
                    <a:pt x="301752" y="3048"/>
                  </a:lnTo>
                  <a:lnTo>
                    <a:pt x="304800" y="3048"/>
                  </a:lnTo>
                  <a:lnTo>
                    <a:pt x="304800" y="0"/>
                  </a:lnTo>
                  <a:close/>
                </a:path>
                <a:path w="483235" h="3175">
                  <a:moveTo>
                    <a:pt x="312420" y="0"/>
                  </a:moveTo>
                  <a:lnTo>
                    <a:pt x="307848" y="0"/>
                  </a:lnTo>
                  <a:lnTo>
                    <a:pt x="307848" y="3048"/>
                  </a:lnTo>
                  <a:lnTo>
                    <a:pt x="312420" y="3048"/>
                  </a:lnTo>
                  <a:lnTo>
                    <a:pt x="312420" y="0"/>
                  </a:lnTo>
                  <a:close/>
                </a:path>
                <a:path w="483235" h="3175">
                  <a:moveTo>
                    <a:pt x="318516" y="0"/>
                  </a:moveTo>
                  <a:lnTo>
                    <a:pt x="315468" y="0"/>
                  </a:lnTo>
                  <a:lnTo>
                    <a:pt x="315468" y="3048"/>
                  </a:lnTo>
                  <a:lnTo>
                    <a:pt x="318516" y="3048"/>
                  </a:lnTo>
                  <a:lnTo>
                    <a:pt x="318516" y="0"/>
                  </a:lnTo>
                  <a:close/>
                </a:path>
                <a:path w="483235" h="3175">
                  <a:moveTo>
                    <a:pt x="326136" y="0"/>
                  </a:moveTo>
                  <a:lnTo>
                    <a:pt x="321564" y="0"/>
                  </a:lnTo>
                  <a:lnTo>
                    <a:pt x="321564" y="3048"/>
                  </a:lnTo>
                  <a:lnTo>
                    <a:pt x="326136" y="3048"/>
                  </a:lnTo>
                  <a:lnTo>
                    <a:pt x="326136" y="0"/>
                  </a:lnTo>
                  <a:close/>
                </a:path>
                <a:path w="483235" h="3175">
                  <a:moveTo>
                    <a:pt x="332232" y="0"/>
                  </a:moveTo>
                  <a:lnTo>
                    <a:pt x="329184" y="0"/>
                  </a:lnTo>
                  <a:lnTo>
                    <a:pt x="329184" y="3048"/>
                  </a:lnTo>
                  <a:lnTo>
                    <a:pt x="332232" y="3048"/>
                  </a:lnTo>
                  <a:lnTo>
                    <a:pt x="332232" y="0"/>
                  </a:lnTo>
                  <a:close/>
                </a:path>
                <a:path w="483235" h="3175">
                  <a:moveTo>
                    <a:pt x="339852" y="0"/>
                  </a:moveTo>
                  <a:lnTo>
                    <a:pt x="335280" y="0"/>
                  </a:lnTo>
                  <a:lnTo>
                    <a:pt x="335280" y="3048"/>
                  </a:lnTo>
                  <a:lnTo>
                    <a:pt x="339852" y="3048"/>
                  </a:lnTo>
                  <a:lnTo>
                    <a:pt x="339852" y="0"/>
                  </a:lnTo>
                  <a:close/>
                </a:path>
                <a:path w="483235" h="3175">
                  <a:moveTo>
                    <a:pt x="345948" y="0"/>
                  </a:moveTo>
                  <a:lnTo>
                    <a:pt x="342900" y="0"/>
                  </a:lnTo>
                  <a:lnTo>
                    <a:pt x="342900" y="3048"/>
                  </a:lnTo>
                  <a:lnTo>
                    <a:pt x="345948" y="3048"/>
                  </a:lnTo>
                  <a:lnTo>
                    <a:pt x="345948" y="0"/>
                  </a:lnTo>
                  <a:close/>
                </a:path>
                <a:path w="483235" h="3175">
                  <a:moveTo>
                    <a:pt x="353568" y="0"/>
                  </a:moveTo>
                  <a:lnTo>
                    <a:pt x="348996" y="0"/>
                  </a:lnTo>
                  <a:lnTo>
                    <a:pt x="348996" y="3048"/>
                  </a:lnTo>
                  <a:lnTo>
                    <a:pt x="353568" y="3048"/>
                  </a:lnTo>
                  <a:lnTo>
                    <a:pt x="353568" y="0"/>
                  </a:lnTo>
                  <a:close/>
                </a:path>
                <a:path w="483235" h="3175">
                  <a:moveTo>
                    <a:pt x="359664" y="0"/>
                  </a:moveTo>
                  <a:lnTo>
                    <a:pt x="356616" y="0"/>
                  </a:lnTo>
                  <a:lnTo>
                    <a:pt x="356616" y="3048"/>
                  </a:lnTo>
                  <a:lnTo>
                    <a:pt x="359664" y="3048"/>
                  </a:lnTo>
                  <a:lnTo>
                    <a:pt x="359664" y="0"/>
                  </a:lnTo>
                  <a:close/>
                </a:path>
                <a:path w="483235" h="3175">
                  <a:moveTo>
                    <a:pt x="367284" y="0"/>
                  </a:moveTo>
                  <a:lnTo>
                    <a:pt x="362712" y="0"/>
                  </a:lnTo>
                  <a:lnTo>
                    <a:pt x="362712" y="3048"/>
                  </a:lnTo>
                  <a:lnTo>
                    <a:pt x="367284" y="3048"/>
                  </a:lnTo>
                  <a:lnTo>
                    <a:pt x="367284" y="0"/>
                  </a:lnTo>
                  <a:close/>
                </a:path>
                <a:path w="483235" h="3175">
                  <a:moveTo>
                    <a:pt x="373380" y="0"/>
                  </a:moveTo>
                  <a:lnTo>
                    <a:pt x="370332" y="0"/>
                  </a:lnTo>
                  <a:lnTo>
                    <a:pt x="370332" y="3048"/>
                  </a:lnTo>
                  <a:lnTo>
                    <a:pt x="373380" y="3048"/>
                  </a:lnTo>
                  <a:lnTo>
                    <a:pt x="373380" y="0"/>
                  </a:lnTo>
                  <a:close/>
                </a:path>
                <a:path w="483235" h="3175">
                  <a:moveTo>
                    <a:pt x="381000" y="0"/>
                  </a:moveTo>
                  <a:lnTo>
                    <a:pt x="376428" y="0"/>
                  </a:lnTo>
                  <a:lnTo>
                    <a:pt x="376428" y="3048"/>
                  </a:lnTo>
                  <a:lnTo>
                    <a:pt x="381000" y="3048"/>
                  </a:lnTo>
                  <a:lnTo>
                    <a:pt x="381000" y="0"/>
                  </a:lnTo>
                  <a:close/>
                </a:path>
                <a:path w="483235" h="3175">
                  <a:moveTo>
                    <a:pt x="387096" y="0"/>
                  </a:moveTo>
                  <a:lnTo>
                    <a:pt x="384048" y="0"/>
                  </a:lnTo>
                  <a:lnTo>
                    <a:pt x="384048" y="3048"/>
                  </a:lnTo>
                  <a:lnTo>
                    <a:pt x="387096" y="3048"/>
                  </a:lnTo>
                  <a:lnTo>
                    <a:pt x="387096" y="0"/>
                  </a:lnTo>
                  <a:close/>
                </a:path>
                <a:path w="483235" h="3175">
                  <a:moveTo>
                    <a:pt x="394716" y="0"/>
                  </a:moveTo>
                  <a:lnTo>
                    <a:pt x="390144" y="0"/>
                  </a:lnTo>
                  <a:lnTo>
                    <a:pt x="390144" y="3048"/>
                  </a:lnTo>
                  <a:lnTo>
                    <a:pt x="394716" y="3048"/>
                  </a:lnTo>
                  <a:lnTo>
                    <a:pt x="394716" y="0"/>
                  </a:lnTo>
                  <a:close/>
                </a:path>
                <a:path w="483235" h="3175">
                  <a:moveTo>
                    <a:pt x="400812" y="0"/>
                  </a:moveTo>
                  <a:lnTo>
                    <a:pt x="397764" y="0"/>
                  </a:lnTo>
                  <a:lnTo>
                    <a:pt x="397764" y="3048"/>
                  </a:lnTo>
                  <a:lnTo>
                    <a:pt x="400812" y="3048"/>
                  </a:lnTo>
                  <a:lnTo>
                    <a:pt x="400812" y="0"/>
                  </a:lnTo>
                  <a:close/>
                </a:path>
                <a:path w="483235" h="3175">
                  <a:moveTo>
                    <a:pt x="408432" y="0"/>
                  </a:moveTo>
                  <a:lnTo>
                    <a:pt x="403860" y="0"/>
                  </a:lnTo>
                  <a:lnTo>
                    <a:pt x="403860" y="3048"/>
                  </a:lnTo>
                  <a:lnTo>
                    <a:pt x="408432" y="3048"/>
                  </a:lnTo>
                  <a:lnTo>
                    <a:pt x="408432" y="0"/>
                  </a:lnTo>
                  <a:close/>
                </a:path>
                <a:path w="483235" h="3175">
                  <a:moveTo>
                    <a:pt x="414528" y="0"/>
                  </a:moveTo>
                  <a:lnTo>
                    <a:pt x="411480" y="0"/>
                  </a:lnTo>
                  <a:lnTo>
                    <a:pt x="411480" y="3048"/>
                  </a:lnTo>
                  <a:lnTo>
                    <a:pt x="414528" y="3048"/>
                  </a:lnTo>
                  <a:lnTo>
                    <a:pt x="414528" y="0"/>
                  </a:lnTo>
                  <a:close/>
                </a:path>
                <a:path w="483235" h="3175">
                  <a:moveTo>
                    <a:pt x="422148" y="0"/>
                  </a:moveTo>
                  <a:lnTo>
                    <a:pt x="417576" y="0"/>
                  </a:lnTo>
                  <a:lnTo>
                    <a:pt x="417576" y="3048"/>
                  </a:lnTo>
                  <a:lnTo>
                    <a:pt x="422148" y="3048"/>
                  </a:lnTo>
                  <a:lnTo>
                    <a:pt x="422148" y="0"/>
                  </a:lnTo>
                  <a:close/>
                </a:path>
                <a:path w="483235" h="3175">
                  <a:moveTo>
                    <a:pt x="428244" y="0"/>
                  </a:moveTo>
                  <a:lnTo>
                    <a:pt x="425196" y="0"/>
                  </a:lnTo>
                  <a:lnTo>
                    <a:pt x="425196" y="3048"/>
                  </a:lnTo>
                  <a:lnTo>
                    <a:pt x="428244" y="3048"/>
                  </a:lnTo>
                  <a:lnTo>
                    <a:pt x="428244" y="0"/>
                  </a:lnTo>
                  <a:close/>
                </a:path>
                <a:path w="483235" h="3175">
                  <a:moveTo>
                    <a:pt x="435864" y="0"/>
                  </a:moveTo>
                  <a:lnTo>
                    <a:pt x="431292" y="0"/>
                  </a:lnTo>
                  <a:lnTo>
                    <a:pt x="431292" y="3048"/>
                  </a:lnTo>
                  <a:lnTo>
                    <a:pt x="435864" y="3048"/>
                  </a:lnTo>
                  <a:lnTo>
                    <a:pt x="435864" y="0"/>
                  </a:lnTo>
                  <a:close/>
                </a:path>
                <a:path w="483235" h="3175">
                  <a:moveTo>
                    <a:pt x="441960" y="0"/>
                  </a:moveTo>
                  <a:lnTo>
                    <a:pt x="438912" y="0"/>
                  </a:lnTo>
                  <a:lnTo>
                    <a:pt x="438912" y="3048"/>
                  </a:lnTo>
                  <a:lnTo>
                    <a:pt x="441960" y="3048"/>
                  </a:lnTo>
                  <a:lnTo>
                    <a:pt x="441960" y="0"/>
                  </a:lnTo>
                  <a:close/>
                </a:path>
                <a:path w="483235" h="3175">
                  <a:moveTo>
                    <a:pt x="449580" y="0"/>
                  </a:moveTo>
                  <a:lnTo>
                    <a:pt x="445008" y="0"/>
                  </a:lnTo>
                  <a:lnTo>
                    <a:pt x="445008" y="3048"/>
                  </a:lnTo>
                  <a:lnTo>
                    <a:pt x="449580" y="3048"/>
                  </a:lnTo>
                  <a:lnTo>
                    <a:pt x="449580" y="0"/>
                  </a:lnTo>
                  <a:close/>
                </a:path>
                <a:path w="483235" h="3175">
                  <a:moveTo>
                    <a:pt x="455676" y="0"/>
                  </a:moveTo>
                  <a:lnTo>
                    <a:pt x="452628" y="0"/>
                  </a:lnTo>
                  <a:lnTo>
                    <a:pt x="452628" y="3048"/>
                  </a:lnTo>
                  <a:lnTo>
                    <a:pt x="455676" y="3048"/>
                  </a:lnTo>
                  <a:lnTo>
                    <a:pt x="455676" y="0"/>
                  </a:lnTo>
                  <a:close/>
                </a:path>
                <a:path w="483235" h="3175">
                  <a:moveTo>
                    <a:pt x="463296" y="0"/>
                  </a:moveTo>
                  <a:lnTo>
                    <a:pt x="458724" y="0"/>
                  </a:lnTo>
                  <a:lnTo>
                    <a:pt x="458724" y="3048"/>
                  </a:lnTo>
                  <a:lnTo>
                    <a:pt x="463296" y="3048"/>
                  </a:lnTo>
                  <a:lnTo>
                    <a:pt x="463296" y="0"/>
                  </a:lnTo>
                  <a:close/>
                </a:path>
                <a:path w="483235" h="3175">
                  <a:moveTo>
                    <a:pt x="469392" y="0"/>
                  </a:moveTo>
                  <a:lnTo>
                    <a:pt x="466344" y="0"/>
                  </a:lnTo>
                  <a:lnTo>
                    <a:pt x="466344" y="3048"/>
                  </a:lnTo>
                  <a:lnTo>
                    <a:pt x="469392" y="3048"/>
                  </a:lnTo>
                  <a:lnTo>
                    <a:pt x="469392" y="0"/>
                  </a:lnTo>
                  <a:close/>
                </a:path>
                <a:path w="483235" h="3175">
                  <a:moveTo>
                    <a:pt x="477012" y="0"/>
                  </a:moveTo>
                  <a:lnTo>
                    <a:pt x="472440" y="0"/>
                  </a:lnTo>
                  <a:lnTo>
                    <a:pt x="472440" y="3048"/>
                  </a:lnTo>
                  <a:lnTo>
                    <a:pt x="477012" y="3048"/>
                  </a:lnTo>
                  <a:lnTo>
                    <a:pt x="477012"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1" name="object 161"/>
            <p:cNvSpPr/>
            <p:nvPr/>
          </p:nvSpPr>
          <p:spPr>
            <a:xfrm>
              <a:off x="5245608"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10668" y="0"/>
                  </a:moveTo>
                  <a:lnTo>
                    <a:pt x="6096" y="0"/>
                  </a:lnTo>
                  <a:lnTo>
                    <a:pt x="6096" y="3048"/>
                  </a:lnTo>
                  <a:lnTo>
                    <a:pt x="10668" y="3048"/>
                  </a:lnTo>
                  <a:lnTo>
                    <a:pt x="10668" y="0"/>
                  </a:lnTo>
                  <a:close/>
                </a:path>
                <a:path w="483235" h="3175">
                  <a:moveTo>
                    <a:pt x="16764" y="0"/>
                  </a:moveTo>
                  <a:lnTo>
                    <a:pt x="13716" y="0"/>
                  </a:lnTo>
                  <a:lnTo>
                    <a:pt x="13716" y="3048"/>
                  </a:lnTo>
                  <a:lnTo>
                    <a:pt x="16764" y="3048"/>
                  </a:lnTo>
                  <a:lnTo>
                    <a:pt x="16764" y="0"/>
                  </a:lnTo>
                  <a:close/>
                </a:path>
                <a:path w="483235" h="3175">
                  <a:moveTo>
                    <a:pt x="24384" y="0"/>
                  </a:moveTo>
                  <a:lnTo>
                    <a:pt x="19812" y="0"/>
                  </a:lnTo>
                  <a:lnTo>
                    <a:pt x="19812" y="3048"/>
                  </a:lnTo>
                  <a:lnTo>
                    <a:pt x="24384" y="3048"/>
                  </a:lnTo>
                  <a:lnTo>
                    <a:pt x="24384" y="0"/>
                  </a:lnTo>
                  <a:close/>
                </a:path>
                <a:path w="483235" h="3175">
                  <a:moveTo>
                    <a:pt x="30480" y="0"/>
                  </a:moveTo>
                  <a:lnTo>
                    <a:pt x="27432" y="0"/>
                  </a:lnTo>
                  <a:lnTo>
                    <a:pt x="27432" y="3048"/>
                  </a:lnTo>
                  <a:lnTo>
                    <a:pt x="30480" y="3048"/>
                  </a:lnTo>
                  <a:lnTo>
                    <a:pt x="30480" y="0"/>
                  </a:lnTo>
                  <a:close/>
                </a:path>
                <a:path w="483235" h="3175">
                  <a:moveTo>
                    <a:pt x="38100" y="0"/>
                  </a:moveTo>
                  <a:lnTo>
                    <a:pt x="33528" y="0"/>
                  </a:lnTo>
                  <a:lnTo>
                    <a:pt x="33528" y="3048"/>
                  </a:lnTo>
                  <a:lnTo>
                    <a:pt x="38100" y="3048"/>
                  </a:lnTo>
                  <a:lnTo>
                    <a:pt x="38100" y="0"/>
                  </a:lnTo>
                  <a:close/>
                </a:path>
                <a:path w="483235" h="3175">
                  <a:moveTo>
                    <a:pt x="44196" y="0"/>
                  </a:moveTo>
                  <a:lnTo>
                    <a:pt x="41148" y="0"/>
                  </a:lnTo>
                  <a:lnTo>
                    <a:pt x="41148" y="3048"/>
                  </a:lnTo>
                  <a:lnTo>
                    <a:pt x="44196" y="3048"/>
                  </a:lnTo>
                  <a:lnTo>
                    <a:pt x="44196" y="0"/>
                  </a:lnTo>
                  <a:close/>
                </a:path>
                <a:path w="483235" h="3175">
                  <a:moveTo>
                    <a:pt x="51816" y="0"/>
                  </a:moveTo>
                  <a:lnTo>
                    <a:pt x="47244" y="0"/>
                  </a:lnTo>
                  <a:lnTo>
                    <a:pt x="47244" y="3048"/>
                  </a:lnTo>
                  <a:lnTo>
                    <a:pt x="51816" y="3048"/>
                  </a:lnTo>
                  <a:lnTo>
                    <a:pt x="51816" y="0"/>
                  </a:lnTo>
                  <a:close/>
                </a:path>
                <a:path w="483235" h="3175">
                  <a:moveTo>
                    <a:pt x="57912" y="0"/>
                  </a:moveTo>
                  <a:lnTo>
                    <a:pt x="54864" y="0"/>
                  </a:lnTo>
                  <a:lnTo>
                    <a:pt x="54864" y="3048"/>
                  </a:lnTo>
                  <a:lnTo>
                    <a:pt x="57912" y="3048"/>
                  </a:lnTo>
                  <a:lnTo>
                    <a:pt x="57912" y="0"/>
                  </a:lnTo>
                  <a:close/>
                </a:path>
                <a:path w="483235" h="3175">
                  <a:moveTo>
                    <a:pt x="65532" y="0"/>
                  </a:moveTo>
                  <a:lnTo>
                    <a:pt x="60960" y="0"/>
                  </a:lnTo>
                  <a:lnTo>
                    <a:pt x="60960" y="3048"/>
                  </a:lnTo>
                  <a:lnTo>
                    <a:pt x="65532" y="3048"/>
                  </a:lnTo>
                  <a:lnTo>
                    <a:pt x="65532" y="0"/>
                  </a:lnTo>
                  <a:close/>
                </a:path>
                <a:path w="483235" h="3175">
                  <a:moveTo>
                    <a:pt x="71628" y="0"/>
                  </a:moveTo>
                  <a:lnTo>
                    <a:pt x="68580" y="0"/>
                  </a:lnTo>
                  <a:lnTo>
                    <a:pt x="68580" y="3048"/>
                  </a:lnTo>
                  <a:lnTo>
                    <a:pt x="71628" y="3048"/>
                  </a:lnTo>
                  <a:lnTo>
                    <a:pt x="71628" y="0"/>
                  </a:lnTo>
                  <a:close/>
                </a:path>
                <a:path w="483235" h="3175">
                  <a:moveTo>
                    <a:pt x="79248" y="0"/>
                  </a:moveTo>
                  <a:lnTo>
                    <a:pt x="74676" y="0"/>
                  </a:lnTo>
                  <a:lnTo>
                    <a:pt x="74676" y="3048"/>
                  </a:lnTo>
                  <a:lnTo>
                    <a:pt x="79248" y="3048"/>
                  </a:lnTo>
                  <a:lnTo>
                    <a:pt x="79248" y="0"/>
                  </a:lnTo>
                  <a:close/>
                </a:path>
                <a:path w="483235" h="3175">
                  <a:moveTo>
                    <a:pt x="85344" y="0"/>
                  </a:moveTo>
                  <a:lnTo>
                    <a:pt x="82296" y="0"/>
                  </a:lnTo>
                  <a:lnTo>
                    <a:pt x="82296" y="3048"/>
                  </a:lnTo>
                  <a:lnTo>
                    <a:pt x="85344" y="3048"/>
                  </a:lnTo>
                  <a:lnTo>
                    <a:pt x="85344" y="0"/>
                  </a:lnTo>
                  <a:close/>
                </a:path>
                <a:path w="483235" h="3175">
                  <a:moveTo>
                    <a:pt x="92964" y="0"/>
                  </a:moveTo>
                  <a:lnTo>
                    <a:pt x="88392" y="0"/>
                  </a:lnTo>
                  <a:lnTo>
                    <a:pt x="88392" y="3048"/>
                  </a:lnTo>
                  <a:lnTo>
                    <a:pt x="92964" y="3048"/>
                  </a:lnTo>
                  <a:lnTo>
                    <a:pt x="92964" y="0"/>
                  </a:lnTo>
                  <a:close/>
                </a:path>
                <a:path w="483235" h="3175">
                  <a:moveTo>
                    <a:pt x="99060" y="0"/>
                  </a:moveTo>
                  <a:lnTo>
                    <a:pt x="96012" y="0"/>
                  </a:lnTo>
                  <a:lnTo>
                    <a:pt x="96012" y="3048"/>
                  </a:lnTo>
                  <a:lnTo>
                    <a:pt x="99060" y="3048"/>
                  </a:lnTo>
                  <a:lnTo>
                    <a:pt x="99060" y="0"/>
                  </a:lnTo>
                  <a:close/>
                </a:path>
                <a:path w="483235" h="3175">
                  <a:moveTo>
                    <a:pt x="106680" y="0"/>
                  </a:moveTo>
                  <a:lnTo>
                    <a:pt x="102108" y="0"/>
                  </a:lnTo>
                  <a:lnTo>
                    <a:pt x="102108" y="3048"/>
                  </a:lnTo>
                  <a:lnTo>
                    <a:pt x="106680" y="3048"/>
                  </a:lnTo>
                  <a:lnTo>
                    <a:pt x="106680" y="0"/>
                  </a:lnTo>
                  <a:close/>
                </a:path>
                <a:path w="483235" h="3175">
                  <a:moveTo>
                    <a:pt x="112776" y="0"/>
                  </a:moveTo>
                  <a:lnTo>
                    <a:pt x="109728" y="0"/>
                  </a:lnTo>
                  <a:lnTo>
                    <a:pt x="109728" y="3048"/>
                  </a:lnTo>
                  <a:lnTo>
                    <a:pt x="112776" y="3048"/>
                  </a:lnTo>
                  <a:lnTo>
                    <a:pt x="112776" y="0"/>
                  </a:lnTo>
                  <a:close/>
                </a:path>
                <a:path w="483235" h="3175">
                  <a:moveTo>
                    <a:pt x="118872" y="0"/>
                  </a:moveTo>
                  <a:lnTo>
                    <a:pt x="115824" y="0"/>
                  </a:lnTo>
                  <a:lnTo>
                    <a:pt x="115824" y="3048"/>
                  </a:lnTo>
                  <a:lnTo>
                    <a:pt x="118872" y="3048"/>
                  </a:lnTo>
                  <a:lnTo>
                    <a:pt x="118872"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6888" y="0"/>
                  </a:lnTo>
                  <a:lnTo>
                    <a:pt x="246888"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60604" y="0"/>
                  </a:lnTo>
                  <a:lnTo>
                    <a:pt x="260604"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4320" y="0"/>
                  </a:lnTo>
                  <a:lnTo>
                    <a:pt x="274320"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8036" y="0"/>
                  </a:lnTo>
                  <a:lnTo>
                    <a:pt x="288036"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1752" y="0"/>
                  </a:lnTo>
                  <a:lnTo>
                    <a:pt x="301752"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5468" y="0"/>
                  </a:lnTo>
                  <a:lnTo>
                    <a:pt x="315468"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9184" y="0"/>
                  </a:lnTo>
                  <a:lnTo>
                    <a:pt x="329184"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2900" y="0"/>
                  </a:lnTo>
                  <a:lnTo>
                    <a:pt x="342900"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6616" y="0"/>
                  </a:lnTo>
                  <a:lnTo>
                    <a:pt x="356616"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70332" y="0"/>
                  </a:lnTo>
                  <a:lnTo>
                    <a:pt x="370332"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4048" y="0"/>
                  </a:lnTo>
                  <a:lnTo>
                    <a:pt x="384048"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7764" y="0"/>
                  </a:lnTo>
                  <a:lnTo>
                    <a:pt x="397764"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11480" y="0"/>
                  </a:lnTo>
                  <a:lnTo>
                    <a:pt x="411480"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5196" y="0"/>
                  </a:lnTo>
                  <a:lnTo>
                    <a:pt x="425196"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8912" y="0"/>
                  </a:lnTo>
                  <a:lnTo>
                    <a:pt x="438912"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2628" y="0"/>
                  </a:lnTo>
                  <a:lnTo>
                    <a:pt x="452628"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6344" y="0"/>
                  </a:lnTo>
                  <a:lnTo>
                    <a:pt x="466344"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2" name="object 162"/>
            <p:cNvSpPr/>
            <p:nvPr/>
          </p:nvSpPr>
          <p:spPr>
            <a:xfrm>
              <a:off x="5725668" y="1168907"/>
              <a:ext cx="483234" cy="3175"/>
            </a:xfrm>
            <a:custGeom>
              <a:avLst/>
              <a:gdLst/>
              <a:ahLst/>
              <a:cxnLst/>
              <a:rect l="l" t="t" r="r" b="b"/>
              <a:pathLst>
                <a:path w="483235" h="3175">
                  <a:moveTo>
                    <a:pt x="3048" y="0"/>
                  </a:moveTo>
                  <a:lnTo>
                    <a:pt x="0" y="0"/>
                  </a:lnTo>
                  <a:lnTo>
                    <a:pt x="0" y="3048"/>
                  </a:lnTo>
                  <a:lnTo>
                    <a:pt x="3048" y="3048"/>
                  </a:lnTo>
                  <a:lnTo>
                    <a:pt x="3048" y="0"/>
                  </a:lnTo>
                  <a:close/>
                </a:path>
                <a:path w="483235" h="3175">
                  <a:moveTo>
                    <a:pt x="9144" y="0"/>
                  </a:moveTo>
                  <a:lnTo>
                    <a:pt x="6096" y="0"/>
                  </a:lnTo>
                  <a:lnTo>
                    <a:pt x="6096" y="3048"/>
                  </a:lnTo>
                  <a:lnTo>
                    <a:pt x="9144" y="3048"/>
                  </a:lnTo>
                  <a:lnTo>
                    <a:pt x="9144" y="0"/>
                  </a:lnTo>
                  <a:close/>
                </a:path>
                <a:path w="483235" h="3175">
                  <a:moveTo>
                    <a:pt x="16764" y="0"/>
                  </a:moveTo>
                  <a:lnTo>
                    <a:pt x="13716" y="0"/>
                  </a:lnTo>
                  <a:lnTo>
                    <a:pt x="13716" y="3048"/>
                  </a:lnTo>
                  <a:lnTo>
                    <a:pt x="16764" y="3048"/>
                  </a:lnTo>
                  <a:lnTo>
                    <a:pt x="16764" y="0"/>
                  </a:lnTo>
                  <a:close/>
                </a:path>
                <a:path w="483235" h="3175">
                  <a:moveTo>
                    <a:pt x="22860" y="0"/>
                  </a:moveTo>
                  <a:lnTo>
                    <a:pt x="19812" y="0"/>
                  </a:lnTo>
                  <a:lnTo>
                    <a:pt x="19812" y="3048"/>
                  </a:lnTo>
                  <a:lnTo>
                    <a:pt x="22860" y="3048"/>
                  </a:lnTo>
                  <a:lnTo>
                    <a:pt x="22860" y="0"/>
                  </a:lnTo>
                  <a:close/>
                </a:path>
                <a:path w="483235" h="3175">
                  <a:moveTo>
                    <a:pt x="30480" y="0"/>
                  </a:moveTo>
                  <a:lnTo>
                    <a:pt x="27432" y="0"/>
                  </a:lnTo>
                  <a:lnTo>
                    <a:pt x="27432" y="3048"/>
                  </a:lnTo>
                  <a:lnTo>
                    <a:pt x="30480" y="3048"/>
                  </a:lnTo>
                  <a:lnTo>
                    <a:pt x="30480" y="0"/>
                  </a:lnTo>
                  <a:close/>
                </a:path>
                <a:path w="483235" h="3175">
                  <a:moveTo>
                    <a:pt x="36576" y="0"/>
                  </a:moveTo>
                  <a:lnTo>
                    <a:pt x="33528" y="0"/>
                  </a:lnTo>
                  <a:lnTo>
                    <a:pt x="33528" y="3048"/>
                  </a:lnTo>
                  <a:lnTo>
                    <a:pt x="36576" y="3048"/>
                  </a:lnTo>
                  <a:lnTo>
                    <a:pt x="36576" y="0"/>
                  </a:lnTo>
                  <a:close/>
                </a:path>
                <a:path w="483235" h="3175">
                  <a:moveTo>
                    <a:pt x="44196" y="0"/>
                  </a:moveTo>
                  <a:lnTo>
                    <a:pt x="41148" y="0"/>
                  </a:lnTo>
                  <a:lnTo>
                    <a:pt x="41148" y="3048"/>
                  </a:lnTo>
                  <a:lnTo>
                    <a:pt x="44196" y="3048"/>
                  </a:lnTo>
                  <a:lnTo>
                    <a:pt x="44196" y="0"/>
                  </a:lnTo>
                  <a:close/>
                </a:path>
                <a:path w="483235" h="3175">
                  <a:moveTo>
                    <a:pt x="50292" y="0"/>
                  </a:moveTo>
                  <a:lnTo>
                    <a:pt x="47244" y="0"/>
                  </a:lnTo>
                  <a:lnTo>
                    <a:pt x="47244" y="3048"/>
                  </a:lnTo>
                  <a:lnTo>
                    <a:pt x="50292" y="3048"/>
                  </a:lnTo>
                  <a:lnTo>
                    <a:pt x="50292" y="0"/>
                  </a:lnTo>
                  <a:close/>
                </a:path>
                <a:path w="483235" h="3175">
                  <a:moveTo>
                    <a:pt x="57912" y="0"/>
                  </a:moveTo>
                  <a:lnTo>
                    <a:pt x="54864" y="0"/>
                  </a:lnTo>
                  <a:lnTo>
                    <a:pt x="54864" y="3048"/>
                  </a:lnTo>
                  <a:lnTo>
                    <a:pt x="57912" y="3048"/>
                  </a:lnTo>
                  <a:lnTo>
                    <a:pt x="57912" y="0"/>
                  </a:lnTo>
                  <a:close/>
                </a:path>
                <a:path w="483235" h="3175">
                  <a:moveTo>
                    <a:pt x="64008" y="0"/>
                  </a:moveTo>
                  <a:lnTo>
                    <a:pt x="60960" y="0"/>
                  </a:lnTo>
                  <a:lnTo>
                    <a:pt x="60960" y="3048"/>
                  </a:lnTo>
                  <a:lnTo>
                    <a:pt x="64008" y="3048"/>
                  </a:lnTo>
                  <a:lnTo>
                    <a:pt x="64008" y="0"/>
                  </a:lnTo>
                  <a:close/>
                </a:path>
                <a:path w="483235" h="3175">
                  <a:moveTo>
                    <a:pt x="71628" y="0"/>
                  </a:moveTo>
                  <a:lnTo>
                    <a:pt x="68580" y="0"/>
                  </a:lnTo>
                  <a:lnTo>
                    <a:pt x="68580" y="3048"/>
                  </a:lnTo>
                  <a:lnTo>
                    <a:pt x="71628" y="3048"/>
                  </a:lnTo>
                  <a:lnTo>
                    <a:pt x="71628" y="0"/>
                  </a:lnTo>
                  <a:close/>
                </a:path>
                <a:path w="483235" h="3175">
                  <a:moveTo>
                    <a:pt x="77724" y="0"/>
                  </a:moveTo>
                  <a:lnTo>
                    <a:pt x="74676" y="0"/>
                  </a:lnTo>
                  <a:lnTo>
                    <a:pt x="74676" y="3048"/>
                  </a:lnTo>
                  <a:lnTo>
                    <a:pt x="77724" y="3048"/>
                  </a:lnTo>
                  <a:lnTo>
                    <a:pt x="77724" y="0"/>
                  </a:lnTo>
                  <a:close/>
                </a:path>
                <a:path w="483235" h="3175">
                  <a:moveTo>
                    <a:pt x="85344" y="0"/>
                  </a:moveTo>
                  <a:lnTo>
                    <a:pt x="82296" y="0"/>
                  </a:lnTo>
                  <a:lnTo>
                    <a:pt x="82296" y="3048"/>
                  </a:lnTo>
                  <a:lnTo>
                    <a:pt x="85344" y="3048"/>
                  </a:lnTo>
                  <a:lnTo>
                    <a:pt x="85344" y="0"/>
                  </a:lnTo>
                  <a:close/>
                </a:path>
                <a:path w="483235" h="3175">
                  <a:moveTo>
                    <a:pt x="91440" y="0"/>
                  </a:moveTo>
                  <a:lnTo>
                    <a:pt x="88392" y="0"/>
                  </a:lnTo>
                  <a:lnTo>
                    <a:pt x="88392" y="3048"/>
                  </a:lnTo>
                  <a:lnTo>
                    <a:pt x="91440" y="3048"/>
                  </a:lnTo>
                  <a:lnTo>
                    <a:pt x="91440" y="0"/>
                  </a:lnTo>
                  <a:close/>
                </a:path>
                <a:path w="483235" h="3175">
                  <a:moveTo>
                    <a:pt x="99060" y="0"/>
                  </a:moveTo>
                  <a:lnTo>
                    <a:pt x="96012" y="0"/>
                  </a:lnTo>
                  <a:lnTo>
                    <a:pt x="96012" y="3048"/>
                  </a:lnTo>
                  <a:lnTo>
                    <a:pt x="99060" y="3048"/>
                  </a:lnTo>
                  <a:lnTo>
                    <a:pt x="99060" y="0"/>
                  </a:lnTo>
                  <a:close/>
                </a:path>
                <a:path w="483235" h="3175">
                  <a:moveTo>
                    <a:pt x="105156" y="0"/>
                  </a:moveTo>
                  <a:lnTo>
                    <a:pt x="102108" y="0"/>
                  </a:lnTo>
                  <a:lnTo>
                    <a:pt x="102108" y="3048"/>
                  </a:lnTo>
                  <a:lnTo>
                    <a:pt x="105156" y="3048"/>
                  </a:lnTo>
                  <a:lnTo>
                    <a:pt x="105156" y="0"/>
                  </a:lnTo>
                  <a:close/>
                </a:path>
                <a:path w="483235" h="3175">
                  <a:moveTo>
                    <a:pt x="112776" y="0"/>
                  </a:moveTo>
                  <a:lnTo>
                    <a:pt x="109728" y="0"/>
                  </a:lnTo>
                  <a:lnTo>
                    <a:pt x="109728" y="3048"/>
                  </a:lnTo>
                  <a:lnTo>
                    <a:pt x="112776" y="3048"/>
                  </a:lnTo>
                  <a:lnTo>
                    <a:pt x="112776" y="0"/>
                  </a:lnTo>
                  <a:close/>
                </a:path>
                <a:path w="483235" h="3175">
                  <a:moveTo>
                    <a:pt x="118872" y="0"/>
                  </a:moveTo>
                  <a:lnTo>
                    <a:pt x="115824" y="0"/>
                  </a:lnTo>
                  <a:lnTo>
                    <a:pt x="115824" y="3048"/>
                  </a:lnTo>
                  <a:lnTo>
                    <a:pt x="118872" y="3048"/>
                  </a:lnTo>
                  <a:lnTo>
                    <a:pt x="118872" y="0"/>
                  </a:lnTo>
                  <a:close/>
                </a:path>
                <a:path w="483235" h="3175">
                  <a:moveTo>
                    <a:pt x="126492" y="0"/>
                  </a:moveTo>
                  <a:lnTo>
                    <a:pt x="123444" y="0"/>
                  </a:lnTo>
                  <a:lnTo>
                    <a:pt x="123444" y="3048"/>
                  </a:lnTo>
                  <a:lnTo>
                    <a:pt x="126492" y="3048"/>
                  </a:lnTo>
                  <a:lnTo>
                    <a:pt x="126492" y="0"/>
                  </a:lnTo>
                  <a:close/>
                </a:path>
                <a:path w="483235" h="3175">
                  <a:moveTo>
                    <a:pt x="132588" y="0"/>
                  </a:moveTo>
                  <a:lnTo>
                    <a:pt x="129540" y="0"/>
                  </a:lnTo>
                  <a:lnTo>
                    <a:pt x="129540" y="3048"/>
                  </a:lnTo>
                  <a:lnTo>
                    <a:pt x="132588" y="3048"/>
                  </a:lnTo>
                  <a:lnTo>
                    <a:pt x="132588" y="0"/>
                  </a:lnTo>
                  <a:close/>
                </a:path>
                <a:path w="483235" h="3175">
                  <a:moveTo>
                    <a:pt x="140208" y="0"/>
                  </a:moveTo>
                  <a:lnTo>
                    <a:pt x="137160" y="0"/>
                  </a:lnTo>
                  <a:lnTo>
                    <a:pt x="137160" y="3048"/>
                  </a:lnTo>
                  <a:lnTo>
                    <a:pt x="140208" y="3048"/>
                  </a:lnTo>
                  <a:lnTo>
                    <a:pt x="140208" y="0"/>
                  </a:lnTo>
                  <a:close/>
                </a:path>
                <a:path w="483235" h="3175">
                  <a:moveTo>
                    <a:pt x="146304" y="0"/>
                  </a:moveTo>
                  <a:lnTo>
                    <a:pt x="143256" y="0"/>
                  </a:lnTo>
                  <a:lnTo>
                    <a:pt x="143256" y="3048"/>
                  </a:lnTo>
                  <a:lnTo>
                    <a:pt x="146304" y="3048"/>
                  </a:lnTo>
                  <a:lnTo>
                    <a:pt x="146304" y="0"/>
                  </a:lnTo>
                  <a:close/>
                </a:path>
                <a:path w="483235" h="3175">
                  <a:moveTo>
                    <a:pt x="153924" y="0"/>
                  </a:moveTo>
                  <a:lnTo>
                    <a:pt x="150876" y="0"/>
                  </a:lnTo>
                  <a:lnTo>
                    <a:pt x="150876" y="3048"/>
                  </a:lnTo>
                  <a:lnTo>
                    <a:pt x="153924" y="3048"/>
                  </a:lnTo>
                  <a:lnTo>
                    <a:pt x="153924" y="0"/>
                  </a:lnTo>
                  <a:close/>
                </a:path>
                <a:path w="483235" h="3175">
                  <a:moveTo>
                    <a:pt x="160020" y="0"/>
                  </a:moveTo>
                  <a:lnTo>
                    <a:pt x="156972" y="0"/>
                  </a:lnTo>
                  <a:lnTo>
                    <a:pt x="156972" y="3048"/>
                  </a:lnTo>
                  <a:lnTo>
                    <a:pt x="160020" y="3048"/>
                  </a:lnTo>
                  <a:lnTo>
                    <a:pt x="160020" y="0"/>
                  </a:lnTo>
                  <a:close/>
                </a:path>
                <a:path w="483235" h="3175">
                  <a:moveTo>
                    <a:pt x="167640" y="0"/>
                  </a:moveTo>
                  <a:lnTo>
                    <a:pt x="164592" y="0"/>
                  </a:lnTo>
                  <a:lnTo>
                    <a:pt x="164592" y="3048"/>
                  </a:lnTo>
                  <a:lnTo>
                    <a:pt x="167640" y="3048"/>
                  </a:lnTo>
                  <a:lnTo>
                    <a:pt x="167640" y="0"/>
                  </a:lnTo>
                  <a:close/>
                </a:path>
                <a:path w="483235" h="3175">
                  <a:moveTo>
                    <a:pt x="173736" y="0"/>
                  </a:moveTo>
                  <a:lnTo>
                    <a:pt x="170688" y="0"/>
                  </a:lnTo>
                  <a:lnTo>
                    <a:pt x="170688" y="3048"/>
                  </a:lnTo>
                  <a:lnTo>
                    <a:pt x="173736" y="3048"/>
                  </a:lnTo>
                  <a:lnTo>
                    <a:pt x="173736" y="0"/>
                  </a:lnTo>
                  <a:close/>
                </a:path>
                <a:path w="483235" h="3175">
                  <a:moveTo>
                    <a:pt x="181356" y="0"/>
                  </a:moveTo>
                  <a:lnTo>
                    <a:pt x="178308" y="0"/>
                  </a:lnTo>
                  <a:lnTo>
                    <a:pt x="178308" y="3048"/>
                  </a:lnTo>
                  <a:lnTo>
                    <a:pt x="181356" y="3048"/>
                  </a:lnTo>
                  <a:lnTo>
                    <a:pt x="181356" y="0"/>
                  </a:lnTo>
                  <a:close/>
                </a:path>
                <a:path w="483235" h="3175">
                  <a:moveTo>
                    <a:pt x="187452" y="0"/>
                  </a:moveTo>
                  <a:lnTo>
                    <a:pt x="184404" y="0"/>
                  </a:lnTo>
                  <a:lnTo>
                    <a:pt x="184404" y="3048"/>
                  </a:lnTo>
                  <a:lnTo>
                    <a:pt x="187452" y="3048"/>
                  </a:lnTo>
                  <a:lnTo>
                    <a:pt x="187452" y="0"/>
                  </a:lnTo>
                  <a:close/>
                </a:path>
                <a:path w="483235" h="3175">
                  <a:moveTo>
                    <a:pt x="195072" y="0"/>
                  </a:moveTo>
                  <a:lnTo>
                    <a:pt x="192024" y="0"/>
                  </a:lnTo>
                  <a:lnTo>
                    <a:pt x="192024" y="3048"/>
                  </a:lnTo>
                  <a:lnTo>
                    <a:pt x="195072" y="3048"/>
                  </a:lnTo>
                  <a:lnTo>
                    <a:pt x="195072" y="0"/>
                  </a:lnTo>
                  <a:close/>
                </a:path>
                <a:path w="483235" h="3175">
                  <a:moveTo>
                    <a:pt x="201168" y="0"/>
                  </a:moveTo>
                  <a:lnTo>
                    <a:pt x="198120" y="0"/>
                  </a:lnTo>
                  <a:lnTo>
                    <a:pt x="198120" y="3048"/>
                  </a:lnTo>
                  <a:lnTo>
                    <a:pt x="201168" y="3048"/>
                  </a:lnTo>
                  <a:lnTo>
                    <a:pt x="201168" y="0"/>
                  </a:lnTo>
                  <a:close/>
                </a:path>
                <a:path w="483235" h="3175">
                  <a:moveTo>
                    <a:pt x="208788" y="0"/>
                  </a:moveTo>
                  <a:lnTo>
                    <a:pt x="205740" y="0"/>
                  </a:lnTo>
                  <a:lnTo>
                    <a:pt x="205740" y="3048"/>
                  </a:lnTo>
                  <a:lnTo>
                    <a:pt x="208788" y="3048"/>
                  </a:lnTo>
                  <a:lnTo>
                    <a:pt x="208788" y="0"/>
                  </a:lnTo>
                  <a:close/>
                </a:path>
                <a:path w="483235" h="3175">
                  <a:moveTo>
                    <a:pt x="214884" y="0"/>
                  </a:moveTo>
                  <a:lnTo>
                    <a:pt x="211836" y="0"/>
                  </a:lnTo>
                  <a:lnTo>
                    <a:pt x="211836" y="3048"/>
                  </a:lnTo>
                  <a:lnTo>
                    <a:pt x="214884" y="3048"/>
                  </a:lnTo>
                  <a:lnTo>
                    <a:pt x="214884" y="0"/>
                  </a:lnTo>
                  <a:close/>
                </a:path>
                <a:path w="483235" h="3175">
                  <a:moveTo>
                    <a:pt x="222504" y="0"/>
                  </a:moveTo>
                  <a:lnTo>
                    <a:pt x="219456" y="0"/>
                  </a:lnTo>
                  <a:lnTo>
                    <a:pt x="219456" y="3048"/>
                  </a:lnTo>
                  <a:lnTo>
                    <a:pt x="222504" y="3048"/>
                  </a:lnTo>
                  <a:lnTo>
                    <a:pt x="222504" y="0"/>
                  </a:lnTo>
                  <a:close/>
                </a:path>
                <a:path w="483235" h="3175">
                  <a:moveTo>
                    <a:pt x="228600" y="0"/>
                  </a:moveTo>
                  <a:lnTo>
                    <a:pt x="225552" y="0"/>
                  </a:lnTo>
                  <a:lnTo>
                    <a:pt x="225552" y="3048"/>
                  </a:lnTo>
                  <a:lnTo>
                    <a:pt x="228600" y="3048"/>
                  </a:lnTo>
                  <a:lnTo>
                    <a:pt x="228600" y="0"/>
                  </a:lnTo>
                  <a:close/>
                </a:path>
                <a:path w="483235" h="3175">
                  <a:moveTo>
                    <a:pt x="236220" y="0"/>
                  </a:moveTo>
                  <a:lnTo>
                    <a:pt x="233172" y="0"/>
                  </a:lnTo>
                  <a:lnTo>
                    <a:pt x="233172" y="3048"/>
                  </a:lnTo>
                  <a:lnTo>
                    <a:pt x="236220" y="3048"/>
                  </a:lnTo>
                  <a:lnTo>
                    <a:pt x="236220" y="0"/>
                  </a:lnTo>
                  <a:close/>
                </a:path>
                <a:path w="483235" h="3175">
                  <a:moveTo>
                    <a:pt x="242316" y="0"/>
                  </a:moveTo>
                  <a:lnTo>
                    <a:pt x="239268" y="0"/>
                  </a:lnTo>
                  <a:lnTo>
                    <a:pt x="239268" y="3048"/>
                  </a:lnTo>
                  <a:lnTo>
                    <a:pt x="242316" y="3048"/>
                  </a:lnTo>
                  <a:lnTo>
                    <a:pt x="242316" y="0"/>
                  </a:lnTo>
                  <a:close/>
                </a:path>
                <a:path w="483235" h="3175">
                  <a:moveTo>
                    <a:pt x="249936" y="0"/>
                  </a:moveTo>
                  <a:lnTo>
                    <a:pt x="245364" y="0"/>
                  </a:lnTo>
                  <a:lnTo>
                    <a:pt x="245364" y="3048"/>
                  </a:lnTo>
                  <a:lnTo>
                    <a:pt x="249936" y="3048"/>
                  </a:lnTo>
                  <a:lnTo>
                    <a:pt x="249936" y="0"/>
                  </a:lnTo>
                  <a:close/>
                </a:path>
                <a:path w="483235" h="3175">
                  <a:moveTo>
                    <a:pt x="256032" y="0"/>
                  </a:moveTo>
                  <a:lnTo>
                    <a:pt x="252984" y="0"/>
                  </a:lnTo>
                  <a:lnTo>
                    <a:pt x="252984" y="3048"/>
                  </a:lnTo>
                  <a:lnTo>
                    <a:pt x="256032" y="3048"/>
                  </a:lnTo>
                  <a:lnTo>
                    <a:pt x="256032" y="0"/>
                  </a:lnTo>
                  <a:close/>
                </a:path>
                <a:path w="483235" h="3175">
                  <a:moveTo>
                    <a:pt x="263652" y="0"/>
                  </a:moveTo>
                  <a:lnTo>
                    <a:pt x="259080" y="0"/>
                  </a:lnTo>
                  <a:lnTo>
                    <a:pt x="259080" y="3048"/>
                  </a:lnTo>
                  <a:lnTo>
                    <a:pt x="263652" y="3048"/>
                  </a:lnTo>
                  <a:lnTo>
                    <a:pt x="263652" y="0"/>
                  </a:lnTo>
                  <a:close/>
                </a:path>
                <a:path w="483235" h="3175">
                  <a:moveTo>
                    <a:pt x="269748" y="0"/>
                  </a:moveTo>
                  <a:lnTo>
                    <a:pt x="266700" y="0"/>
                  </a:lnTo>
                  <a:lnTo>
                    <a:pt x="266700" y="3048"/>
                  </a:lnTo>
                  <a:lnTo>
                    <a:pt x="269748" y="3048"/>
                  </a:lnTo>
                  <a:lnTo>
                    <a:pt x="269748" y="0"/>
                  </a:lnTo>
                  <a:close/>
                </a:path>
                <a:path w="483235" h="3175">
                  <a:moveTo>
                    <a:pt x="277368" y="0"/>
                  </a:moveTo>
                  <a:lnTo>
                    <a:pt x="272796" y="0"/>
                  </a:lnTo>
                  <a:lnTo>
                    <a:pt x="272796" y="3048"/>
                  </a:lnTo>
                  <a:lnTo>
                    <a:pt x="277368" y="3048"/>
                  </a:lnTo>
                  <a:lnTo>
                    <a:pt x="277368" y="0"/>
                  </a:lnTo>
                  <a:close/>
                </a:path>
                <a:path w="483235" h="3175">
                  <a:moveTo>
                    <a:pt x="283464" y="0"/>
                  </a:moveTo>
                  <a:lnTo>
                    <a:pt x="280416" y="0"/>
                  </a:lnTo>
                  <a:lnTo>
                    <a:pt x="280416" y="3048"/>
                  </a:lnTo>
                  <a:lnTo>
                    <a:pt x="283464" y="3048"/>
                  </a:lnTo>
                  <a:lnTo>
                    <a:pt x="283464" y="0"/>
                  </a:lnTo>
                  <a:close/>
                </a:path>
                <a:path w="483235" h="3175">
                  <a:moveTo>
                    <a:pt x="291084" y="0"/>
                  </a:moveTo>
                  <a:lnTo>
                    <a:pt x="286512" y="0"/>
                  </a:lnTo>
                  <a:lnTo>
                    <a:pt x="286512" y="3048"/>
                  </a:lnTo>
                  <a:lnTo>
                    <a:pt x="291084" y="3048"/>
                  </a:lnTo>
                  <a:lnTo>
                    <a:pt x="291084" y="0"/>
                  </a:lnTo>
                  <a:close/>
                </a:path>
                <a:path w="483235" h="3175">
                  <a:moveTo>
                    <a:pt x="297180" y="0"/>
                  </a:moveTo>
                  <a:lnTo>
                    <a:pt x="294132" y="0"/>
                  </a:lnTo>
                  <a:lnTo>
                    <a:pt x="294132" y="3048"/>
                  </a:lnTo>
                  <a:lnTo>
                    <a:pt x="297180" y="3048"/>
                  </a:lnTo>
                  <a:lnTo>
                    <a:pt x="297180" y="0"/>
                  </a:lnTo>
                  <a:close/>
                </a:path>
                <a:path w="483235" h="3175">
                  <a:moveTo>
                    <a:pt x="304800" y="0"/>
                  </a:moveTo>
                  <a:lnTo>
                    <a:pt x="300228" y="0"/>
                  </a:lnTo>
                  <a:lnTo>
                    <a:pt x="300228" y="3048"/>
                  </a:lnTo>
                  <a:lnTo>
                    <a:pt x="304800" y="3048"/>
                  </a:lnTo>
                  <a:lnTo>
                    <a:pt x="304800" y="0"/>
                  </a:lnTo>
                  <a:close/>
                </a:path>
                <a:path w="483235" h="3175">
                  <a:moveTo>
                    <a:pt x="310896" y="0"/>
                  </a:moveTo>
                  <a:lnTo>
                    <a:pt x="307848" y="0"/>
                  </a:lnTo>
                  <a:lnTo>
                    <a:pt x="307848" y="3048"/>
                  </a:lnTo>
                  <a:lnTo>
                    <a:pt x="310896" y="3048"/>
                  </a:lnTo>
                  <a:lnTo>
                    <a:pt x="310896" y="0"/>
                  </a:lnTo>
                  <a:close/>
                </a:path>
                <a:path w="483235" h="3175">
                  <a:moveTo>
                    <a:pt x="318516" y="0"/>
                  </a:moveTo>
                  <a:lnTo>
                    <a:pt x="313944" y="0"/>
                  </a:lnTo>
                  <a:lnTo>
                    <a:pt x="313944" y="3048"/>
                  </a:lnTo>
                  <a:lnTo>
                    <a:pt x="318516" y="3048"/>
                  </a:lnTo>
                  <a:lnTo>
                    <a:pt x="318516" y="0"/>
                  </a:lnTo>
                  <a:close/>
                </a:path>
                <a:path w="483235" h="3175">
                  <a:moveTo>
                    <a:pt x="324612" y="0"/>
                  </a:moveTo>
                  <a:lnTo>
                    <a:pt x="321564" y="0"/>
                  </a:lnTo>
                  <a:lnTo>
                    <a:pt x="321564" y="3048"/>
                  </a:lnTo>
                  <a:lnTo>
                    <a:pt x="324612" y="3048"/>
                  </a:lnTo>
                  <a:lnTo>
                    <a:pt x="324612" y="0"/>
                  </a:lnTo>
                  <a:close/>
                </a:path>
                <a:path w="483235" h="3175">
                  <a:moveTo>
                    <a:pt x="332232" y="0"/>
                  </a:moveTo>
                  <a:lnTo>
                    <a:pt x="327660" y="0"/>
                  </a:lnTo>
                  <a:lnTo>
                    <a:pt x="327660" y="3048"/>
                  </a:lnTo>
                  <a:lnTo>
                    <a:pt x="332232" y="3048"/>
                  </a:lnTo>
                  <a:lnTo>
                    <a:pt x="332232" y="0"/>
                  </a:lnTo>
                  <a:close/>
                </a:path>
                <a:path w="483235" h="3175">
                  <a:moveTo>
                    <a:pt x="338328" y="0"/>
                  </a:moveTo>
                  <a:lnTo>
                    <a:pt x="335280" y="0"/>
                  </a:lnTo>
                  <a:lnTo>
                    <a:pt x="335280" y="3048"/>
                  </a:lnTo>
                  <a:lnTo>
                    <a:pt x="338328" y="3048"/>
                  </a:lnTo>
                  <a:lnTo>
                    <a:pt x="338328" y="0"/>
                  </a:lnTo>
                  <a:close/>
                </a:path>
                <a:path w="483235" h="3175">
                  <a:moveTo>
                    <a:pt x="345948" y="0"/>
                  </a:moveTo>
                  <a:lnTo>
                    <a:pt x="341376" y="0"/>
                  </a:lnTo>
                  <a:lnTo>
                    <a:pt x="341376" y="3048"/>
                  </a:lnTo>
                  <a:lnTo>
                    <a:pt x="345948" y="3048"/>
                  </a:lnTo>
                  <a:lnTo>
                    <a:pt x="345948" y="0"/>
                  </a:lnTo>
                  <a:close/>
                </a:path>
                <a:path w="483235" h="3175">
                  <a:moveTo>
                    <a:pt x="352044" y="0"/>
                  </a:moveTo>
                  <a:lnTo>
                    <a:pt x="348996" y="0"/>
                  </a:lnTo>
                  <a:lnTo>
                    <a:pt x="348996" y="3048"/>
                  </a:lnTo>
                  <a:lnTo>
                    <a:pt x="352044" y="3048"/>
                  </a:lnTo>
                  <a:lnTo>
                    <a:pt x="352044" y="0"/>
                  </a:lnTo>
                  <a:close/>
                </a:path>
                <a:path w="483235" h="3175">
                  <a:moveTo>
                    <a:pt x="359664" y="0"/>
                  </a:moveTo>
                  <a:lnTo>
                    <a:pt x="355092" y="0"/>
                  </a:lnTo>
                  <a:lnTo>
                    <a:pt x="355092" y="3048"/>
                  </a:lnTo>
                  <a:lnTo>
                    <a:pt x="359664" y="3048"/>
                  </a:lnTo>
                  <a:lnTo>
                    <a:pt x="359664" y="0"/>
                  </a:lnTo>
                  <a:close/>
                </a:path>
                <a:path w="483235" h="3175">
                  <a:moveTo>
                    <a:pt x="365760" y="0"/>
                  </a:moveTo>
                  <a:lnTo>
                    <a:pt x="362712" y="0"/>
                  </a:lnTo>
                  <a:lnTo>
                    <a:pt x="362712" y="3048"/>
                  </a:lnTo>
                  <a:lnTo>
                    <a:pt x="365760" y="3048"/>
                  </a:lnTo>
                  <a:lnTo>
                    <a:pt x="365760" y="0"/>
                  </a:lnTo>
                  <a:close/>
                </a:path>
                <a:path w="483235" h="3175">
                  <a:moveTo>
                    <a:pt x="373380" y="0"/>
                  </a:moveTo>
                  <a:lnTo>
                    <a:pt x="368808" y="0"/>
                  </a:lnTo>
                  <a:lnTo>
                    <a:pt x="368808" y="3048"/>
                  </a:lnTo>
                  <a:lnTo>
                    <a:pt x="373380" y="3048"/>
                  </a:lnTo>
                  <a:lnTo>
                    <a:pt x="373380" y="0"/>
                  </a:lnTo>
                  <a:close/>
                </a:path>
                <a:path w="483235" h="3175">
                  <a:moveTo>
                    <a:pt x="379476" y="0"/>
                  </a:moveTo>
                  <a:lnTo>
                    <a:pt x="376428" y="0"/>
                  </a:lnTo>
                  <a:lnTo>
                    <a:pt x="376428" y="3048"/>
                  </a:lnTo>
                  <a:lnTo>
                    <a:pt x="379476" y="3048"/>
                  </a:lnTo>
                  <a:lnTo>
                    <a:pt x="379476" y="0"/>
                  </a:lnTo>
                  <a:close/>
                </a:path>
                <a:path w="483235" h="3175">
                  <a:moveTo>
                    <a:pt x="387096" y="0"/>
                  </a:moveTo>
                  <a:lnTo>
                    <a:pt x="382524" y="0"/>
                  </a:lnTo>
                  <a:lnTo>
                    <a:pt x="382524" y="3048"/>
                  </a:lnTo>
                  <a:lnTo>
                    <a:pt x="387096" y="3048"/>
                  </a:lnTo>
                  <a:lnTo>
                    <a:pt x="387096" y="0"/>
                  </a:lnTo>
                  <a:close/>
                </a:path>
                <a:path w="483235" h="3175">
                  <a:moveTo>
                    <a:pt x="393192" y="0"/>
                  </a:moveTo>
                  <a:lnTo>
                    <a:pt x="390144" y="0"/>
                  </a:lnTo>
                  <a:lnTo>
                    <a:pt x="390144" y="3048"/>
                  </a:lnTo>
                  <a:lnTo>
                    <a:pt x="393192" y="3048"/>
                  </a:lnTo>
                  <a:lnTo>
                    <a:pt x="393192" y="0"/>
                  </a:lnTo>
                  <a:close/>
                </a:path>
                <a:path w="483235" h="3175">
                  <a:moveTo>
                    <a:pt x="400812" y="0"/>
                  </a:moveTo>
                  <a:lnTo>
                    <a:pt x="396240" y="0"/>
                  </a:lnTo>
                  <a:lnTo>
                    <a:pt x="396240" y="3048"/>
                  </a:lnTo>
                  <a:lnTo>
                    <a:pt x="400812" y="3048"/>
                  </a:lnTo>
                  <a:lnTo>
                    <a:pt x="400812" y="0"/>
                  </a:lnTo>
                  <a:close/>
                </a:path>
                <a:path w="483235" h="3175">
                  <a:moveTo>
                    <a:pt x="406908" y="0"/>
                  </a:moveTo>
                  <a:lnTo>
                    <a:pt x="403860" y="0"/>
                  </a:lnTo>
                  <a:lnTo>
                    <a:pt x="403860" y="3048"/>
                  </a:lnTo>
                  <a:lnTo>
                    <a:pt x="406908" y="3048"/>
                  </a:lnTo>
                  <a:lnTo>
                    <a:pt x="406908" y="0"/>
                  </a:lnTo>
                  <a:close/>
                </a:path>
                <a:path w="483235" h="3175">
                  <a:moveTo>
                    <a:pt x="414528" y="0"/>
                  </a:moveTo>
                  <a:lnTo>
                    <a:pt x="409956" y="0"/>
                  </a:lnTo>
                  <a:lnTo>
                    <a:pt x="409956" y="3048"/>
                  </a:lnTo>
                  <a:lnTo>
                    <a:pt x="414528" y="3048"/>
                  </a:lnTo>
                  <a:lnTo>
                    <a:pt x="414528" y="0"/>
                  </a:lnTo>
                  <a:close/>
                </a:path>
                <a:path w="483235" h="3175">
                  <a:moveTo>
                    <a:pt x="420624" y="0"/>
                  </a:moveTo>
                  <a:lnTo>
                    <a:pt x="417576" y="0"/>
                  </a:lnTo>
                  <a:lnTo>
                    <a:pt x="417576" y="3048"/>
                  </a:lnTo>
                  <a:lnTo>
                    <a:pt x="420624" y="3048"/>
                  </a:lnTo>
                  <a:lnTo>
                    <a:pt x="420624" y="0"/>
                  </a:lnTo>
                  <a:close/>
                </a:path>
                <a:path w="483235" h="3175">
                  <a:moveTo>
                    <a:pt x="428244" y="0"/>
                  </a:moveTo>
                  <a:lnTo>
                    <a:pt x="423672" y="0"/>
                  </a:lnTo>
                  <a:lnTo>
                    <a:pt x="423672" y="3048"/>
                  </a:lnTo>
                  <a:lnTo>
                    <a:pt x="428244" y="3048"/>
                  </a:lnTo>
                  <a:lnTo>
                    <a:pt x="428244" y="0"/>
                  </a:lnTo>
                  <a:close/>
                </a:path>
                <a:path w="483235" h="3175">
                  <a:moveTo>
                    <a:pt x="434340" y="0"/>
                  </a:moveTo>
                  <a:lnTo>
                    <a:pt x="431292" y="0"/>
                  </a:lnTo>
                  <a:lnTo>
                    <a:pt x="431292" y="3048"/>
                  </a:lnTo>
                  <a:lnTo>
                    <a:pt x="434340" y="3048"/>
                  </a:lnTo>
                  <a:lnTo>
                    <a:pt x="434340" y="0"/>
                  </a:lnTo>
                  <a:close/>
                </a:path>
                <a:path w="483235" h="3175">
                  <a:moveTo>
                    <a:pt x="441960" y="0"/>
                  </a:moveTo>
                  <a:lnTo>
                    <a:pt x="437388" y="0"/>
                  </a:lnTo>
                  <a:lnTo>
                    <a:pt x="437388" y="3048"/>
                  </a:lnTo>
                  <a:lnTo>
                    <a:pt x="441960" y="3048"/>
                  </a:lnTo>
                  <a:lnTo>
                    <a:pt x="441960" y="0"/>
                  </a:lnTo>
                  <a:close/>
                </a:path>
                <a:path w="483235" h="3175">
                  <a:moveTo>
                    <a:pt x="448056" y="0"/>
                  </a:moveTo>
                  <a:lnTo>
                    <a:pt x="445008" y="0"/>
                  </a:lnTo>
                  <a:lnTo>
                    <a:pt x="445008" y="3048"/>
                  </a:lnTo>
                  <a:lnTo>
                    <a:pt x="448056" y="3048"/>
                  </a:lnTo>
                  <a:lnTo>
                    <a:pt x="448056" y="0"/>
                  </a:lnTo>
                  <a:close/>
                </a:path>
                <a:path w="483235" h="3175">
                  <a:moveTo>
                    <a:pt x="455676" y="0"/>
                  </a:moveTo>
                  <a:lnTo>
                    <a:pt x="451104" y="0"/>
                  </a:lnTo>
                  <a:lnTo>
                    <a:pt x="451104" y="3048"/>
                  </a:lnTo>
                  <a:lnTo>
                    <a:pt x="455676" y="3048"/>
                  </a:lnTo>
                  <a:lnTo>
                    <a:pt x="455676" y="0"/>
                  </a:lnTo>
                  <a:close/>
                </a:path>
                <a:path w="483235" h="3175">
                  <a:moveTo>
                    <a:pt x="461772" y="0"/>
                  </a:moveTo>
                  <a:lnTo>
                    <a:pt x="458724" y="0"/>
                  </a:lnTo>
                  <a:lnTo>
                    <a:pt x="458724" y="3048"/>
                  </a:lnTo>
                  <a:lnTo>
                    <a:pt x="461772" y="3048"/>
                  </a:lnTo>
                  <a:lnTo>
                    <a:pt x="461772" y="0"/>
                  </a:lnTo>
                  <a:close/>
                </a:path>
                <a:path w="483235" h="3175">
                  <a:moveTo>
                    <a:pt x="469392" y="0"/>
                  </a:moveTo>
                  <a:lnTo>
                    <a:pt x="464820" y="0"/>
                  </a:lnTo>
                  <a:lnTo>
                    <a:pt x="464820" y="3048"/>
                  </a:lnTo>
                  <a:lnTo>
                    <a:pt x="469392" y="3048"/>
                  </a:lnTo>
                  <a:lnTo>
                    <a:pt x="469392" y="0"/>
                  </a:lnTo>
                  <a:close/>
                </a:path>
                <a:path w="483235" h="3175">
                  <a:moveTo>
                    <a:pt x="475488" y="0"/>
                  </a:moveTo>
                  <a:lnTo>
                    <a:pt x="472440" y="0"/>
                  </a:lnTo>
                  <a:lnTo>
                    <a:pt x="472440" y="3048"/>
                  </a:lnTo>
                  <a:lnTo>
                    <a:pt x="475488" y="3048"/>
                  </a:lnTo>
                  <a:lnTo>
                    <a:pt x="475488" y="0"/>
                  </a:lnTo>
                  <a:close/>
                </a:path>
                <a:path w="483235"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163" name="object 163"/>
            <p:cNvSpPr/>
            <p:nvPr/>
          </p:nvSpPr>
          <p:spPr>
            <a:xfrm>
              <a:off x="6204204" y="1168907"/>
              <a:ext cx="483234" cy="3175"/>
            </a:xfrm>
            <a:custGeom>
              <a:avLst/>
              <a:gdLst/>
              <a:ahLst/>
              <a:cxnLst/>
              <a:rect l="l" t="t" r="r" b="b"/>
              <a:pathLst>
                <a:path w="483234" h="3175">
                  <a:moveTo>
                    <a:pt x="4572" y="0"/>
                  </a:moveTo>
                  <a:lnTo>
                    <a:pt x="0" y="0"/>
                  </a:lnTo>
                  <a:lnTo>
                    <a:pt x="0" y="3048"/>
                  </a:lnTo>
                  <a:lnTo>
                    <a:pt x="4572" y="3048"/>
                  </a:lnTo>
                  <a:lnTo>
                    <a:pt x="4572" y="0"/>
                  </a:lnTo>
                  <a:close/>
                </a:path>
                <a:path w="483234" h="3175">
                  <a:moveTo>
                    <a:pt x="10668" y="0"/>
                  </a:moveTo>
                  <a:lnTo>
                    <a:pt x="7620" y="0"/>
                  </a:lnTo>
                  <a:lnTo>
                    <a:pt x="7620" y="3048"/>
                  </a:lnTo>
                  <a:lnTo>
                    <a:pt x="10668" y="3048"/>
                  </a:lnTo>
                  <a:lnTo>
                    <a:pt x="10668" y="0"/>
                  </a:lnTo>
                  <a:close/>
                </a:path>
                <a:path w="483234" h="3175">
                  <a:moveTo>
                    <a:pt x="18288" y="0"/>
                  </a:moveTo>
                  <a:lnTo>
                    <a:pt x="13716" y="0"/>
                  </a:lnTo>
                  <a:lnTo>
                    <a:pt x="13716" y="3048"/>
                  </a:lnTo>
                  <a:lnTo>
                    <a:pt x="18288" y="3048"/>
                  </a:lnTo>
                  <a:lnTo>
                    <a:pt x="18288" y="0"/>
                  </a:lnTo>
                  <a:close/>
                </a:path>
                <a:path w="483234" h="3175">
                  <a:moveTo>
                    <a:pt x="24384" y="0"/>
                  </a:moveTo>
                  <a:lnTo>
                    <a:pt x="21336" y="0"/>
                  </a:lnTo>
                  <a:lnTo>
                    <a:pt x="21336" y="3048"/>
                  </a:lnTo>
                  <a:lnTo>
                    <a:pt x="24384" y="3048"/>
                  </a:lnTo>
                  <a:lnTo>
                    <a:pt x="24384" y="0"/>
                  </a:lnTo>
                  <a:close/>
                </a:path>
                <a:path w="483234" h="3175">
                  <a:moveTo>
                    <a:pt x="32004" y="0"/>
                  </a:moveTo>
                  <a:lnTo>
                    <a:pt x="27432" y="0"/>
                  </a:lnTo>
                  <a:lnTo>
                    <a:pt x="27432" y="3048"/>
                  </a:lnTo>
                  <a:lnTo>
                    <a:pt x="32004" y="3048"/>
                  </a:lnTo>
                  <a:lnTo>
                    <a:pt x="32004" y="0"/>
                  </a:lnTo>
                  <a:close/>
                </a:path>
                <a:path w="483234" h="3175">
                  <a:moveTo>
                    <a:pt x="38100" y="0"/>
                  </a:moveTo>
                  <a:lnTo>
                    <a:pt x="35052" y="0"/>
                  </a:lnTo>
                  <a:lnTo>
                    <a:pt x="35052" y="3048"/>
                  </a:lnTo>
                  <a:lnTo>
                    <a:pt x="38100" y="3048"/>
                  </a:lnTo>
                  <a:lnTo>
                    <a:pt x="38100" y="0"/>
                  </a:lnTo>
                  <a:close/>
                </a:path>
                <a:path w="483234" h="3175">
                  <a:moveTo>
                    <a:pt x="45720" y="0"/>
                  </a:moveTo>
                  <a:lnTo>
                    <a:pt x="41148" y="0"/>
                  </a:lnTo>
                  <a:lnTo>
                    <a:pt x="41148" y="3048"/>
                  </a:lnTo>
                  <a:lnTo>
                    <a:pt x="45720" y="3048"/>
                  </a:lnTo>
                  <a:lnTo>
                    <a:pt x="45720" y="0"/>
                  </a:lnTo>
                  <a:close/>
                </a:path>
                <a:path w="483234" h="3175">
                  <a:moveTo>
                    <a:pt x="51816" y="0"/>
                  </a:moveTo>
                  <a:lnTo>
                    <a:pt x="48768" y="0"/>
                  </a:lnTo>
                  <a:lnTo>
                    <a:pt x="48768" y="3048"/>
                  </a:lnTo>
                  <a:lnTo>
                    <a:pt x="51816" y="3048"/>
                  </a:lnTo>
                  <a:lnTo>
                    <a:pt x="51816" y="0"/>
                  </a:lnTo>
                  <a:close/>
                </a:path>
                <a:path w="483234" h="3175">
                  <a:moveTo>
                    <a:pt x="59436" y="0"/>
                  </a:moveTo>
                  <a:lnTo>
                    <a:pt x="54864" y="0"/>
                  </a:lnTo>
                  <a:lnTo>
                    <a:pt x="54864" y="3048"/>
                  </a:lnTo>
                  <a:lnTo>
                    <a:pt x="59436" y="3048"/>
                  </a:lnTo>
                  <a:lnTo>
                    <a:pt x="59436" y="0"/>
                  </a:lnTo>
                  <a:close/>
                </a:path>
                <a:path w="483234" h="3175">
                  <a:moveTo>
                    <a:pt x="65532" y="0"/>
                  </a:moveTo>
                  <a:lnTo>
                    <a:pt x="62484" y="0"/>
                  </a:lnTo>
                  <a:lnTo>
                    <a:pt x="62484" y="3048"/>
                  </a:lnTo>
                  <a:lnTo>
                    <a:pt x="65532" y="3048"/>
                  </a:lnTo>
                  <a:lnTo>
                    <a:pt x="65532" y="0"/>
                  </a:lnTo>
                  <a:close/>
                </a:path>
                <a:path w="483234" h="3175">
                  <a:moveTo>
                    <a:pt x="73152" y="0"/>
                  </a:moveTo>
                  <a:lnTo>
                    <a:pt x="68580" y="0"/>
                  </a:lnTo>
                  <a:lnTo>
                    <a:pt x="68580" y="3048"/>
                  </a:lnTo>
                  <a:lnTo>
                    <a:pt x="73152" y="3048"/>
                  </a:lnTo>
                  <a:lnTo>
                    <a:pt x="73152" y="0"/>
                  </a:lnTo>
                  <a:close/>
                </a:path>
                <a:path w="483234" h="3175">
                  <a:moveTo>
                    <a:pt x="79248" y="0"/>
                  </a:moveTo>
                  <a:lnTo>
                    <a:pt x="76200" y="0"/>
                  </a:lnTo>
                  <a:lnTo>
                    <a:pt x="76200" y="3048"/>
                  </a:lnTo>
                  <a:lnTo>
                    <a:pt x="79248" y="3048"/>
                  </a:lnTo>
                  <a:lnTo>
                    <a:pt x="79248" y="0"/>
                  </a:lnTo>
                  <a:close/>
                </a:path>
                <a:path w="483234" h="3175">
                  <a:moveTo>
                    <a:pt x="86868" y="0"/>
                  </a:moveTo>
                  <a:lnTo>
                    <a:pt x="82296" y="0"/>
                  </a:lnTo>
                  <a:lnTo>
                    <a:pt x="82296" y="3048"/>
                  </a:lnTo>
                  <a:lnTo>
                    <a:pt x="86868" y="3048"/>
                  </a:lnTo>
                  <a:lnTo>
                    <a:pt x="86868" y="0"/>
                  </a:lnTo>
                  <a:close/>
                </a:path>
                <a:path w="483234" h="3175">
                  <a:moveTo>
                    <a:pt x="92964" y="0"/>
                  </a:moveTo>
                  <a:lnTo>
                    <a:pt x="89916" y="0"/>
                  </a:lnTo>
                  <a:lnTo>
                    <a:pt x="89916" y="3048"/>
                  </a:lnTo>
                  <a:lnTo>
                    <a:pt x="92964" y="3048"/>
                  </a:lnTo>
                  <a:lnTo>
                    <a:pt x="92964" y="0"/>
                  </a:lnTo>
                  <a:close/>
                </a:path>
                <a:path w="483234" h="3175">
                  <a:moveTo>
                    <a:pt x="100584" y="0"/>
                  </a:moveTo>
                  <a:lnTo>
                    <a:pt x="96012" y="0"/>
                  </a:lnTo>
                  <a:lnTo>
                    <a:pt x="96012" y="3048"/>
                  </a:lnTo>
                  <a:lnTo>
                    <a:pt x="100584" y="3048"/>
                  </a:lnTo>
                  <a:lnTo>
                    <a:pt x="100584" y="0"/>
                  </a:lnTo>
                  <a:close/>
                </a:path>
                <a:path w="483234" h="3175">
                  <a:moveTo>
                    <a:pt x="106680" y="0"/>
                  </a:moveTo>
                  <a:lnTo>
                    <a:pt x="103632" y="0"/>
                  </a:lnTo>
                  <a:lnTo>
                    <a:pt x="103632" y="3048"/>
                  </a:lnTo>
                  <a:lnTo>
                    <a:pt x="106680" y="3048"/>
                  </a:lnTo>
                  <a:lnTo>
                    <a:pt x="106680" y="0"/>
                  </a:lnTo>
                  <a:close/>
                </a:path>
                <a:path w="483234" h="3175">
                  <a:moveTo>
                    <a:pt x="114300" y="0"/>
                  </a:moveTo>
                  <a:lnTo>
                    <a:pt x="109728" y="0"/>
                  </a:lnTo>
                  <a:lnTo>
                    <a:pt x="109728" y="3048"/>
                  </a:lnTo>
                  <a:lnTo>
                    <a:pt x="114300" y="3048"/>
                  </a:lnTo>
                  <a:lnTo>
                    <a:pt x="114300" y="0"/>
                  </a:lnTo>
                  <a:close/>
                </a:path>
                <a:path w="483234" h="3175">
                  <a:moveTo>
                    <a:pt x="120396" y="0"/>
                  </a:moveTo>
                  <a:lnTo>
                    <a:pt x="117348" y="0"/>
                  </a:lnTo>
                  <a:lnTo>
                    <a:pt x="117348" y="3048"/>
                  </a:lnTo>
                  <a:lnTo>
                    <a:pt x="120396" y="3048"/>
                  </a:lnTo>
                  <a:lnTo>
                    <a:pt x="120396" y="0"/>
                  </a:lnTo>
                  <a:close/>
                </a:path>
                <a:path w="483234" h="3175">
                  <a:moveTo>
                    <a:pt x="128016" y="0"/>
                  </a:moveTo>
                  <a:lnTo>
                    <a:pt x="123444" y="0"/>
                  </a:lnTo>
                  <a:lnTo>
                    <a:pt x="123444" y="3048"/>
                  </a:lnTo>
                  <a:lnTo>
                    <a:pt x="128016" y="3048"/>
                  </a:lnTo>
                  <a:lnTo>
                    <a:pt x="128016" y="0"/>
                  </a:lnTo>
                  <a:close/>
                </a:path>
                <a:path w="483234" h="3175">
                  <a:moveTo>
                    <a:pt x="134112" y="0"/>
                  </a:moveTo>
                  <a:lnTo>
                    <a:pt x="131064" y="0"/>
                  </a:lnTo>
                  <a:lnTo>
                    <a:pt x="131064" y="3048"/>
                  </a:lnTo>
                  <a:lnTo>
                    <a:pt x="134112" y="3048"/>
                  </a:lnTo>
                  <a:lnTo>
                    <a:pt x="134112" y="0"/>
                  </a:lnTo>
                  <a:close/>
                </a:path>
                <a:path w="483234" h="3175">
                  <a:moveTo>
                    <a:pt x="141732" y="0"/>
                  </a:moveTo>
                  <a:lnTo>
                    <a:pt x="137160" y="0"/>
                  </a:lnTo>
                  <a:lnTo>
                    <a:pt x="137160" y="3048"/>
                  </a:lnTo>
                  <a:lnTo>
                    <a:pt x="141732" y="3048"/>
                  </a:lnTo>
                  <a:lnTo>
                    <a:pt x="141732" y="0"/>
                  </a:lnTo>
                  <a:close/>
                </a:path>
                <a:path w="483234" h="3175">
                  <a:moveTo>
                    <a:pt x="147828" y="0"/>
                  </a:moveTo>
                  <a:lnTo>
                    <a:pt x="144780" y="0"/>
                  </a:lnTo>
                  <a:lnTo>
                    <a:pt x="144780" y="3048"/>
                  </a:lnTo>
                  <a:lnTo>
                    <a:pt x="147828" y="3048"/>
                  </a:lnTo>
                  <a:lnTo>
                    <a:pt x="147828" y="0"/>
                  </a:lnTo>
                  <a:close/>
                </a:path>
                <a:path w="483234" h="3175">
                  <a:moveTo>
                    <a:pt x="155448" y="0"/>
                  </a:moveTo>
                  <a:lnTo>
                    <a:pt x="150876" y="0"/>
                  </a:lnTo>
                  <a:lnTo>
                    <a:pt x="150876" y="3048"/>
                  </a:lnTo>
                  <a:lnTo>
                    <a:pt x="155448" y="3048"/>
                  </a:lnTo>
                  <a:lnTo>
                    <a:pt x="155448" y="0"/>
                  </a:lnTo>
                  <a:close/>
                </a:path>
                <a:path w="483234" h="3175">
                  <a:moveTo>
                    <a:pt x="161544" y="0"/>
                  </a:moveTo>
                  <a:lnTo>
                    <a:pt x="158496" y="0"/>
                  </a:lnTo>
                  <a:lnTo>
                    <a:pt x="158496" y="3048"/>
                  </a:lnTo>
                  <a:lnTo>
                    <a:pt x="161544" y="3048"/>
                  </a:lnTo>
                  <a:lnTo>
                    <a:pt x="161544" y="0"/>
                  </a:lnTo>
                  <a:close/>
                </a:path>
                <a:path w="483234" h="3175">
                  <a:moveTo>
                    <a:pt x="169164" y="0"/>
                  </a:moveTo>
                  <a:lnTo>
                    <a:pt x="164592" y="0"/>
                  </a:lnTo>
                  <a:lnTo>
                    <a:pt x="164592" y="3048"/>
                  </a:lnTo>
                  <a:lnTo>
                    <a:pt x="169164" y="3048"/>
                  </a:lnTo>
                  <a:lnTo>
                    <a:pt x="169164" y="0"/>
                  </a:lnTo>
                  <a:close/>
                </a:path>
                <a:path w="483234" h="3175">
                  <a:moveTo>
                    <a:pt x="175260" y="0"/>
                  </a:moveTo>
                  <a:lnTo>
                    <a:pt x="172212" y="0"/>
                  </a:lnTo>
                  <a:lnTo>
                    <a:pt x="172212" y="3048"/>
                  </a:lnTo>
                  <a:lnTo>
                    <a:pt x="175260" y="3048"/>
                  </a:lnTo>
                  <a:lnTo>
                    <a:pt x="175260" y="0"/>
                  </a:lnTo>
                  <a:close/>
                </a:path>
                <a:path w="483234" h="3175">
                  <a:moveTo>
                    <a:pt x="182880" y="0"/>
                  </a:moveTo>
                  <a:lnTo>
                    <a:pt x="178308" y="0"/>
                  </a:lnTo>
                  <a:lnTo>
                    <a:pt x="178308" y="3048"/>
                  </a:lnTo>
                  <a:lnTo>
                    <a:pt x="182880" y="3048"/>
                  </a:lnTo>
                  <a:lnTo>
                    <a:pt x="182880" y="0"/>
                  </a:lnTo>
                  <a:close/>
                </a:path>
                <a:path w="483234" h="3175">
                  <a:moveTo>
                    <a:pt x="188976" y="0"/>
                  </a:moveTo>
                  <a:lnTo>
                    <a:pt x="185928" y="0"/>
                  </a:lnTo>
                  <a:lnTo>
                    <a:pt x="185928" y="3048"/>
                  </a:lnTo>
                  <a:lnTo>
                    <a:pt x="188976" y="3048"/>
                  </a:lnTo>
                  <a:lnTo>
                    <a:pt x="188976" y="0"/>
                  </a:lnTo>
                  <a:close/>
                </a:path>
                <a:path w="483234" h="3175">
                  <a:moveTo>
                    <a:pt x="196596" y="0"/>
                  </a:moveTo>
                  <a:lnTo>
                    <a:pt x="192024" y="0"/>
                  </a:lnTo>
                  <a:lnTo>
                    <a:pt x="192024" y="3048"/>
                  </a:lnTo>
                  <a:lnTo>
                    <a:pt x="196596" y="3048"/>
                  </a:lnTo>
                  <a:lnTo>
                    <a:pt x="196596" y="0"/>
                  </a:lnTo>
                  <a:close/>
                </a:path>
                <a:path w="483234" h="3175">
                  <a:moveTo>
                    <a:pt x="202692" y="0"/>
                  </a:moveTo>
                  <a:lnTo>
                    <a:pt x="199644" y="0"/>
                  </a:lnTo>
                  <a:lnTo>
                    <a:pt x="199644" y="3048"/>
                  </a:lnTo>
                  <a:lnTo>
                    <a:pt x="202692" y="3048"/>
                  </a:lnTo>
                  <a:lnTo>
                    <a:pt x="202692" y="0"/>
                  </a:lnTo>
                  <a:close/>
                </a:path>
                <a:path w="483234" h="3175">
                  <a:moveTo>
                    <a:pt x="210312" y="0"/>
                  </a:moveTo>
                  <a:lnTo>
                    <a:pt x="205740" y="0"/>
                  </a:lnTo>
                  <a:lnTo>
                    <a:pt x="205740" y="3048"/>
                  </a:lnTo>
                  <a:lnTo>
                    <a:pt x="210312" y="3048"/>
                  </a:lnTo>
                  <a:lnTo>
                    <a:pt x="210312" y="0"/>
                  </a:lnTo>
                  <a:close/>
                </a:path>
                <a:path w="483234" h="3175">
                  <a:moveTo>
                    <a:pt x="216408" y="0"/>
                  </a:moveTo>
                  <a:lnTo>
                    <a:pt x="213360" y="0"/>
                  </a:lnTo>
                  <a:lnTo>
                    <a:pt x="213360" y="3048"/>
                  </a:lnTo>
                  <a:lnTo>
                    <a:pt x="216408" y="3048"/>
                  </a:lnTo>
                  <a:lnTo>
                    <a:pt x="216408" y="0"/>
                  </a:lnTo>
                  <a:close/>
                </a:path>
                <a:path w="483234" h="3175">
                  <a:moveTo>
                    <a:pt x="224028" y="0"/>
                  </a:moveTo>
                  <a:lnTo>
                    <a:pt x="219456" y="0"/>
                  </a:lnTo>
                  <a:lnTo>
                    <a:pt x="219456" y="3048"/>
                  </a:lnTo>
                  <a:lnTo>
                    <a:pt x="224028" y="3048"/>
                  </a:lnTo>
                  <a:lnTo>
                    <a:pt x="224028" y="0"/>
                  </a:lnTo>
                  <a:close/>
                </a:path>
                <a:path w="483234" h="3175">
                  <a:moveTo>
                    <a:pt x="230124" y="0"/>
                  </a:moveTo>
                  <a:lnTo>
                    <a:pt x="227076" y="0"/>
                  </a:lnTo>
                  <a:lnTo>
                    <a:pt x="227076" y="3048"/>
                  </a:lnTo>
                  <a:lnTo>
                    <a:pt x="230124" y="3048"/>
                  </a:lnTo>
                  <a:lnTo>
                    <a:pt x="230124" y="0"/>
                  </a:lnTo>
                  <a:close/>
                </a:path>
                <a:path w="483234" h="3175">
                  <a:moveTo>
                    <a:pt x="237744" y="0"/>
                  </a:moveTo>
                  <a:lnTo>
                    <a:pt x="233172" y="0"/>
                  </a:lnTo>
                  <a:lnTo>
                    <a:pt x="233172" y="3048"/>
                  </a:lnTo>
                  <a:lnTo>
                    <a:pt x="237744" y="3048"/>
                  </a:lnTo>
                  <a:lnTo>
                    <a:pt x="237744" y="0"/>
                  </a:lnTo>
                  <a:close/>
                </a:path>
                <a:path w="483234" h="3175">
                  <a:moveTo>
                    <a:pt x="243840" y="0"/>
                  </a:moveTo>
                  <a:lnTo>
                    <a:pt x="240792" y="0"/>
                  </a:lnTo>
                  <a:lnTo>
                    <a:pt x="240792" y="3048"/>
                  </a:lnTo>
                  <a:lnTo>
                    <a:pt x="243840" y="3048"/>
                  </a:lnTo>
                  <a:lnTo>
                    <a:pt x="243840" y="0"/>
                  </a:lnTo>
                  <a:close/>
                </a:path>
                <a:path w="483234" h="3175">
                  <a:moveTo>
                    <a:pt x="251460" y="0"/>
                  </a:moveTo>
                  <a:lnTo>
                    <a:pt x="246888" y="0"/>
                  </a:lnTo>
                  <a:lnTo>
                    <a:pt x="246888" y="3048"/>
                  </a:lnTo>
                  <a:lnTo>
                    <a:pt x="251460" y="3048"/>
                  </a:lnTo>
                  <a:lnTo>
                    <a:pt x="251460" y="0"/>
                  </a:lnTo>
                  <a:close/>
                </a:path>
                <a:path w="483234" h="3175">
                  <a:moveTo>
                    <a:pt x="257556" y="0"/>
                  </a:moveTo>
                  <a:lnTo>
                    <a:pt x="254508" y="0"/>
                  </a:lnTo>
                  <a:lnTo>
                    <a:pt x="254508" y="3048"/>
                  </a:lnTo>
                  <a:lnTo>
                    <a:pt x="257556" y="3048"/>
                  </a:lnTo>
                  <a:lnTo>
                    <a:pt x="257556" y="0"/>
                  </a:lnTo>
                  <a:close/>
                </a:path>
                <a:path w="483234" h="3175">
                  <a:moveTo>
                    <a:pt x="265176" y="0"/>
                  </a:moveTo>
                  <a:lnTo>
                    <a:pt x="260604" y="0"/>
                  </a:lnTo>
                  <a:lnTo>
                    <a:pt x="260604" y="3048"/>
                  </a:lnTo>
                  <a:lnTo>
                    <a:pt x="265176" y="3048"/>
                  </a:lnTo>
                  <a:lnTo>
                    <a:pt x="265176" y="0"/>
                  </a:lnTo>
                  <a:close/>
                </a:path>
                <a:path w="483234" h="3175">
                  <a:moveTo>
                    <a:pt x="271272" y="0"/>
                  </a:moveTo>
                  <a:lnTo>
                    <a:pt x="268224" y="0"/>
                  </a:lnTo>
                  <a:lnTo>
                    <a:pt x="268224" y="3048"/>
                  </a:lnTo>
                  <a:lnTo>
                    <a:pt x="271272" y="3048"/>
                  </a:lnTo>
                  <a:lnTo>
                    <a:pt x="271272" y="0"/>
                  </a:lnTo>
                  <a:close/>
                </a:path>
                <a:path w="483234" h="3175">
                  <a:moveTo>
                    <a:pt x="278892" y="0"/>
                  </a:moveTo>
                  <a:lnTo>
                    <a:pt x="274320" y="0"/>
                  </a:lnTo>
                  <a:lnTo>
                    <a:pt x="274320" y="3048"/>
                  </a:lnTo>
                  <a:lnTo>
                    <a:pt x="278892" y="3048"/>
                  </a:lnTo>
                  <a:lnTo>
                    <a:pt x="278892" y="0"/>
                  </a:lnTo>
                  <a:close/>
                </a:path>
                <a:path w="483234" h="3175">
                  <a:moveTo>
                    <a:pt x="284988" y="0"/>
                  </a:moveTo>
                  <a:lnTo>
                    <a:pt x="281940" y="0"/>
                  </a:lnTo>
                  <a:lnTo>
                    <a:pt x="281940" y="3048"/>
                  </a:lnTo>
                  <a:lnTo>
                    <a:pt x="284988" y="3048"/>
                  </a:lnTo>
                  <a:lnTo>
                    <a:pt x="284988" y="0"/>
                  </a:lnTo>
                  <a:close/>
                </a:path>
                <a:path w="483234" h="3175">
                  <a:moveTo>
                    <a:pt x="292608" y="0"/>
                  </a:moveTo>
                  <a:lnTo>
                    <a:pt x="288036" y="0"/>
                  </a:lnTo>
                  <a:lnTo>
                    <a:pt x="288036" y="3048"/>
                  </a:lnTo>
                  <a:lnTo>
                    <a:pt x="292608" y="3048"/>
                  </a:lnTo>
                  <a:lnTo>
                    <a:pt x="292608" y="0"/>
                  </a:lnTo>
                  <a:close/>
                </a:path>
                <a:path w="483234" h="3175">
                  <a:moveTo>
                    <a:pt x="298691" y="0"/>
                  </a:moveTo>
                  <a:lnTo>
                    <a:pt x="295656" y="0"/>
                  </a:lnTo>
                  <a:lnTo>
                    <a:pt x="295656" y="3048"/>
                  </a:lnTo>
                  <a:lnTo>
                    <a:pt x="298691" y="3048"/>
                  </a:lnTo>
                  <a:lnTo>
                    <a:pt x="298691" y="0"/>
                  </a:lnTo>
                  <a:close/>
                </a:path>
                <a:path w="483234" h="3175">
                  <a:moveTo>
                    <a:pt x="306324" y="0"/>
                  </a:moveTo>
                  <a:lnTo>
                    <a:pt x="301752" y="0"/>
                  </a:lnTo>
                  <a:lnTo>
                    <a:pt x="301752" y="3048"/>
                  </a:lnTo>
                  <a:lnTo>
                    <a:pt x="306324" y="3048"/>
                  </a:lnTo>
                  <a:lnTo>
                    <a:pt x="306324" y="0"/>
                  </a:lnTo>
                  <a:close/>
                </a:path>
                <a:path w="483234" h="3175">
                  <a:moveTo>
                    <a:pt x="312420" y="0"/>
                  </a:moveTo>
                  <a:lnTo>
                    <a:pt x="309372" y="0"/>
                  </a:lnTo>
                  <a:lnTo>
                    <a:pt x="309372" y="3048"/>
                  </a:lnTo>
                  <a:lnTo>
                    <a:pt x="312420" y="3048"/>
                  </a:lnTo>
                  <a:lnTo>
                    <a:pt x="312420" y="0"/>
                  </a:lnTo>
                  <a:close/>
                </a:path>
                <a:path w="483234" h="3175">
                  <a:moveTo>
                    <a:pt x="320040" y="0"/>
                  </a:moveTo>
                  <a:lnTo>
                    <a:pt x="315468" y="0"/>
                  </a:lnTo>
                  <a:lnTo>
                    <a:pt x="315468" y="3048"/>
                  </a:lnTo>
                  <a:lnTo>
                    <a:pt x="320040" y="3048"/>
                  </a:lnTo>
                  <a:lnTo>
                    <a:pt x="320040" y="0"/>
                  </a:lnTo>
                  <a:close/>
                </a:path>
                <a:path w="483234" h="3175">
                  <a:moveTo>
                    <a:pt x="326136" y="0"/>
                  </a:moveTo>
                  <a:lnTo>
                    <a:pt x="323088" y="0"/>
                  </a:lnTo>
                  <a:lnTo>
                    <a:pt x="323088" y="3048"/>
                  </a:lnTo>
                  <a:lnTo>
                    <a:pt x="326136" y="3048"/>
                  </a:lnTo>
                  <a:lnTo>
                    <a:pt x="326136" y="0"/>
                  </a:lnTo>
                  <a:close/>
                </a:path>
                <a:path w="483234" h="3175">
                  <a:moveTo>
                    <a:pt x="333743" y="0"/>
                  </a:moveTo>
                  <a:lnTo>
                    <a:pt x="329184" y="0"/>
                  </a:lnTo>
                  <a:lnTo>
                    <a:pt x="329184" y="3048"/>
                  </a:lnTo>
                  <a:lnTo>
                    <a:pt x="333743" y="3048"/>
                  </a:lnTo>
                  <a:lnTo>
                    <a:pt x="333743" y="0"/>
                  </a:lnTo>
                  <a:close/>
                </a:path>
                <a:path w="483234" h="3175">
                  <a:moveTo>
                    <a:pt x="339852" y="0"/>
                  </a:moveTo>
                  <a:lnTo>
                    <a:pt x="336791" y="0"/>
                  </a:lnTo>
                  <a:lnTo>
                    <a:pt x="336791" y="3048"/>
                  </a:lnTo>
                  <a:lnTo>
                    <a:pt x="339852" y="3048"/>
                  </a:lnTo>
                  <a:lnTo>
                    <a:pt x="339852" y="0"/>
                  </a:lnTo>
                  <a:close/>
                </a:path>
                <a:path w="483234" h="3175">
                  <a:moveTo>
                    <a:pt x="347472" y="0"/>
                  </a:moveTo>
                  <a:lnTo>
                    <a:pt x="342900" y="0"/>
                  </a:lnTo>
                  <a:lnTo>
                    <a:pt x="342900" y="3048"/>
                  </a:lnTo>
                  <a:lnTo>
                    <a:pt x="347472" y="3048"/>
                  </a:lnTo>
                  <a:lnTo>
                    <a:pt x="347472" y="0"/>
                  </a:lnTo>
                  <a:close/>
                </a:path>
                <a:path w="483234" h="3175">
                  <a:moveTo>
                    <a:pt x="353568" y="0"/>
                  </a:moveTo>
                  <a:lnTo>
                    <a:pt x="350520" y="0"/>
                  </a:lnTo>
                  <a:lnTo>
                    <a:pt x="350520" y="3048"/>
                  </a:lnTo>
                  <a:lnTo>
                    <a:pt x="353568" y="3048"/>
                  </a:lnTo>
                  <a:lnTo>
                    <a:pt x="353568" y="0"/>
                  </a:lnTo>
                  <a:close/>
                </a:path>
                <a:path w="483234" h="3175">
                  <a:moveTo>
                    <a:pt x="361188" y="0"/>
                  </a:moveTo>
                  <a:lnTo>
                    <a:pt x="356616" y="0"/>
                  </a:lnTo>
                  <a:lnTo>
                    <a:pt x="356616" y="3048"/>
                  </a:lnTo>
                  <a:lnTo>
                    <a:pt x="361188" y="3048"/>
                  </a:lnTo>
                  <a:lnTo>
                    <a:pt x="361188" y="0"/>
                  </a:lnTo>
                  <a:close/>
                </a:path>
                <a:path w="483234" h="3175">
                  <a:moveTo>
                    <a:pt x="367284" y="0"/>
                  </a:moveTo>
                  <a:lnTo>
                    <a:pt x="364236" y="0"/>
                  </a:lnTo>
                  <a:lnTo>
                    <a:pt x="364236" y="3048"/>
                  </a:lnTo>
                  <a:lnTo>
                    <a:pt x="367284" y="3048"/>
                  </a:lnTo>
                  <a:lnTo>
                    <a:pt x="367284" y="0"/>
                  </a:lnTo>
                  <a:close/>
                </a:path>
                <a:path w="483234" h="3175">
                  <a:moveTo>
                    <a:pt x="374891" y="0"/>
                  </a:moveTo>
                  <a:lnTo>
                    <a:pt x="370319" y="0"/>
                  </a:lnTo>
                  <a:lnTo>
                    <a:pt x="370319" y="3048"/>
                  </a:lnTo>
                  <a:lnTo>
                    <a:pt x="374891" y="3048"/>
                  </a:lnTo>
                  <a:lnTo>
                    <a:pt x="374891" y="0"/>
                  </a:lnTo>
                  <a:close/>
                </a:path>
                <a:path w="483234" h="3175">
                  <a:moveTo>
                    <a:pt x="381000" y="0"/>
                  </a:moveTo>
                  <a:lnTo>
                    <a:pt x="377952" y="0"/>
                  </a:lnTo>
                  <a:lnTo>
                    <a:pt x="377952"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1668" y="0"/>
                  </a:lnTo>
                  <a:lnTo>
                    <a:pt x="391668"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19" y="0"/>
                  </a:moveTo>
                  <a:lnTo>
                    <a:pt x="405384" y="0"/>
                  </a:lnTo>
                  <a:lnTo>
                    <a:pt x="405384" y="3048"/>
                  </a:lnTo>
                  <a:lnTo>
                    <a:pt x="408419" y="3048"/>
                  </a:lnTo>
                  <a:lnTo>
                    <a:pt x="408419" y="0"/>
                  </a:lnTo>
                  <a:close/>
                </a:path>
                <a:path w="483234" h="3175">
                  <a:moveTo>
                    <a:pt x="414515" y="0"/>
                  </a:moveTo>
                  <a:lnTo>
                    <a:pt x="411467" y="0"/>
                  </a:lnTo>
                  <a:lnTo>
                    <a:pt x="411467" y="3048"/>
                  </a:lnTo>
                  <a:lnTo>
                    <a:pt x="414515" y="3048"/>
                  </a:lnTo>
                  <a:lnTo>
                    <a:pt x="414515" y="0"/>
                  </a:lnTo>
                  <a:close/>
                </a:path>
                <a:path w="483234" h="3175">
                  <a:moveTo>
                    <a:pt x="422148" y="0"/>
                  </a:moveTo>
                  <a:lnTo>
                    <a:pt x="419100" y="0"/>
                  </a:lnTo>
                  <a:lnTo>
                    <a:pt x="419100"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2816" y="0"/>
                  </a:lnTo>
                  <a:lnTo>
                    <a:pt x="432816"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67" y="0"/>
                  </a:moveTo>
                  <a:lnTo>
                    <a:pt x="446519" y="0"/>
                  </a:lnTo>
                  <a:lnTo>
                    <a:pt x="446519" y="3048"/>
                  </a:lnTo>
                  <a:lnTo>
                    <a:pt x="449567" y="3048"/>
                  </a:lnTo>
                  <a:lnTo>
                    <a:pt x="449567" y="0"/>
                  </a:lnTo>
                  <a:close/>
                </a:path>
                <a:path w="483234" h="3175">
                  <a:moveTo>
                    <a:pt x="455676" y="0"/>
                  </a:moveTo>
                  <a:lnTo>
                    <a:pt x="452615" y="0"/>
                  </a:lnTo>
                  <a:lnTo>
                    <a:pt x="452615" y="3048"/>
                  </a:lnTo>
                  <a:lnTo>
                    <a:pt x="455676" y="3048"/>
                  </a:lnTo>
                  <a:lnTo>
                    <a:pt x="455676" y="0"/>
                  </a:lnTo>
                  <a:close/>
                </a:path>
                <a:path w="483234" h="3175">
                  <a:moveTo>
                    <a:pt x="463296" y="0"/>
                  </a:moveTo>
                  <a:lnTo>
                    <a:pt x="460248" y="0"/>
                  </a:lnTo>
                  <a:lnTo>
                    <a:pt x="460248"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4" name="object 164"/>
            <p:cNvSpPr/>
            <p:nvPr/>
          </p:nvSpPr>
          <p:spPr>
            <a:xfrm>
              <a:off x="6684264" y="1168907"/>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7620" y="0"/>
                  </a:lnTo>
                  <a:lnTo>
                    <a:pt x="7620"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21336" y="0"/>
                  </a:lnTo>
                  <a:lnTo>
                    <a:pt x="21336"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5052" y="0"/>
                  </a:lnTo>
                  <a:lnTo>
                    <a:pt x="35052"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8768" y="0"/>
                  </a:lnTo>
                  <a:lnTo>
                    <a:pt x="48768"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2484" y="0"/>
                  </a:lnTo>
                  <a:lnTo>
                    <a:pt x="62484"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6200" y="0"/>
                  </a:lnTo>
                  <a:lnTo>
                    <a:pt x="76200"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9916" y="0"/>
                  </a:lnTo>
                  <a:lnTo>
                    <a:pt x="89916"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3632" y="0"/>
                  </a:lnTo>
                  <a:lnTo>
                    <a:pt x="103632"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7348" y="0"/>
                  </a:lnTo>
                  <a:lnTo>
                    <a:pt x="117348"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31064" y="0"/>
                  </a:lnTo>
                  <a:lnTo>
                    <a:pt x="131064"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4780" y="0"/>
                  </a:lnTo>
                  <a:lnTo>
                    <a:pt x="144780"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8496" y="0"/>
                  </a:lnTo>
                  <a:lnTo>
                    <a:pt x="158496"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2212" y="0"/>
                  </a:lnTo>
                  <a:lnTo>
                    <a:pt x="172212"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5928" y="0"/>
                  </a:lnTo>
                  <a:lnTo>
                    <a:pt x="185928"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9644" y="0"/>
                  </a:lnTo>
                  <a:lnTo>
                    <a:pt x="199644"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3360" y="0"/>
                  </a:lnTo>
                  <a:lnTo>
                    <a:pt x="213360"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7076" y="0"/>
                  </a:lnTo>
                  <a:lnTo>
                    <a:pt x="227076"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40792" y="0"/>
                  </a:lnTo>
                  <a:lnTo>
                    <a:pt x="240792"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4508" y="0"/>
                  </a:lnTo>
                  <a:lnTo>
                    <a:pt x="254508"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8224" y="0"/>
                  </a:lnTo>
                  <a:lnTo>
                    <a:pt x="268224"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1940" y="0"/>
                  </a:lnTo>
                  <a:lnTo>
                    <a:pt x="281940"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5656" y="0"/>
                  </a:lnTo>
                  <a:lnTo>
                    <a:pt x="295656"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9372" y="0"/>
                  </a:lnTo>
                  <a:lnTo>
                    <a:pt x="309372"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3088" y="0"/>
                  </a:lnTo>
                  <a:lnTo>
                    <a:pt x="323088"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6804" y="0"/>
                  </a:lnTo>
                  <a:lnTo>
                    <a:pt x="336804"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50520" y="0"/>
                  </a:lnTo>
                  <a:lnTo>
                    <a:pt x="350520"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4236" y="0"/>
                  </a:lnTo>
                  <a:lnTo>
                    <a:pt x="364236"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7952" y="0"/>
                  </a:lnTo>
                  <a:lnTo>
                    <a:pt x="377952"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1668" y="0"/>
                  </a:lnTo>
                  <a:lnTo>
                    <a:pt x="391668"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5384" y="0"/>
                  </a:lnTo>
                  <a:lnTo>
                    <a:pt x="405384"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9100" y="0"/>
                  </a:lnTo>
                  <a:lnTo>
                    <a:pt x="419100"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2816" y="0"/>
                  </a:lnTo>
                  <a:lnTo>
                    <a:pt x="432816"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6532" y="0"/>
                  </a:lnTo>
                  <a:lnTo>
                    <a:pt x="446532"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60248" y="0"/>
                  </a:lnTo>
                  <a:lnTo>
                    <a:pt x="460248"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5" name="object 165"/>
            <p:cNvSpPr/>
            <p:nvPr/>
          </p:nvSpPr>
          <p:spPr>
            <a:xfrm>
              <a:off x="7164324" y="1168907"/>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7620" y="0"/>
                  </a:lnTo>
                  <a:lnTo>
                    <a:pt x="7620"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21336" y="0"/>
                  </a:lnTo>
                  <a:lnTo>
                    <a:pt x="21336"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3528" y="0"/>
                  </a:lnTo>
                  <a:lnTo>
                    <a:pt x="33528"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7244" y="0"/>
                  </a:lnTo>
                  <a:lnTo>
                    <a:pt x="47244"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0960" y="0"/>
                  </a:lnTo>
                  <a:lnTo>
                    <a:pt x="60960"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4676" y="0"/>
                  </a:lnTo>
                  <a:lnTo>
                    <a:pt x="74676"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8392" y="0"/>
                  </a:lnTo>
                  <a:lnTo>
                    <a:pt x="88392"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2108" y="0"/>
                  </a:lnTo>
                  <a:lnTo>
                    <a:pt x="102108"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5824" y="0"/>
                  </a:lnTo>
                  <a:lnTo>
                    <a:pt x="115824"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29540" y="0"/>
                  </a:lnTo>
                  <a:lnTo>
                    <a:pt x="129540"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6972" y="0"/>
                  </a:lnTo>
                  <a:lnTo>
                    <a:pt x="156972"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0688" y="0"/>
                  </a:lnTo>
                  <a:lnTo>
                    <a:pt x="170688"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4404" y="0"/>
                  </a:lnTo>
                  <a:lnTo>
                    <a:pt x="184404"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8120" y="0"/>
                  </a:lnTo>
                  <a:lnTo>
                    <a:pt x="198120"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1836" y="0"/>
                  </a:lnTo>
                  <a:lnTo>
                    <a:pt x="211836"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5552" y="0"/>
                  </a:lnTo>
                  <a:lnTo>
                    <a:pt x="225552"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39268" y="0"/>
                  </a:lnTo>
                  <a:lnTo>
                    <a:pt x="239268"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2984" y="0"/>
                  </a:lnTo>
                  <a:lnTo>
                    <a:pt x="252984"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6700" y="0"/>
                  </a:lnTo>
                  <a:lnTo>
                    <a:pt x="266700"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0416" y="0"/>
                  </a:lnTo>
                  <a:lnTo>
                    <a:pt x="280416"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4132" y="0"/>
                  </a:lnTo>
                  <a:lnTo>
                    <a:pt x="294132"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7848" y="0"/>
                  </a:lnTo>
                  <a:lnTo>
                    <a:pt x="307848"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1564" y="0"/>
                  </a:lnTo>
                  <a:lnTo>
                    <a:pt x="321564"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5280" y="0"/>
                  </a:lnTo>
                  <a:lnTo>
                    <a:pt x="335280"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48996" y="0"/>
                  </a:lnTo>
                  <a:lnTo>
                    <a:pt x="348996"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2712" y="0"/>
                  </a:lnTo>
                  <a:lnTo>
                    <a:pt x="362712"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6428" y="0"/>
                  </a:lnTo>
                  <a:lnTo>
                    <a:pt x="376428"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0144" y="0"/>
                  </a:lnTo>
                  <a:lnTo>
                    <a:pt x="390144"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3860" y="0"/>
                  </a:lnTo>
                  <a:lnTo>
                    <a:pt x="403860"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7576" y="0"/>
                  </a:lnTo>
                  <a:lnTo>
                    <a:pt x="417576"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1292" y="0"/>
                  </a:lnTo>
                  <a:lnTo>
                    <a:pt x="431292"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5008" y="0"/>
                  </a:lnTo>
                  <a:lnTo>
                    <a:pt x="445008"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58724" y="0"/>
                  </a:lnTo>
                  <a:lnTo>
                    <a:pt x="458724"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2440" y="0"/>
                  </a:lnTo>
                  <a:lnTo>
                    <a:pt x="472440"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6" name="object 166"/>
            <p:cNvSpPr/>
            <p:nvPr/>
          </p:nvSpPr>
          <p:spPr>
            <a:xfrm>
              <a:off x="7644384" y="1168907"/>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6096" y="0"/>
                  </a:lnTo>
                  <a:lnTo>
                    <a:pt x="6096"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19812" y="0"/>
                  </a:lnTo>
                  <a:lnTo>
                    <a:pt x="19812"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3528" y="0"/>
                  </a:lnTo>
                  <a:lnTo>
                    <a:pt x="33528"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7244" y="0"/>
                  </a:lnTo>
                  <a:lnTo>
                    <a:pt x="47244"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0960" y="0"/>
                  </a:lnTo>
                  <a:lnTo>
                    <a:pt x="60960"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4676" y="0"/>
                  </a:lnTo>
                  <a:lnTo>
                    <a:pt x="74676"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8392" y="0"/>
                  </a:lnTo>
                  <a:lnTo>
                    <a:pt x="88392"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2108" y="0"/>
                  </a:lnTo>
                  <a:lnTo>
                    <a:pt x="102108"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5824" y="0"/>
                  </a:lnTo>
                  <a:lnTo>
                    <a:pt x="115824"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29540" y="0"/>
                  </a:lnTo>
                  <a:lnTo>
                    <a:pt x="129540"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3256" y="0"/>
                  </a:lnTo>
                  <a:lnTo>
                    <a:pt x="143256"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0020" y="0"/>
                  </a:moveTo>
                  <a:lnTo>
                    <a:pt x="156972" y="0"/>
                  </a:lnTo>
                  <a:lnTo>
                    <a:pt x="156972" y="3048"/>
                  </a:lnTo>
                  <a:lnTo>
                    <a:pt x="160020" y="3048"/>
                  </a:lnTo>
                  <a:lnTo>
                    <a:pt x="160020" y="0"/>
                  </a:lnTo>
                  <a:close/>
                </a:path>
                <a:path w="483234" h="3175">
                  <a:moveTo>
                    <a:pt x="167640" y="0"/>
                  </a:moveTo>
                  <a:lnTo>
                    <a:pt x="164592" y="0"/>
                  </a:lnTo>
                  <a:lnTo>
                    <a:pt x="164592" y="3048"/>
                  </a:lnTo>
                  <a:lnTo>
                    <a:pt x="167640" y="3048"/>
                  </a:lnTo>
                  <a:lnTo>
                    <a:pt x="167640" y="0"/>
                  </a:lnTo>
                  <a:close/>
                </a:path>
                <a:path w="483234" h="3175">
                  <a:moveTo>
                    <a:pt x="173736" y="0"/>
                  </a:moveTo>
                  <a:lnTo>
                    <a:pt x="170688" y="0"/>
                  </a:lnTo>
                  <a:lnTo>
                    <a:pt x="170688" y="3048"/>
                  </a:lnTo>
                  <a:lnTo>
                    <a:pt x="173736" y="3048"/>
                  </a:lnTo>
                  <a:lnTo>
                    <a:pt x="173736" y="0"/>
                  </a:lnTo>
                  <a:close/>
                </a:path>
                <a:path w="483234" h="3175">
                  <a:moveTo>
                    <a:pt x="181356" y="0"/>
                  </a:moveTo>
                  <a:lnTo>
                    <a:pt x="178308" y="0"/>
                  </a:lnTo>
                  <a:lnTo>
                    <a:pt x="178308" y="3048"/>
                  </a:lnTo>
                  <a:lnTo>
                    <a:pt x="181356" y="3048"/>
                  </a:lnTo>
                  <a:lnTo>
                    <a:pt x="181356" y="0"/>
                  </a:lnTo>
                  <a:close/>
                </a:path>
                <a:path w="483234" h="3175">
                  <a:moveTo>
                    <a:pt x="187452" y="0"/>
                  </a:moveTo>
                  <a:lnTo>
                    <a:pt x="184404" y="0"/>
                  </a:lnTo>
                  <a:lnTo>
                    <a:pt x="184404" y="3048"/>
                  </a:lnTo>
                  <a:lnTo>
                    <a:pt x="187452" y="3048"/>
                  </a:lnTo>
                  <a:lnTo>
                    <a:pt x="187452" y="0"/>
                  </a:lnTo>
                  <a:close/>
                </a:path>
                <a:path w="483234" h="3175">
                  <a:moveTo>
                    <a:pt x="195072" y="0"/>
                  </a:moveTo>
                  <a:lnTo>
                    <a:pt x="192024" y="0"/>
                  </a:lnTo>
                  <a:lnTo>
                    <a:pt x="192024" y="3048"/>
                  </a:lnTo>
                  <a:lnTo>
                    <a:pt x="195072" y="3048"/>
                  </a:lnTo>
                  <a:lnTo>
                    <a:pt x="195072" y="0"/>
                  </a:lnTo>
                  <a:close/>
                </a:path>
                <a:path w="483234" h="3175">
                  <a:moveTo>
                    <a:pt x="201168" y="0"/>
                  </a:moveTo>
                  <a:lnTo>
                    <a:pt x="198120" y="0"/>
                  </a:lnTo>
                  <a:lnTo>
                    <a:pt x="198120" y="3048"/>
                  </a:lnTo>
                  <a:lnTo>
                    <a:pt x="201168" y="3048"/>
                  </a:lnTo>
                  <a:lnTo>
                    <a:pt x="201168" y="0"/>
                  </a:lnTo>
                  <a:close/>
                </a:path>
                <a:path w="483234" h="3175">
                  <a:moveTo>
                    <a:pt x="208788" y="0"/>
                  </a:moveTo>
                  <a:lnTo>
                    <a:pt x="205740" y="0"/>
                  </a:lnTo>
                  <a:lnTo>
                    <a:pt x="205740" y="3048"/>
                  </a:lnTo>
                  <a:lnTo>
                    <a:pt x="208788" y="3048"/>
                  </a:lnTo>
                  <a:lnTo>
                    <a:pt x="208788" y="0"/>
                  </a:lnTo>
                  <a:close/>
                </a:path>
                <a:path w="483234" h="3175">
                  <a:moveTo>
                    <a:pt x="214884" y="0"/>
                  </a:moveTo>
                  <a:lnTo>
                    <a:pt x="211836" y="0"/>
                  </a:lnTo>
                  <a:lnTo>
                    <a:pt x="211836" y="3048"/>
                  </a:lnTo>
                  <a:lnTo>
                    <a:pt x="214884" y="3048"/>
                  </a:lnTo>
                  <a:lnTo>
                    <a:pt x="214884" y="0"/>
                  </a:lnTo>
                  <a:close/>
                </a:path>
                <a:path w="483234" h="3175">
                  <a:moveTo>
                    <a:pt x="222504" y="0"/>
                  </a:moveTo>
                  <a:lnTo>
                    <a:pt x="219456" y="0"/>
                  </a:lnTo>
                  <a:lnTo>
                    <a:pt x="219456" y="3048"/>
                  </a:lnTo>
                  <a:lnTo>
                    <a:pt x="222504" y="3048"/>
                  </a:lnTo>
                  <a:lnTo>
                    <a:pt x="222504" y="0"/>
                  </a:lnTo>
                  <a:close/>
                </a:path>
                <a:path w="483234" h="3175">
                  <a:moveTo>
                    <a:pt x="228600" y="0"/>
                  </a:moveTo>
                  <a:lnTo>
                    <a:pt x="225552" y="0"/>
                  </a:lnTo>
                  <a:lnTo>
                    <a:pt x="225552" y="3048"/>
                  </a:lnTo>
                  <a:lnTo>
                    <a:pt x="228600" y="3048"/>
                  </a:lnTo>
                  <a:lnTo>
                    <a:pt x="228600" y="0"/>
                  </a:lnTo>
                  <a:close/>
                </a:path>
                <a:path w="483234" h="3175">
                  <a:moveTo>
                    <a:pt x="236220" y="0"/>
                  </a:moveTo>
                  <a:lnTo>
                    <a:pt x="233172" y="0"/>
                  </a:lnTo>
                  <a:lnTo>
                    <a:pt x="233172" y="3048"/>
                  </a:lnTo>
                  <a:lnTo>
                    <a:pt x="236220" y="3048"/>
                  </a:lnTo>
                  <a:lnTo>
                    <a:pt x="236220" y="0"/>
                  </a:lnTo>
                  <a:close/>
                </a:path>
                <a:path w="483234" h="3175">
                  <a:moveTo>
                    <a:pt x="242316" y="0"/>
                  </a:moveTo>
                  <a:lnTo>
                    <a:pt x="239268" y="0"/>
                  </a:lnTo>
                  <a:lnTo>
                    <a:pt x="239268" y="3048"/>
                  </a:lnTo>
                  <a:lnTo>
                    <a:pt x="242316" y="3048"/>
                  </a:lnTo>
                  <a:lnTo>
                    <a:pt x="242316" y="0"/>
                  </a:lnTo>
                  <a:close/>
                </a:path>
                <a:path w="483234" h="3175">
                  <a:moveTo>
                    <a:pt x="249936" y="0"/>
                  </a:moveTo>
                  <a:lnTo>
                    <a:pt x="246888" y="0"/>
                  </a:lnTo>
                  <a:lnTo>
                    <a:pt x="246888" y="3048"/>
                  </a:lnTo>
                  <a:lnTo>
                    <a:pt x="249936" y="3048"/>
                  </a:lnTo>
                  <a:lnTo>
                    <a:pt x="249936" y="0"/>
                  </a:lnTo>
                  <a:close/>
                </a:path>
                <a:path w="483234" h="3175">
                  <a:moveTo>
                    <a:pt x="256032" y="0"/>
                  </a:moveTo>
                  <a:lnTo>
                    <a:pt x="252984" y="0"/>
                  </a:lnTo>
                  <a:lnTo>
                    <a:pt x="252984" y="3048"/>
                  </a:lnTo>
                  <a:lnTo>
                    <a:pt x="256032" y="3048"/>
                  </a:lnTo>
                  <a:lnTo>
                    <a:pt x="256032"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84" y="0"/>
                  </a:moveTo>
                  <a:lnTo>
                    <a:pt x="288036" y="0"/>
                  </a:lnTo>
                  <a:lnTo>
                    <a:pt x="288036" y="3048"/>
                  </a:lnTo>
                  <a:lnTo>
                    <a:pt x="291084" y="3048"/>
                  </a:lnTo>
                  <a:lnTo>
                    <a:pt x="291084" y="0"/>
                  </a:lnTo>
                  <a:close/>
                </a:path>
                <a:path w="483234" h="3175">
                  <a:moveTo>
                    <a:pt x="297180" y="0"/>
                  </a:moveTo>
                  <a:lnTo>
                    <a:pt x="294132" y="0"/>
                  </a:lnTo>
                  <a:lnTo>
                    <a:pt x="294132" y="3048"/>
                  </a:lnTo>
                  <a:lnTo>
                    <a:pt x="297180" y="3048"/>
                  </a:lnTo>
                  <a:lnTo>
                    <a:pt x="297180" y="0"/>
                  </a:lnTo>
                  <a:close/>
                </a:path>
                <a:path w="483234" h="3175">
                  <a:moveTo>
                    <a:pt x="304800" y="0"/>
                  </a:moveTo>
                  <a:lnTo>
                    <a:pt x="301752" y="0"/>
                  </a:lnTo>
                  <a:lnTo>
                    <a:pt x="301752"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5468" y="0"/>
                  </a:lnTo>
                  <a:lnTo>
                    <a:pt x="315468"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9184" y="0"/>
                  </a:lnTo>
                  <a:lnTo>
                    <a:pt x="329184"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2900" y="0"/>
                  </a:lnTo>
                  <a:lnTo>
                    <a:pt x="342900"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6616" y="0"/>
                  </a:lnTo>
                  <a:lnTo>
                    <a:pt x="356616"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70332" y="0"/>
                  </a:lnTo>
                  <a:lnTo>
                    <a:pt x="370332"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4048" y="0"/>
                  </a:lnTo>
                  <a:lnTo>
                    <a:pt x="384048"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7764" y="0"/>
                  </a:lnTo>
                  <a:lnTo>
                    <a:pt x="397764"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11480" y="0"/>
                  </a:lnTo>
                  <a:lnTo>
                    <a:pt x="411480"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5196" y="0"/>
                  </a:lnTo>
                  <a:lnTo>
                    <a:pt x="425196"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8912" y="0"/>
                  </a:lnTo>
                  <a:lnTo>
                    <a:pt x="438912"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2628" y="0"/>
                  </a:lnTo>
                  <a:lnTo>
                    <a:pt x="452628"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6344" y="0"/>
                  </a:lnTo>
                  <a:lnTo>
                    <a:pt x="466344"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7" name="object 167"/>
            <p:cNvSpPr/>
            <p:nvPr/>
          </p:nvSpPr>
          <p:spPr>
            <a:xfrm>
              <a:off x="8124444" y="1168907"/>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9144" y="0"/>
                  </a:moveTo>
                  <a:lnTo>
                    <a:pt x="6096" y="0"/>
                  </a:lnTo>
                  <a:lnTo>
                    <a:pt x="6096" y="3048"/>
                  </a:lnTo>
                  <a:lnTo>
                    <a:pt x="9144" y="3048"/>
                  </a:lnTo>
                  <a:lnTo>
                    <a:pt x="9144" y="0"/>
                  </a:lnTo>
                  <a:close/>
                </a:path>
                <a:path w="483234" h="3175">
                  <a:moveTo>
                    <a:pt x="16764" y="0"/>
                  </a:moveTo>
                  <a:lnTo>
                    <a:pt x="13716" y="0"/>
                  </a:lnTo>
                  <a:lnTo>
                    <a:pt x="13716" y="3048"/>
                  </a:lnTo>
                  <a:lnTo>
                    <a:pt x="16764" y="3048"/>
                  </a:lnTo>
                  <a:lnTo>
                    <a:pt x="16764" y="0"/>
                  </a:lnTo>
                  <a:close/>
                </a:path>
                <a:path w="483234" h="3175">
                  <a:moveTo>
                    <a:pt x="22860" y="0"/>
                  </a:moveTo>
                  <a:lnTo>
                    <a:pt x="19812" y="0"/>
                  </a:lnTo>
                  <a:lnTo>
                    <a:pt x="19812" y="3048"/>
                  </a:lnTo>
                  <a:lnTo>
                    <a:pt x="22860" y="3048"/>
                  </a:lnTo>
                  <a:lnTo>
                    <a:pt x="22860" y="0"/>
                  </a:lnTo>
                  <a:close/>
                </a:path>
                <a:path w="483234" h="3175">
                  <a:moveTo>
                    <a:pt x="30480" y="0"/>
                  </a:moveTo>
                  <a:lnTo>
                    <a:pt x="27432" y="0"/>
                  </a:lnTo>
                  <a:lnTo>
                    <a:pt x="27432" y="3048"/>
                  </a:lnTo>
                  <a:lnTo>
                    <a:pt x="30480" y="3048"/>
                  </a:lnTo>
                  <a:lnTo>
                    <a:pt x="30480" y="0"/>
                  </a:lnTo>
                  <a:close/>
                </a:path>
                <a:path w="483234" h="3175">
                  <a:moveTo>
                    <a:pt x="36576" y="0"/>
                  </a:moveTo>
                  <a:lnTo>
                    <a:pt x="33528" y="0"/>
                  </a:lnTo>
                  <a:lnTo>
                    <a:pt x="33528" y="3048"/>
                  </a:lnTo>
                  <a:lnTo>
                    <a:pt x="36576" y="3048"/>
                  </a:lnTo>
                  <a:lnTo>
                    <a:pt x="36576" y="0"/>
                  </a:lnTo>
                  <a:close/>
                </a:path>
                <a:path w="483234" h="3175">
                  <a:moveTo>
                    <a:pt x="44196" y="0"/>
                  </a:moveTo>
                  <a:lnTo>
                    <a:pt x="41148" y="0"/>
                  </a:lnTo>
                  <a:lnTo>
                    <a:pt x="41148" y="3048"/>
                  </a:lnTo>
                  <a:lnTo>
                    <a:pt x="44196" y="3048"/>
                  </a:lnTo>
                  <a:lnTo>
                    <a:pt x="44196" y="0"/>
                  </a:lnTo>
                  <a:close/>
                </a:path>
                <a:path w="483234" h="3175">
                  <a:moveTo>
                    <a:pt x="50292" y="0"/>
                  </a:moveTo>
                  <a:lnTo>
                    <a:pt x="47244" y="0"/>
                  </a:lnTo>
                  <a:lnTo>
                    <a:pt x="47244" y="3048"/>
                  </a:lnTo>
                  <a:lnTo>
                    <a:pt x="50292" y="3048"/>
                  </a:lnTo>
                  <a:lnTo>
                    <a:pt x="50292" y="0"/>
                  </a:lnTo>
                  <a:close/>
                </a:path>
                <a:path w="483234" h="3175">
                  <a:moveTo>
                    <a:pt x="57912" y="0"/>
                  </a:moveTo>
                  <a:lnTo>
                    <a:pt x="54864" y="0"/>
                  </a:lnTo>
                  <a:lnTo>
                    <a:pt x="54864" y="3048"/>
                  </a:lnTo>
                  <a:lnTo>
                    <a:pt x="57912" y="3048"/>
                  </a:lnTo>
                  <a:lnTo>
                    <a:pt x="57912" y="0"/>
                  </a:lnTo>
                  <a:close/>
                </a:path>
                <a:path w="483234" h="3175">
                  <a:moveTo>
                    <a:pt x="64008" y="0"/>
                  </a:moveTo>
                  <a:lnTo>
                    <a:pt x="60960" y="0"/>
                  </a:lnTo>
                  <a:lnTo>
                    <a:pt x="60960" y="3048"/>
                  </a:lnTo>
                  <a:lnTo>
                    <a:pt x="64008" y="3048"/>
                  </a:lnTo>
                  <a:lnTo>
                    <a:pt x="64008" y="0"/>
                  </a:lnTo>
                  <a:close/>
                </a:path>
                <a:path w="483234" h="3175">
                  <a:moveTo>
                    <a:pt x="71628" y="0"/>
                  </a:moveTo>
                  <a:lnTo>
                    <a:pt x="68580" y="0"/>
                  </a:lnTo>
                  <a:lnTo>
                    <a:pt x="68580" y="3048"/>
                  </a:lnTo>
                  <a:lnTo>
                    <a:pt x="71628" y="3048"/>
                  </a:lnTo>
                  <a:lnTo>
                    <a:pt x="71628" y="0"/>
                  </a:lnTo>
                  <a:close/>
                </a:path>
                <a:path w="483234" h="3175">
                  <a:moveTo>
                    <a:pt x="77724" y="0"/>
                  </a:moveTo>
                  <a:lnTo>
                    <a:pt x="74676" y="0"/>
                  </a:lnTo>
                  <a:lnTo>
                    <a:pt x="74676" y="3048"/>
                  </a:lnTo>
                  <a:lnTo>
                    <a:pt x="77724" y="3048"/>
                  </a:lnTo>
                  <a:lnTo>
                    <a:pt x="77724" y="0"/>
                  </a:lnTo>
                  <a:close/>
                </a:path>
                <a:path w="483234" h="3175">
                  <a:moveTo>
                    <a:pt x="85344" y="0"/>
                  </a:moveTo>
                  <a:lnTo>
                    <a:pt x="82296" y="0"/>
                  </a:lnTo>
                  <a:lnTo>
                    <a:pt x="82296" y="3048"/>
                  </a:lnTo>
                  <a:lnTo>
                    <a:pt x="85344" y="3048"/>
                  </a:lnTo>
                  <a:lnTo>
                    <a:pt x="85344" y="0"/>
                  </a:lnTo>
                  <a:close/>
                </a:path>
                <a:path w="483234" h="3175">
                  <a:moveTo>
                    <a:pt x="91440" y="0"/>
                  </a:moveTo>
                  <a:lnTo>
                    <a:pt x="88392" y="0"/>
                  </a:lnTo>
                  <a:lnTo>
                    <a:pt x="88392" y="3048"/>
                  </a:lnTo>
                  <a:lnTo>
                    <a:pt x="91440" y="3048"/>
                  </a:lnTo>
                  <a:lnTo>
                    <a:pt x="91440" y="0"/>
                  </a:lnTo>
                  <a:close/>
                </a:path>
                <a:path w="483234" h="3175">
                  <a:moveTo>
                    <a:pt x="99060" y="0"/>
                  </a:moveTo>
                  <a:lnTo>
                    <a:pt x="96012" y="0"/>
                  </a:lnTo>
                  <a:lnTo>
                    <a:pt x="96012" y="3048"/>
                  </a:lnTo>
                  <a:lnTo>
                    <a:pt x="99060" y="3048"/>
                  </a:lnTo>
                  <a:lnTo>
                    <a:pt x="99060" y="0"/>
                  </a:lnTo>
                  <a:close/>
                </a:path>
                <a:path w="483234" h="3175">
                  <a:moveTo>
                    <a:pt x="105156" y="0"/>
                  </a:moveTo>
                  <a:lnTo>
                    <a:pt x="102108" y="0"/>
                  </a:lnTo>
                  <a:lnTo>
                    <a:pt x="102108" y="3048"/>
                  </a:lnTo>
                  <a:lnTo>
                    <a:pt x="105156" y="3048"/>
                  </a:lnTo>
                  <a:lnTo>
                    <a:pt x="105156" y="0"/>
                  </a:lnTo>
                  <a:close/>
                </a:path>
                <a:path w="483234" h="3175">
                  <a:moveTo>
                    <a:pt x="112776" y="0"/>
                  </a:moveTo>
                  <a:lnTo>
                    <a:pt x="109728" y="0"/>
                  </a:lnTo>
                  <a:lnTo>
                    <a:pt x="109728" y="3048"/>
                  </a:lnTo>
                  <a:lnTo>
                    <a:pt x="112776" y="3048"/>
                  </a:lnTo>
                  <a:lnTo>
                    <a:pt x="112776" y="0"/>
                  </a:lnTo>
                  <a:close/>
                </a:path>
                <a:path w="483234" h="3175">
                  <a:moveTo>
                    <a:pt x="118872" y="0"/>
                  </a:moveTo>
                  <a:lnTo>
                    <a:pt x="115824" y="0"/>
                  </a:lnTo>
                  <a:lnTo>
                    <a:pt x="115824" y="3048"/>
                  </a:lnTo>
                  <a:lnTo>
                    <a:pt x="118872" y="3048"/>
                  </a:lnTo>
                  <a:lnTo>
                    <a:pt x="118872" y="0"/>
                  </a:lnTo>
                  <a:close/>
                </a:path>
                <a:path w="483234" h="3175">
                  <a:moveTo>
                    <a:pt x="126492" y="0"/>
                  </a:moveTo>
                  <a:lnTo>
                    <a:pt x="123444" y="0"/>
                  </a:lnTo>
                  <a:lnTo>
                    <a:pt x="123444" y="3048"/>
                  </a:lnTo>
                  <a:lnTo>
                    <a:pt x="126492" y="3048"/>
                  </a:lnTo>
                  <a:lnTo>
                    <a:pt x="126492" y="0"/>
                  </a:lnTo>
                  <a:close/>
                </a:path>
                <a:path w="483234" h="3175">
                  <a:moveTo>
                    <a:pt x="132588" y="0"/>
                  </a:moveTo>
                  <a:lnTo>
                    <a:pt x="129540" y="0"/>
                  </a:lnTo>
                  <a:lnTo>
                    <a:pt x="129540" y="3048"/>
                  </a:lnTo>
                  <a:lnTo>
                    <a:pt x="132588" y="3048"/>
                  </a:lnTo>
                  <a:lnTo>
                    <a:pt x="132588" y="0"/>
                  </a:lnTo>
                  <a:close/>
                </a:path>
                <a:path w="483234" h="3175">
                  <a:moveTo>
                    <a:pt x="140208" y="0"/>
                  </a:moveTo>
                  <a:lnTo>
                    <a:pt x="137160" y="0"/>
                  </a:lnTo>
                  <a:lnTo>
                    <a:pt x="137160" y="3048"/>
                  </a:lnTo>
                  <a:lnTo>
                    <a:pt x="140208" y="3048"/>
                  </a:lnTo>
                  <a:lnTo>
                    <a:pt x="140208" y="0"/>
                  </a:lnTo>
                  <a:close/>
                </a:path>
                <a:path w="483234" h="3175">
                  <a:moveTo>
                    <a:pt x="146304" y="0"/>
                  </a:moveTo>
                  <a:lnTo>
                    <a:pt x="143256" y="0"/>
                  </a:lnTo>
                  <a:lnTo>
                    <a:pt x="143256" y="3048"/>
                  </a:lnTo>
                  <a:lnTo>
                    <a:pt x="146304" y="3048"/>
                  </a:lnTo>
                  <a:lnTo>
                    <a:pt x="146304" y="0"/>
                  </a:lnTo>
                  <a:close/>
                </a:path>
                <a:path w="483234" h="3175">
                  <a:moveTo>
                    <a:pt x="153924" y="0"/>
                  </a:moveTo>
                  <a:lnTo>
                    <a:pt x="150876" y="0"/>
                  </a:lnTo>
                  <a:lnTo>
                    <a:pt x="150876" y="3048"/>
                  </a:lnTo>
                  <a:lnTo>
                    <a:pt x="153924" y="3048"/>
                  </a:lnTo>
                  <a:lnTo>
                    <a:pt x="153924" y="0"/>
                  </a:lnTo>
                  <a:close/>
                </a:path>
                <a:path w="483234" h="3175">
                  <a:moveTo>
                    <a:pt x="160020" y="0"/>
                  </a:moveTo>
                  <a:lnTo>
                    <a:pt x="156972" y="0"/>
                  </a:lnTo>
                  <a:lnTo>
                    <a:pt x="156972" y="3048"/>
                  </a:lnTo>
                  <a:lnTo>
                    <a:pt x="160020" y="3048"/>
                  </a:lnTo>
                  <a:lnTo>
                    <a:pt x="160020" y="0"/>
                  </a:lnTo>
                  <a:close/>
                </a:path>
                <a:path w="483234" h="3175">
                  <a:moveTo>
                    <a:pt x="167640" y="0"/>
                  </a:moveTo>
                  <a:lnTo>
                    <a:pt x="164592" y="0"/>
                  </a:lnTo>
                  <a:lnTo>
                    <a:pt x="164592" y="3048"/>
                  </a:lnTo>
                  <a:lnTo>
                    <a:pt x="167640" y="3048"/>
                  </a:lnTo>
                  <a:lnTo>
                    <a:pt x="167640" y="0"/>
                  </a:lnTo>
                  <a:close/>
                </a:path>
                <a:path w="483234" h="3175">
                  <a:moveTo>
                    <a:pt x="173736" y="0"/>
                  </a:moveTo>
                  <a:lnTo>
                    <a:pt x="170688" y="0"/>
                  </a:lnTo>
                  <a:lnTo>
                    <a:pt x="170688" y="3048"/>
                  </a:lnTo>
                  <a:lnTo>
                    <a:pt x="173736" y="3048"/>
                  </a:lnTo>
                  <a:lnTo>
                    <a:pt x="173736" y="0"/>
                  </a:lnTo>
                  <a:close/>
                </a:path>
                <a:path w="483234" h="3175">
                  <a:moveTo>
                    <a:pt x="181356" y="0"/>
                  </a:moveTo>
                  <a:lnTo>
                    <a:pt x="178308" y="0"/>
                  </a:lnTo>
                  <a:lnTo>
                    <a:pt x="178308" y="3048"/>
                  </a:lnTo>
                  <a:lnTo>
                    <a:pt x="181356" y="3048"/>
                  </a:lnTo>
                  <a:lnTo>
                    <a:pt x="181356" y="0"/>
                  </a:lnTo>
                  <a:close/>
                </a:path>
                <a:path w="483234" h="3175">
                  <a:moveTo>
                    <a:pt x="187452" y="0"/>
                  </a:moveTo>
                  <a:lnTo>
                    <a:pt x="184404" y="0"/>
                  </a:lnTo>
                  <a:lnTo>
                    <a:pt x="184404" y="3048"/>
                  </a:lnTo>
                  <a:lnTo>
                    <a:pt x="187452" y="3048"/>
                  </a:lnTo>
                  <a:lnTo>
                    <a:pt x="187452" y="0"/>
                  </a:lnTo>
                  <a:close/>
                </a:path>
                <a:path w="483234" h="3175">
                  <a:moveTo>
                    <a:pt x="195072" y="0"/>
                  </a:moveTo>
                  <a:lnTo>
                    <a:pt x="192024" y="0"/>
                  </a:lnTo>
                  <a:lnTo>
                    <a:pt x="192024" y="3048"/>
                  </a:lnTo>
                  <a:lnTo>
                    <a:pt x="195072" y="3048"/>
                  </a:lnTo>
                  <a:lnTo>
                    <a:pt x="195072" y="0"/>
                  </a:lnTo>
                  <a:close/>
                </a:path>
                <a:path w="483234" h="3175">
                  <a:moveTo>
                    <a:pt x="201168" y="0"/>
                  </a:moveTo>
                  <a:lnTo>
                    <a:pt x="198120" y="0"/>
                  </a:lnTo>
                  <a:lnTo>
                    <a:pt x="198120" y="3048"/>
                  </a:lnTo>
                  <a:lnTo>
                    <a:pt x="201168" y="3048"/>
                  </a:lnTo>
                  <a:lnTo>
                    <a:pt x="201168" y="0"/>
                  </a:lnTo>
                  <a:close/>
                </a:path>
                <a:path w="483234" h="3175">
                  <a:moveTo>
                    <a:pt x="208788" y="0"/>
                  </a:moveTo>
                  <a:lnTo>
                    <a:pt x="205740" y="0"/>
                  </a:lnTo>
                  <a:lnTo>
                    <a:pt x="205740" y="3048"/>
                  </a:lnTo>
                  <a:lnTo>
                    <a:pt x="208788" y="3048"/>
                  </a:lnTo>
                  <a:lnTo>
                    <a:pt x="208788" y="0"/>
                  </a:lnTo>
                  <a:close/>
                </a:path>
                <a:path w="483234" h="3175">
                  <a:moveTo>
                    <a:pt x="214884" y="0"/>
                  </a:moveTo>
                  <a:lnTo>
                    <a:pt x="211836" y="0"/>
                  </a:lnTo>
                  <a:lnTo>
                    <a:pt x="211836" y="3048"/>
                  </a:lnTo>
                  <a:lnTo>
                    <a:pt x="214884" y="3048"/>
                  </a:lnTo>
                  <a:lnTo>
                    <a:pt x="214884" y="0"/>
                  </a:lnTo>
                  <a:close/>
                </a:path>
                <a:path w="483234" h="3175">
                  <a:moveTo>
                    <a:pt x="222504" y="0"/>
                  </a:moveTo>
                  <a:lnTo>
                    <a:pt x="219456" y="0"/>
                  </a:lnTo>
                  <a:lnTo>
                    <a:pt x="219456" y="3048"/>
                  </a:lnTo>
                  <a:lnTo>
                    <a:pt x="222504" y="3048"/>
                  </a:lnTo>
                  <a:lnTo>
                    <a:pt x="222504" y="0"/>
                  </a:lnTo>
                  <a:close/>
                </a:path>
                <a:path w="483234" h="3175">
                  <a:moveTo>
                    <a:pt x="228600" y="0"/>
                  </a:moveTo>
                  <a:lnTo>
                    <a:pt x="225552" y="0"/>
                  </a:lnTo>
                  <a:lnTo>
                    <a:pt x="225552" y="3048"/>
                  </a:lnTo>
                  <a:lnTo>
                    <a:pt x="228600" y="3048"/>
                  </a:lnTo>
                  <a:lnTo>
                    <a:pt x="228600" y="0"/>
                  </a:lnTo>
                  <a:close/>
                </a:path>
                <a:path w="483234" h="3175">
                  <a:moveTo>
                    <a:pt x="236220" y="0"/>
                  </a:moveTo>
                  <a:lnTo>
                    <a:pt x="233172" y="0"/>
                  </a:lnTo>
                  <a:lnTo>
                    <a:pt x="233172" y="3048"/>
                  </a:lnTo>
                  <a:lnTo>
                    <a:pt x="236220" y="3048"/>
                  </a:lnTo>
                  <a:lnTo>
                    <a:pt x="236220" y="0"/>
                  </a:lnTo>
                  <a:close/>
                </a:path>
                <a:path w="483234" h="3175">
                  <a:moveTo>
                    <a:pt x="242316" y="0"/>
                  </a:moveTo>
                  <a:lnTo>
                    <a:pt x="239268" y="0"/>
                  </a:lnTo>
                  <a:lnTo>
                    <a:pt x="239268" y="3048"/>
                  </a:lnTo>
                  <a:lnTo>
                    <a:pt x="242316" y="3048"/>
                  </a:lnTo>
                  <a:lnTo>
                    <a:pt x="242316" y="0"/>
                  </a:lnTo>
                  <a:close/>
                </a:path>
                <a:path w="483234" h="3175">
                  <a:moveTo>
                    <a:pt x="249936" y="0"/>
                  </a:moveTo>
                  <a:lnTo>
                    <a:pt x="246888" y="0"/>
                  </a:lnTo>
                  <a:lnTo>
                    <a:pt x="246888" y="3048"/>
                  </a:lnTo>
                  <a:lnTo>
                    <a:pt x="249936" y="3048"/>
                  </a:lnTo>
                  <a:lnTo>
                    <a:pt x="249936" y="0"/>
                  </a:lnTo>
                  <a:close/>
                </a:path>
                <a:path w="483234" h="3175">
                  <a:moveTo>
                    <a:pt x="256032" y="0"/>
                  </a:moveTo>
                  <a:lnTo>
                    <a:pt x="252984" y="0"/>
                  </a:lnTo>
                  <a:lnTo>
                    <a:pt x="252984" y="3048"/>
                  </a:lnTo>
                  <a:lnTo>
                    <a:pt x="256032" y="3048"/>
                  </a:lnTo>
                  <a:lnTo>
                    <a:pt x="256032" y="0"/>
                  </a:lnTo>
                  <a:close/>
                </a:path>
                <a:path w="483234" h="3175">
                  <a:moveTo>
                    <a:pt x="263652" y="0"/>
                  </a:moveTo>
                  <a:lnTo>
                    <a:pt x="260604" y="0"/>
                  </a:lnTo>
                  <a:lnTo>
                    <a:pt x="260604" y="3048"/>
                  </a:lnTo>
                  <a:lnTo>
                    <a:pt x="263652" y="3048"/>
                  </a:lnTo>
                  <a:lnTo>
                    <a:pt x="263652" y="0"/>
                  </a:lnTo>
                  <a:close/>
                </a:path>
                <a:path w="483234" h="3175">
                  <a:moveTo>
                    <a:pt x="269748" y="0"/>
                  </a:moveTo>
                  <a:lnTo>
                    <a:pt x="266700" y="0"/>
                  </a:lnTo>
                  <a:lnTo>
                    <a:pt x="266700" y="3048"/>
                  </a:lnTo>
                  <a:lnTo>
                    <a:pt x="269748" y="3048"/>
                  </a:lnTo>
                  <a:lnTo>
                    <a:pt x="269748" y="0"/>
                  </a:lnTo>
                  <a:close/>
                </a:path>
                <a:path w="483234" h="3175">
                  <a:moveTo>
                    <a:pt x="277368" y="0"/>
                  </a:moveTo>
                  <a:lnTo>
                    <a:pt x="274320" y="0"/>
                  </a:lnTo>
                  <a:lnTo>
                    <a:pt x="274320" y="3048"/>
                  </a:lnTo>
                  <a:lnTo>
                    <a:pt x="277368" y="3048"/>
                  </a:lnTo>
                  <a:lnTo>
                    <a:pt x="277368" y="0"/>
                  </a:lnTo>
                  <a:close/>
                </a:path>
                <a:path w="483234" h="3175">
                  <a:moveTo>
                    <a:pt x="283464" y="0"/>
                  </a:moveTo>
                  <a:lnTo>
                    <a:pt x="280416" y="0"/>
                  </a:lnTo>
                  <a:lnTo>
                    <a:pt x="280416" y="3048"/>
                  </a:lnTo>
                  <a:lnTo>
                    <a:pt x="283464" y="3048"/>
                  </a:lnTo>
                  <a:lnTo>
                    <a:pt x="283464" y="0"/>
                  </a:lnTo>
                  <a:close/>
                </a:path>
                <a:path w="483234" h="3175">
                  <a:moveTo>
                    <a:pt x="291084" y="0"/>
                  </a:moveTo>
                  <a:lnTo>
                    <a:pt x="288036" y="0"/>
                  </a:lnTo>
                  <a:lnTo>
                    <a:pt x="288036" y="3048"/>
                  </a:lnTo>
                  <a:lnTo>
                    <a:pt x="291084" y="3048"/>
                  </a:lnTo>
                  <a:lnTo>
                    <a:pt x="291084" y="0"/>
                  </a:lnTo>
                  <a:close/>
                </a:path>
                <a:path w="483234" h="3175">
                  <a:moveTo>
                    <a:pt x="297180" y="0"/>
                  </a:moveTo>
                  <a:lnTo>
                    <a:pt x="294132" y="0"/>
                  </a:lnTo>
                  <a:lnTo>
                    <a:pt x="294132" y="3048"/>
                  </a:lnTo>
                  <a:lnTo>
                    <a:pt x="297180" y="3048"/>
                  </a:lnTo>
                  <a:lnTo>
                    <a:pt x="297180" y="0"/>
                  </a:lnTo>
                  <a:close/>
                </a:path>
                <a:path w="483234" h="3175">
                  <a:moveTo>
                    <a:pt x="304800" y="0"/>
                  </a:moveTo>
                  <a:lnTo>
                    <a:pt x="300228" y="0"/>
                  </a:lnTo>
                  <a:lnTo>
                    <a:pt x="300228" y="3048"/>
                  </a:lnTo>
                  <a:lnTo>
                    <a:pt x="304800" y="3048"/>
                  </a:lnTo>
                  <a:lnTo>
                    <a:pt x="304800" y="0"/>
                  </a:lnTo>
                  <a:close/>
                </a:path>
                <a:path w="483234" h="3175">
                  <a:moveTo>
                    <a:pt x="310896" y="0"/>
                  </a:moveTo>
                  <a:lnTo>
                    <a:pt x="307848" y="0"/>
                  </a:lnTo>
                  <a:lnTo>
                    <a:pt x="307848" y="3048"/>
                  </a:lnTo>
                  <a:lnTo>
                    <a:pt x="310896" y="3048"/>
                  </a:lnTo>
                  <a:lnTo>
                    <a:pt x="310896" y="0"/>
                  </a:lnTo>
                  <a:close/>
                </a:path>
                <a:path w="483234" h="3175">
                  <a:moveTo>
                    <a:pt x="318516" y="0"/>
                  </a:moveTo>
                  <a:lnTo>
                    <a:pt x="313944" y="0"/>
                  </a:lnTo>
                  <a:lnTo>
                    <a:pt x="313944" y="3048"/>
                  </a:lnTo>
                  <a:lnTo>
                    <a:pt x="318516" y="3048"/>
                  </a:lnTo>
                  <a:lnTo>
                    <a:pt x="318516" y="0"/>
                  </a:lnTo>
                  <a:close/>
                </a:path>
                <a:path w="483234" h="3175">
                  <a:moveTo>
                    <a:pt x="324612" y="0"/>
                  </a:moveTo>
                  <a:lnTo>
                    <a:pt x="321564" y="0"/>
                  </a:lnTo>
                  <a:lnTo>
                    <a:pt x="321564" y="3048"/>
                  </a:lnTo>
                  <a:lnTo>
                    <a:pt x="324612" y="3048"/>
                  </a:lnTo>
                  <a:lnTo>
                    <a:pt x="324612" y="0"/>
                  </a:lnTo>
                  <a:close/>
                </a:path>
                <a:path w="483234" h="3175">
                  <a:moveTo>
                    <a:pt x="332232" y="0"/>
                  </a:moveTo>
                  <a:lnTo>
                    <a:pt x="327660" y="0"/>
                  </a:lnTo>
                  <a:lnTo>
                    <a:pt x="327660" y="3048"/>
                  </a:lnTo>
                  <a:lnTo>
                    <a:pt x="332232" y="3048"/>
                  </a:lnTo>
                  <a:lnTo>
                    <a:pt x="332232" y="0"/>
                  </a:lnTo>
                  <a:close/>
                </a:path>
                <a:path w="483234" h="3175">
                  <a:moveTo>
                    <a:pt x="338328" y="0"/>
                  </a:moveTo>
                  <a:lnTo>
                    <a:pt x="335280" y="0"/>
                  </a:lnTo>
                  <a:lnTo>
                    <a:pt x="335280" y="3048"/>
                  </a:lnTo>
                  <a:lnTo>
                    <a:pt x="338328" y="3048"/>
                  </a:lnTo>
                  <a:lnTo>
                    <a:pt x="338328" y="0"/>
                  </a:lnTo>
                  <a:close/>
                </a:path>
                <a:path w="483234" h="3175">
                  <a:moveTo>
                    <a:pt x="345948" y="0"/>
                  </a:moveTo>
                  <a:lnTo>
                    <a:pt x="341376" y="0"/>
                  </a:lnTo>
                  <a:lnTo>
                    <a:pt x="341376" y="3048"/>
                  </a:lnTo>
                  <a:lnTo>
                    <a:pt x="345948" y="3048"/>
                  </a:lnTo>
                  <a:lnTo>
                    <a:pt x="345948" y="0"/>
                  </a:lnTo>
                  <a:close/>
                </a:path>
                <a:path w="483234" h="3175">
                  <a:moveTo>
                    <a:pt x="352044" y="0"/>
                  </a:moveTo>
                  <a:lnTo>
                    <a:pt x="348996" y="0"/>
                  </a:lnTo>
                  <a:lnTo>
                    <a:pt x="348996" y="3048"/>
                  </a:lnTo>
                  <a:lnTo>
                    <a:pt x="352044" y="3048"/>
                  </a:lnTo>
                  <a:lnTo>
                    <a:pt x="352044" y="0"/>
                  </a:lnTo>
                  <a:close/>
                </a:path>
                <a:path w="483234" h="3175">
                  <a:moveTo>
                    <a:pt x="359664" y="0"/>
                  </a:moveTo>
                  <a:lnTo>
                    <a:pt x="355092" y="0"/>
                  </a:lnTo>
                  <a:lnTo>
                    <a:pt x="355092" y="3048"/>
                  </a:lnTo>
                  <a:lnTo>
                    <a:pt x="359664" y="3048"/>
                  </a:lnTo>
                  <a:lnTo>
                    <a:pt x="359664" y="0"/>
                  </a:lnTo>
                  <a:close/>
                </a:path>
                <a:path w="483234" h="3175">
                  <a:moveTo>
                    <a:pt x="365760" y="0"/>
                  </a:moveTo>
                  <a:lnTo>
                    <a:pt x="362712" y="0"/>
                  </a:lnTo>
                  <a:lnTo>
                    <a:pt x="362712" y="3048"/>
                  </a:lnTo>
                  <a:lnTo>
                    <a:pt x="365760" y="3048"/>
                  </a:lnTo>
                  <a:lnTo>
                    <a:pt x="365760" y="0"/>
                  </a:lnTo>
                  <a:close/>
                </a:path>
                <a:path w="483234" h="3175">
                  <a:moveTo>
                    <a:pt x="373380" y="0"/>
                  </a:moveTo>
                  <a:lnTo>
                    <a:pt x="368808" y="0"/>
                  </a:lnTo>
                  <a:lnTo>
                    <a:pt x="368808" y="3048"/>
                  </a:lnTo>
                  <a:lnTo>
                    <a:pt x="373380" y="3048"/>
                  </a:lnTo>
                  <a:lnTo>
                    <a:pt x="373380" y="0"/>
                  </a:lnTo>
                  <a:close/>
                </a:path>
                <a:path w="483234" h="3175">
                  <a:moveTo>
                    <a:pt x="379476" y="0"/>
                  </a:moveTo>
                  <a:lnTo>
                    <a:pt x="376428" y="0"/>
                  </a:lnTo>
                  <a:lnTo>
                    <a:pt x="376428" y="3048"/>
                  </a:lnTo>
                  <a:lnTo>
                    <a:pt x="379476" y="3048"/>
                  </a:lnTo>
                  <a:lnTo>
                    <a:pt x="379476" y="0"/>
                  </a:lnTo>
                  <a:close/>
                </a:path>
                <a:path w="483234" h="3175">
                  <a:moveTo>
                    <a:pt x="387096" y="0"/>
                  </a:moveTo>
                  <a:lnTo>
                    <a:pt x="382524" y="0"/>
                  </a:lnTo>
                  <a:lnTo>
                    <a:pt x="382524" y="3048"/>
                  </a:lnTo>
                  <a:lnTo>
                    <a:pt x="387096" y="3048"/>
                  </a:lnTo>
                  <a:lnTo>
                    <a:pt x="387096" y="0"/>
                  </a:lnTo>
                  <a:close/>
                </a:path>
                <a:path w="483234" h="3175">
                  <a:moveTo>
                    <a:pt x="393192" y="0"/>
                  </a:moveTo>
                  <a:lnTo>
                    <a:pt x="390144" y="0"/>
                  </a:lnTo>
                  <a:lnTo>
                    <a:pt x="390144" y="3048"/>
                  </a:lnTo>
                  <a:lnTo>
                    <a:pt x="393192" y="3048"/>
                  </a:lnTo>
                  <a:lnTo>
                    <a:pt x="393192" y="0"/>
                  </a:lnTo>
                  <a:close/>
                </a:path>
                <a:path w="483234" h="3175">
                  <a:moveTo>
                    <a:pt x="400812" y="0"/>
                  </a:moveTo>
                  <a:lnTo>
                    <a:pt x="396240" y="0"/>
                  </a:lnTo>
                  <a:lnTo>
                    <a:pt x="396240" y="3048"/>
                  </a:lnTo>
                  <a:lnTo>
                    <a:pt x="400812" y="3048"/>
                  </a:lnTo>
                  <a:lnTo>
                    <a:pt x="400812" y="0"/>
                  </a:lnTo>
                  <a:close/>
                </a:path>
                <a:path w="483234" h="3175">
                  <a:moveTo>
                    <a:pt x="406908" y="0"/>
                  </a:moveTo>
                  <a:lnTo>
                    <a:pt x="403860" y="0"/>
                  </a:lnTo>
                  <a:lnTo>
                    <a:pt x="403860" y="3048"/>
                  </a:lnTo>
                  <a:lnTo>
                    <a:pt x="406908" y="3048"/>
                  </a:lnTo>
                  <a:lnTo>
                    <a:pt x="406908" y="0"/>
                  </a:lnTo>
                  <a:close/>
                </a:path>
                <a:path w="483234" h="3175">
                  <a:moveTo>
                    <a:pt x="414528" y="0"/>
                  </a:moveTo>
                  <a:lnTo>
                    <a:pt x="409956" y="0"/>
                  </a:lnTo>
                  <a:lnTo>
                    <a:pt x="409956" y="3048"/>
                  </a:lnTo>
                  <a:lnTo>
                    <a:pt x="414528" y="3048"/>
                  </a:lnTo>
                  <a:lnTo>
                    <a:pt x="414528" y="0"/>
                  </a:lnTo>
                  <a:close/>
                </a:path>
                <a:path w="483234" h="3175">
                  <a:moveTo>
                    <a:pt x="420624" y="0"/>
                  </a:moveTo>
                  <a:lnTo>
                    <a:pt x="417576" y="0"/>
                  </a:lnTo>
                  <a:lnTo>
                    <a:pt x="417576" y="3048"/>
                  </a:lnTo>
                  <a:lnTo>
                    <a:pt x="420624" y="3048"/>
                  </a:lnTo>
                  <a:lnTo>
                    <a:pt x="420624" y="0"/>
                  </a:lnTo>
                  <a:close/>
                </a:path>
                <a:path w="483234" h="3175">
                  <a:moveTo>
                    <a:pt x="428244" y="0"/>
                  </a:moveTo>
                  <a:lnTo>
                    <a:pt x="423672" y="0"/>
                  </a:lnTo>
                  <a:lnTo>
                    <a:pt x="423672" y="3048"/>
                  </a:lnTo>
                  <a:lnTo>
                    <a:pt x="428244" y="3048"/>
                  </a:lnTo>
                  <a:lnTo>
                    <a:pt x="428244" y="0"/>
                  </a:lnTo>
                  <a:close/>
                </a:path>
                <a:path w="483234" h="3175">
                  <a:moveTo>
                    <a:pt x="434340" y="0"/>
                  </a:moveTo>
                  <a:lnTo>
                    <a:pt x="431292" y="0"/>
                  </a:lnTo>
                  <a:lnTo>
                    <a:pt x="431292" y="3048"/>
                  </a:lnTo>
                  <a:lnTo>
                    <a:pt x="434340" y="3048"/>
                  </a:lnTo>
                  <a:lnTo>
                    <a:pt x="434340" y="0"/>
                  </a:lnTo>
                  <a:close/>
                </a:path>
                <a:path w="483234" h="3175">
                  <a:moveTo>
                    <a:pt x="441960" y="0"/>
                  </a:moveTo>
                  <a:lnTo>
                    <a:pt x="437388" y="0"/>
                  </a:lnTo>
                  <a:lnTo>
                    <a:pt x="437388" y="3048"/>
                  </a:lnTo>
                  <a:lnTo>
                    <a:pt x="441960" y="3048"/>
                  </a:lnTo>
                  <a:lnTo>
                    <a:pt x="441960" y="0"/>
                  </a:lnTo>
                  <a:close/>
                </a:path>
                <a:path w="483234" h="3175">
                  <a:moveTo>
                    <a:pt x="448056" y="0"/>
                  </a:moveTo>
                  <a:lnTo>
                    <a:pt x="445008" y="0"/>
                  </a:lnTo>
                  <a:lnTo>
                    <a:pt x="445008" y="3048"/>
                  </a:lnTo>
                  <a:lnTo>
                    <a:pt x="448056" y="3048"/>
                  </a:lnTo>
                  <a:lnTo>
                    <a:pt x="448056" y="0"/>
                  </a:lnTo>
                  <a:close/>
                </a:path>
                <a:path w="483234" h="3175">
                  <a:moveTo>
                    <a:pt x="455676" y="0"/>
                  </a:moveTo>
                  <a:lnTo>
                    <a:pt x="451104" y="0"/>
                  </a:lnTo>
                  <a:lnTo>
                    <a:pt x="451104" y="3048"/>
                  </a:lnTo>
                  <a:lnTo>
                    <a:pt x="455676" y="3048"/>
                  </a:lnTo>
                  <a:lnTo>
                    <a:pt x="455676" y="0"/>
                  </a:lnTo>
                  <a:close/>
                </a:path>
                <a:path w="483234" h="3175">
                  <a:moveTo>
                    <a:pt x="461772" y="0"/>
                  </a:moveTo>
                  <a:lnTo>
                    <a:pt x="458724" y="0"/>
                  </a:lnTo>
                  <a:lnTo>
                    <a:pt x="458724" y="3048"/>
                  </a:lnTo>
                  <a:lnTo>
                    <a:pt x="461772" y="3048"/>
                  </a:lnTo>
                  <a:lnTo>
                    <a:pt x="461772" y="0"/>
                  </a:lnTo>
                  <a:close/>
                </a:path>
                <a:path w="483234" h="3175">
                  <a:moveTo>
                    <a:pt x="469392" y="0"/>
                  </a:moveTo>
                  <a:lnTo>
                    <a:pt x="464820" y="0"/>
                  </a:lnTo>
                  <a:lnTo>
                    <a:pt x="464820" y="3048"/>
                  </a:lnTo>
                  <a:lnTo>
                    <a:pt x="469392" y="3048"/>
                  </a:lnTo>
                  <a:lnTo>
                    <a:pt x="469392" y="0"/>
                  </a:lnTo>
                  <a:close/>
                </a:path>
                <a:path w="483234" h="3175">
                  <a:moveTo>
                    <a:pt x="475488" y="0"/>
                  </a:moveTo>
                  <a:lnTo>
                    <a:pt x="472440" y="0"/>
                  </a:lnTo>
                  <a:lnTo>
                    <a:pt x="472440" y="3048"/>
                  </a:lnTo>
                  <a:lnTo>
                    <a:pt x="475488" y="3048"/>
                  </a:lnTo>
                  <a:lnTo>
                    <a:pt x="475488" y="0"/>
                  </a:lnTo>
                  <a:close/>
                </a:path>
                <a:path w="483234" h="3175">
                  <a:moveTo>
                    <a:pt x="483108" y="0"/>
                  </a:moveTo>
                  <a:lnTo>
                    <a:pt x="478536" y="0"/>
                  </a:lnTo>
                  <a:lnTo>
                    <a:pt x="478536" y="3048"/>
                  </a:lnTo>
                  <a:lnTo>
                    <a:pt x="483108" y="3048"/>
                  </a:lnTo>
                  <a:lnTo>
                    <a:pt x="483108" y="0"/>
                  </a:lnTo>
                  <a:close/>
                </a:path>
              </a:pathLst>
            </a:custGeom>
            <a:solidFill>
              <a:srgbClr val="D8D8D8"/>
            </a:solidFill>
          </p:spPr>
          <p:txBody>
            <a:bodyPr wrap="square" lIns="0" tIns="0" rIns="0" bIns="0" rtlCol="0"/>
            <a:lstStyle/>
            <a:p>
              <a:endParaRPr sz="1539"/>
            </a:p>
          </p:txBody>
        </p:sp>
        <p:sp>
          <p:nvSpPr>
            <p:cNvPr id="168" name="object 168"/>
            <p:cNvSpPr/>
            <p:nvPr/>
          </p:nvSpPr>
          <p:spPr>
            <a:xfrm>
              <a:off x="8602980" y="1168907"/>
              <a:ext cx="483234" cy="3175"/>
            </a:xfrm>
            <a:custGeom>
              <a:avLst/>
              <a:gdLst/>
              <a:ahLst/>
              <a:cxnLst/>
              <a:rect l="l" t="t" r="r" b="b"/>
              <a:pathLst>
                <a:path w="483234" h="3175">
                  <a:moveTo>
                    <a:pt x="4572" y="0"/>
                  </a:moveTo>
                  <a:lnTo>
                    <a:pt x="0" y="0"/>
                  </a:lnTo>
                  <a:lnTo>
                    <a:pt x="0" y="3048"/>
                  </a:lnTo>
                  <a:lnTo>
                    <a:pt x="4572" y="3048"/>
                  </a:lnTo>
                  <a:lnTo>
                    <a:pt x="4572" y="0"/>
                  </a:lnTo>
                  <a:close/>
                </a:path>
                <a:path w="483234" h="3175">
                  <a:moveTo>
                    <a:pt x="10668" y="0"/>
                  </a:moveTo>
                  <a:lnTo>
                    <a:pt x="7620" y="0"/>
                  </a:lnTo>
                  <a:lnTo>
                    <a:pt x="7620" y="3048"/>
                  </a:lnTo>
                  <a:lnTo>
                    <a:pt x="10668" y="3048"/>
                  </a:lnTo>
                  <a:lnTo>
                    <a:pt x="10668" y="0"/>
                  </a:lnTo>
                  <a:close/>
                </a:path>
                <a:path w="483234" h="3175">
                  <a:moveTo>
                    <a:pt x="18288" y="0"/>
                  </a:moveTo>
                  <a:lnTo>
                    <a:pt x="13716" y="0"/>
                  </a:lnTo>
                  <a:lnTo>
                    <a:pt x="13716" y="3048"/>
                  </a:lnTo>
                  <a:lnTo>
                    <a:pt x="18288" y="3048"/>
                  </a:lnTo>
                  <a:lnTo>
                    <a:pt x="18288" y="0"/>
                  </a:lnTo>
                  <a:close/>
                </a:path>
                <a:path w="483234" h="3175">
                  <a:moveTo>
                    <a:pt x="24384" y="0"/>
                  </a:moveTo>
                  <a:lnTo>
                    <a:pt x="21336" y="0"/>
                  </a:lnTo>
                  <a:lnTo>
                    <a:pt x="21336" y="3048"/>
                  </a:lnTo>
                  <a:lnTo>
                    <a:pt x="24384" y="3048"/>
                  </a:lnTo>
                  <a:lnTo>
                    <a:pt x="24384" y="0"/>
                  </a:lnTo>
                  <a:close/>
                </a:path>
                <a:path w="483234" h="3175">
                  <a:moveTo>
                    <a:pt x="32004" y="0"/>
                  </a:moveTo>
                  <a:lnTo>
                    <a:pt x="27432" y="0"/>
                  </a:lnTo>
                  <a:lnTo>
                    <a:pt x="27432" y="3048"/>
                  </a:lnTo>
                  <a:lnTo>
                    <a:pt x="32004" y="3048"/>
                  </a:lnTo>
                  <a:lnTo>
                    <a:pt x="32004" y="0"/>
                  </a:lnTo>
                  <a:close/>
                </a:path>
                <a:path w="483234" h="3175">
                  <a:moveTo>
                    <a:pt x="38100" y="0"/>
                  </a:moveTo>
                  <a:lnTo>
                    <a:pt x="35052" y="0"/>
                  </a:lnTo>
                  <a:lnTo>
                    <a:pt x="35052" y="3048"/>
                  </a:lnTo>
                  <a:lnTo>
                    <a:pt x="38100" y="3048"/>
                  </a:lnTo>
                  <a:lnTo>
                    <a:pt x="38100" y="0"/>
                  </a:lnTo>
                  <a:close/>
                </a:path>
                <a:path w="483234" h="3175">
                  <a:moveTo>
                    <a:pt x="45720" y="0"/>
                  </a:moveTo>
                  <a:lnTo>
                    <a:pt x="41148" y="0"/>
                  </a:lnTo>
                  <a:lnTo>
                    <a:pt x="41148" y="3048"/>
                  </a:lnTo>
                  <a:lnTo>
                    <a:pt x="45720" y="3048"/>
                  </a:lnTo>
                  <a:lnTo>
                    <a:pt x="45720" y="0"/>
                  </a:lnTo>
                  <a:close/>
                </a:path>
                <a:path w="483234" h="3175">
                  <a:moveTo>
                    <a:pt x="51816" y="0"/>
                  </a:moveTo>
                  <a:lnTo>
                    <a:pt x="48768" y="0"/>
                  </a:lnTo>
                  <a:lnTo>
                    <a:pt x="48768" y="3048"/>
                  </a:lnTo>
                  <a:lnTo>
                    <a:pt x="51816" y="3048"/>
                  </a:lnTo>
                  <a:lnTo>
                    <a:pt x="51816" y="0"/>
                  </a:lnTo>
                  <a:close/>
                </a:path>
                <a:path w="483234" h="3175">
                  <a:moveTo>
                    <a:pt x="59436" y="0"/>
                  </a:moveTo>
                  <a:lnTo>
                    <a:pt x="54864" y="0"/>
                  </a:lnTo>
                  <a:lnTo>
                    <a:pt x="54864" y="3048"/>
                  </a:lnTo>
                  <a:lnTo>
                    <a:pt x="59436" y="3048"/>
                  </a:lnTo>
                  <a:lnTo>
                    <a:pt x="59436" y="0"/>
                  </a:lnTo>
                  <a:close/>
                </a:path>
                <a:path w="483234" h="3175">
                  <a:moveTo>
                    <a:pt x="65532" y="0"/>
                  </a:moveTo>
                  <a:lnTo>
                    <a:pt x="62484" y="0"/>
                  </a:lnTo>
                  <a:lnTo>
                    <a:pt x="62484" y="3048"/>
                  </a:lnTo>
                  <a:lnTo>
                    <a:pt x="65532" y="3048"/>
                  </a:lnTo>
                  <a:lnTo>
                    <a:pt x="65532" y="0"/>
                  </a:lnTo>
                  <a:close/>
                </a:path>
                <a:path w="483234" h="3175">
                  <a:moveTo>
                    <a:pt x="73152" y="0"/>
                  </a:moveTo>
                  <a:lnTo>
                    <a:pt x="68580" y="0"/>
                  </a:lnTo>
                  <a:lnTo>
                    <a:pt x="68580" y="3048"/>
                  </a:lnTo>
                  <a:lnTo>
                    <a:pt x="73152" y="3048"/>
                  </a:lnTo>
                  <a:lnTo>
                    <a:pt x="73152" y="0"/>
                  </a:lnTo>
                  <a:close/>
                </a:path>
                <a:path w="483234" h="3175">
                  <a:moveTo>
                    <a:pt x="79248" y="0"/>
                  </a:moveTo>
                  <a:lnTo>
                    <a:pt x="76200" y="0"/>
                  </a:lnTo>
                  <a:lnTo>
                    <a:pt x="76200" y="3048"/>
                  </a:lnTo>
                  <a:lnTo>
                    <a:pt x="79248" y="3048"/>
                  </a:lnTo>
                  <a:lnTo>
                    <a:pt x="79248" y="0"/>
                  </a:lnTo>
                  <a:close/>
                </a:path>
                <a:path w="483234" h="3175">
                  <a:moveTo>
                    <a:pt x="86868" y="0"/>
                  </a:moveTo>
                  <a:lnTo>
                    <a:pt x="82296" y="0"/>
                  </a:lnTo>
                  <a:lnTo>
                    <a:pt x="82296" y="3048"/>
                  </a:lnTo>
                  <a:lnTo>
                    <a:pt x="86868" y="3048"/>
                  </a:lnTo>
                  <a:lnTo>
                    <a:pt x="86868" y="0"/>
                  </a:lnTo>
                  <a:close/>
                </a:path>
                <a:path w="483234" h="3175">
                  <a:moveTo>
                    <a:pt x="92964" y="0"/>
                  </a:moveTo>
                  <a:lnTo>
                    <a:pt x="89916" y="0"/>
                  </a:lnTo>
                  <a:lnTo>
                    <a:pt x="89916" y="3048"/>
                  </a:lnTo>
                  <a:lnTo>
                    <a:pt x="92964" y="3048"/>
                  </a:lnTo>
                  <a:lnTo>
                    <a:pt x="92964" y="0"/>
                  </a:lnTo>
                  <a:close/>
                </a:path>
                <a:path w="483234" h="3175">
                  <a:moveTo>
                    <a:pt x="100584" y="0"/>
                  </a:moveTo>
                  <a:lnTo>
                    <a:pt x="96012" y="0"/>
                  </a:lnTo>
                  <a:lnTo>
                    <a:pt x="96012" y="3048"/>
                  </a:lnTo>
                  <a:lnTo>
                    <a:pt x="100584" y="3048"/>
                  </a:lnTo>
                  <a:lnTo>
                    <a:pt x="100584" y="0"/>
                  </a:lnTo>
                  <a:close/>
                </a:path>
                <a:path w="483234" h="3175">
                  <a:moveTo>
                    <a:pt x="106680" y="0"/>
                  </a:moveTo>
                  <a:lnTo>
                    <a:pt x="103632" y="0"/>
                  </a:lnTo>
                  <a:lnTo>
                    <a:pt x="103632" y="3048"/>
                  </a:lnTo>
                  <a:lnTo>
                    <a:pt x="106680" y="3048"/>
                  </a:lnTo>
                  <a:lnTo>
                    <a:pt x="106680" y="0"/>
                  </a:lnTo>
                  <a:close/>
                </a:path>
                <a:path w="483234" h="3175">
                  <a:moveTo>
                    <a:pt x="114300" y="0"/>
                  </a:moveTo>
                  <a:lnTo>
                    <a:pt x="109728" y="0"/>
                  </a:lnTo>
                  <a:lnTo>
                    <a:pt x="109728" y="3048"/>
                  </a:lnTo>
                  <a:lnTo>
                    <a:pt x="114300" y="3048"/>
                  </a:lnTo>
                  <a:lnTo>
                    <a:pt x="114300" y="0"/>
                  </a:lnTo>
                  <a:close/>
                </a:path>
                <a:path w="483234" h="3175">
                  <a:moveTo>
                    <a:pt x="120396" y="0"/>
                  </a:moveTo>
                  <a:lnTo>
                    <a:pt x="117348" y="0"/>
                  </a:lnTo>
                  <a:lnTo>
                    <a:pt x="117348" y="3048"/>
                  </a:lnTo>
                  <a:lnTo>
                    <a:pt x="120396" y="3048"/>
                  </a:lnTo>
                  <a:lnTo>
                    <a:pt x="120396" y="0"/>
                  </a:lnTo>
                  <a:close/>
                </a:path>
                <a:path w="483234" h="3175">
                  <a:moveTo>
                    <a:pt x="128016" y="0"/>
                  </a:moveTo>
                  <a:lnTo>
                    <a:pt x="123444" y="0"/>
                  </a:lnTo>
                  <a:lnTo>
                    <a:pt x="123444" y="3048"/>
                  </a:lnTo>
                  <a:lnTo>
                    <a:pt x="128016" y="3048"/>
                  </a:lnTo>
                  <a:lnTo>
                    <a:pt x="128016" y="0"/>
                  </a:lnTo>
                  <a:close/>
                </a:path>
                <a:path w="483234" h="3175">
                  <a:moveTo>
                    <a:pt x="134112" y="0"/>
                  </a:moveTo>
                  <a:lnTo>
                    <a:pt x="131064" y="0"/>
                  </a:lnTo>
                  <a:lnTo>
                    <a:pt x="131064" y="3048"/>
                  </a:lnTo>
                  <a:lnTo>
                    <a:pt x="134112" y="3048"/>
                  </a:lnTo>
                  <a:lnTo>
                    <a:pt x="134112" y="0"/>
                  </a:lnTo>
                  <a:close/>
                </a:path>
                <a:path w="483234" h="3175">
                  <a:moveTo>
                    <a:pt x="141732" y="0"/>
                  </a:moveTo>
                  <a:lnTo>
                    <a:pt x="137160" y="0"/>
                  </a:lnTo>
                  <a:lnTo>
                    <a:pt x="137160" y="3048"/>
                  </a:lnTo>
                  <a:lnTo>
                    <a:pt x="141732" y="3048"/>
                  </a:lnTo>
                  <a:lnTo>
                    <a:pt x="141732" y="0"/>
                  </a:lnTo>
                  <a:close/>
                </a:path>
                <a:path w="483234" h="3175">
                  <a:moveTo>
                    <a:pt x="147828" y="0"/>
                  </a:moveTo>
                  <a:lnTo>
                    <a:pt x="144780" y="0"/>
                  </a:lnTo>
                  <a:lnTo>
                    <a:pt x="144780" y="3048"/>
                  </a:lnTo>
                  <a:lnTo>
                    <a:pt x="147828" y="3048"/>
                  </a:lnTo>
                  <a:lnTo>
                    <a:pt x="147828" y="0"/>
                  </a:lnTo>
                  <a:close/>
                </a:path>
                <a:path w="483234" h="3175">
                  <a:moveTo>
                    <a:pt x="155448" y="0"/>
                  </a:moveTo>
                  <a:lnTo>
                    <a:pt x="150876" y="0"/>
                  </a:lnTo>
                  <a:lnTo>
                    <a:pt x="150876" y="3048"/>
                  </a:lnTo>
                  <a:lnTo>
                    <a:pt x="155448" y="3048"/>
                  </a:lnTo>
                  <a:lnTo>
                    <a:pt x="155448" y="0"/>
                  </a:lnTo>
                  <a:close/>
                </a:path>
                <a:path w="483234" h="3175">
                  <a:moveTo>
                    <a:pt x="161544" y="0"/>
                  </a:moveTo>
                  <a:lnTo>
                    <a:pt x="158496" y="0"/>
                  </a:lnTo>
                  <a:lnTo>
                    <a:pt x="158496" y="3048"/>
                  </a:lnTo>
                  <a:lnTo>
                    <a:pt x="161544" y="3048"/>
                  </a:lnTo>
                  <a:lnTo>
                    <a:pt x="161544" y="0"/>
                  </a:lnTo>
                  <a:close/>
                </a:path>
                <a:path w="483234" h="3175">
                  <a:moveTo>
                    <a:pt x="169164" y="0"/>
                  </a:moveTo>
                  <a:lnTo>
                    <a:pt x="164592" y="0"/>
                  </a:lnTo>
                  <a:lnTo>
                    <a:pt x="164592" y="3048"/>
                  </a:lnTo>
                  <a:lnTo>
                    <a:pt x="169164" y="3048"/>
                  </a:lnTo>
                  <a:lnTo>
                    <a:pt x="169164" y="0"/>
                  </a:lnTo>
                  <a:close/>
                </a:path>
                <a:path w="483234" h="3175">
                  <a:moveTo>
                    <a:pt x="175260" y="0"/>
                  </a:moveTo>
                  <a:lnTo>
                    <a:pt x="172212" y="0"/>
                  </a:lnTo>
                  <a:lnTo>
                    <a:pt x="172212" y="3048"/>
                  </a:lnTo>
                  <a:lnTo>
                    <a:pt x="175260" y="3048"/>
                  </a:lnTo>
                  <a:lnTo>
                    <a:pt x="175260" y="0"/>
                  </a:lnTo>
                  <a:close/>
                </a:path>
                <a:path w="483234" h="3175">
                  <a:moveTo>
                    <a:pt x="182880" y="0"/>
                  </a:moveTo>
                  <a:lnTo>
                    <a:pt x="178308" y="0"/>
                  </a:lnTo>
                  <a:lnTo>
                    <a:pt x="178308" y="3048"/>
                  </a:lnTo>
                  <a:lnTo>
                    <a:pt x="182880" y="3048"/>
                  </a:lnTo>
                  <a:lnTo>
                    <a:pt x="182880" y="0"/>
                  </a:lnTo>
                  <a:close/>
                </a:path>
                <a:path w="483234" h="3175">
                  <a:moveTo>
                    <a:pt x="188976" y="0"/>
                  </a:moveTo>
                  <a:lnTo>
                    <a:pt x="185928" y="0"/>
                  </a:lnTo>
                  <a:lnTo>
                    <a:pt x="185928" y="3048"/>
                  </a:lnTo>
                  <a:lnTo>
                    <a:pt x="188976" y="3048"/>
                  </a:lnTo>
                  <a:lnTo>
                    <a:pt x="188976" y="0"/>
                  </a:lnTo>
                  <a:close/>
                </a:path>
                <a:path w="483234" h="3175">
                  <a:moveTo>
                    <a:pt x="196596" y="0"/>
                  </a:moveTo>
                  <a:lnTo>
                    <a:pt x="192024" y="0"/>
                  </a:lnTo>
                  <a:lnTo>
                    <a:pt x="192024" y="3048"/>
                  </a:lnTo>
                  <a:lnTo>
                    <a:pt x="196596" y="3048"/>
                  </a:lnTo>
                  <a:lnTo>
                    <a:pt x="196596" y="0"/>
                  </a:lnTo>
                  <a:close/>
                </a:path>
                <a:path w="483234" h="3175">
                  <a:moveTo>
                    <a:pt x="202692" y="0"/>
                  </a:moveTo>
                  <a:lnTo>
                    <a:pt x="199644" y="0"/>
                  </a:lnTo>
                  <a:lnTo>
                    <a:pt x="199644" y="3048"/>
                  </a:lnTo>
                  <a:lnTo>
                    <a:pt x="202692" y="3048"/>
                  </a:lnTo>
                  <a:lnTo>
                    <a:pt x="202692" y="0"/>
                  </a:lnTo>
                  <a:close/>
                </a:path>
                <a:path w="483234" h="3175">
                  <a:moveTo>
                    <a:pt x="210312" y="0"/>
                  </a:moveTo>
                  <a:lnTo>
                    <a:pt x="205740" y="0"/>
                  </a:lnTo>
                  <a:lnTo>
                    <a:pt x="205740" y="3048"/>
                  </a:lnTo>
                  <a:lnTo>
                    <a:pt x="210312" y="3048"/>
                  </a:lnTo>
                  <a:lnTo>
                    <a:pt x="210312" y="0"/>
                  </a:lnTo>
                  <a:close/>
                </a:path>
                <a:path w="483234" h="3175">
                  <a:moveTo>
                    <a:pt x="216408" y="0"/>
                  </a:moveTo>
                  <a:lnTo>
                    <a:pt x="213360" y="0"/>
                  </a:lnTo>
                  <a:lnTo>
                    <a:pt x="213360" y="3048"/>
                  </a:lnTo>
                  <a:lnTo>
                    <a:pt x="216408" y="3048"/>
                  </a:lnTo>
                  <a:lnTo>
                    <a:pt x="216408" y="0"/>
                  </a:lnTo>
                  <a:close/>
                </a:path>
                <a:path w="483234" h="3175">
                  <a:moveTo>
                    <a:pt x="224028" y="0"/>
                  </a:moveTo>
                  <a:lnTo>
                    <a:pt x="219456" y="0"/>
                  </a:lnTo>
                  <a:lnTo>
                    <a:pt x="219456" y="3048"/>
                  </a:lnTo>
                  <a:lnTo>
                    <a:pt x="224028" y="3048"/>
                  </a:lnTo>
                  <a:lnTo>
                    <a:pt x="224028" y="0"/>
                  </a:lnTo>
                  <a:close/>
                </a:path>
                <a:path w="483234" h="3175">
                  <a:moveTo>
                    <a:pt x="230124" y="0"/>
                  </a:moveTo>
                  <a:lnTo>
                    <a:pt x="227076" y="0"/>
                  </a:lnTo>
                  <a:lnTo>
                    <a:pt x="227076" y="3048"/>
                  </a:lnTo>
                  <a:lnTo>
                    <a:pt x="230124" y="3048"/>
                  </a:lnTo>
                  <a:lnTo>
                    <a:pt x="230124" y="0"/>
                  </a:lnTo>
                  <a:close/>
                </a:path>
                <a:path w="483234" h="3175">
                  <a:moveTo>
                    <a:pt x="237744" y="0"/>
                  </a:moveTo>
                  <a:lnTo>
                    <a:pt x="233172" y="0"/>
                  </a:lnTo>
                  <a:lnTo>
                    <a:pt x="233172" y="3048"/>
                  </a:lnTo>
                  <a:lnTo>
                    <a:pt x="237744" y="3048"/>
                  </a:lnTo>
                  <a:lnTo>
                    <a:pt x="237744" y="0"/>
                  </a:lnTo>
                  <a:close/>
                </a:path>
                <a:path w="483234" h="3175">
                  <a:moveTo>
                    <a:pt x="243840" y="0"/>
                  </a:moveTo>
                  <a:lnTo>
                    <a:pt x="240792" y="0"/>
                  </a:lnTo>
                  <a:lnTo>
                    <a:pt x="240792" y="3048"/>
                  </a:lnTo>
                  <a:lnTo>
                    <a:pt x="243840" y="3048"/>
                  </a:lnTo>
                  <a:lnTo>
                    <a:pt x="243840" y="0"/>
                  </a:lnTo>
                  <a:close/>
                </a:path>
                <a:path w="483234" h="3175">
                  <a:moveTo>
                    <a:pt x="251460" y="0"/>
                  </a:moveTo>
                  <a:lnTo>
                    <a:pt x="246888" y="0"/>
                  </a:lnTo>
                  <a:lnTo>
                    <a:pt x="246888" y="3048"/>
                  </a:lnTo>
                  <a:lnTo>
                    <a:pt x="251460" y="3048"/>
                  </a:lnTo>
                  <a:lnTo>
                    <a:pt x="251460" y="0"/>
                  </a:lnTo>
                  <a:close/>
                </a:path>
                <a:path w="483234" h="3175">
                  <a:moveTo>
                    <a:pt x="257556" y="0"/>
                  </a:moveTo>
                  <a:lnTo>
                    <a:pt x="254508" y="0"/>
                  </a:lnTo>
                  <a:lnTo>
                    <a:pt x="254508" y="3048"/>
                  </a:lnTo>
                  <a:lnTo>
                    <a:pt x="257556" y="3048"/>
                  </a:lnTo>
                  <a:lnTo>
                    <a:pt x="257556" y="0"/>
                  </a:lnTo>
                  <a:close/>
                </a:path>
                <a:path w="483234" h="3175">
                  <a:moveTo>
                    <a:pt x="265176" y="0"/>
                  </a:moveTo>
                  <a:lnTo>
                    <a:pt x="260604" y="0"/>
                  </a:lnTo>
                  <a:lnTo>
                    <a:pt x="260604" y="3048"/>
                  </a:lnTo>
                  <a:lnTo>
                    <a:pt x="265176" y="3048"/>
                  </a:lnTo>
                  <a:lnTo>
                    <a:pt x="265176" y="0"/>
                  </a:lnTo>
                  <a:close/>
                </a:path>
                <a:path w="483234" h="3175">
                  <a:moveTo>
                    <a:pt x="271272" y="0"/>
                  </a:moveTo>
                  <a:lnTo>
                    <a:pt x="268224" y="0"/>
                  </a:lnTo>
                  <a:lnTo>
                    <a:pt x="268224" y="3048"/>
                  </a:lnTo>
                  <a:lnTo>
                    <a:pt x="271272" y="3048"/>
                  </a:lnTo>
                  <a:lnTo>
                    <a:pt x="271272" y="0"/>
                  </a:lnTo>
                  <a:close/>
                </a:path>
                <a:path w="483234" h="3175">
                  <a:moveTo>
                    <a:pt x="278892" y="0"/>
                  </a:moveTo>
                  <a:lnTo>
                    <a:pt x="274320" y="0"/>
                  </a:lnTo>
                  <a:lnTo>
                    <a:pt x="274320" y="3048"/>
                  </a:lnTo>
                  <a:lnTo>
                    <a:pt x="278892" y="3048"/>
                  </a:lnTo>
                  <a:lnTo>
                    <a:pt x="278892" y="0"/>
                  </a:lnTo>
                  <a:close/>
                </a:path>
                <a:path w="483234" h="3175">
                  <a:moveTo>
                    <a:pt x="284988" y="0"/>
                  </a:moveTo>
                  <a:lnTo>
                    <a:pt x="281940" y="0"/>
                  </a:lnTo>
                  <a:lnTo>
                    <a:pt x="281940" y="3048"/>
                  </a:lnTo>
                  <a:lnTo>
                    <a:pt x="284988" y="3048"/>
                  </a:lnTo>
                  <a:lnTo>
                    <a:pt x="284988" y="0"/>
                  </a:lnTo>
                  <a:close/>
                </a:path>
                <a:path w="483234" h="3175">
                  <a:moveTo>
                    <a:pt x="292608" y="0"/>
                  </a:moveTo>
                  <a:lnTo>
                    <a:pt x="288036" y="0"/>
                  </a:lnTo>
                  <a:lnTo>
                    <a:pt x="288036" y="3048"/>
                  </a:lnTo>
                  <a:lnTo>
                    <a:pt x="292608" y="3048"/>
                  </a:lnTo>
                  <a:lnTo>
                    <a:pt x="292608" y="0"/>
                  </a:lnTo>
                  <a:close/>
                </a:path>
                <a:path w="483234" h="3175">
                  <a:moveTo>
                    <a:pt x="298704" y="0"/>
                  </a:moveTo>
                  <a:lnTo>
                    <a:pt x="295656" y="0"/>
                  </a:lnTo>
                  <a:lnTo>
                    <a:pt x="295656" y="3048"/>
                  </a:lnTo>
                  <a:lnTo>
                    <a:pt x="298704" y="3048"/>
                  </a:lnTo>
                  <a:lnTo>
                    <a:pt x="298704" y="0"/>
                  </a:lnTo>
                  <a:close/>
                </a:path>
                <a:path w="483234" h="3175">
                  <a:moveTo>
                    <a:pt x="306324" y="0"/>
                  </a:moveTo>
                  <a:lnTo>
                    <a:pt x="301752" y="0"/>
                  </a:lnTo>
                  <a:lnTo>
                    <a:pt x="301752" y="3048"/>
                  </a:lnTo>
                  <a:lnTo>
                    <a:pt x="306324" y="3048"/>
                  </a:lnTo>
                  <a:lnTo>
                    <a:pt x="306324" y="0"/>
                  </a:lnTo>
                  <a:close/>
                </a:path>
                <a:path w="483234" h="3175">
                  <a:moveTo>
                    <a:pt x="312420" y="0"/>
                  </a:moveTo>
                  <a:lnTo>
                    <a:pt x="309372" y="0"/>
                  </a:lnTo>
                  <a:lnTo>
                    <a:pt x="309372" y="3048"/>
                  </a:lnTo>
                  <a:lnTo>
                    <a:pt x="312420" y="3048"/>
                  </a:lnTo>
                  <a:lnTo>
                    <a:pt x="312420" y="0"/>
                  </a:lnTo>
                  <a:close/>
                </a:path>
                <a:path w="483234" h="3175">
                  <a:moveTo>
                    <a:pt x="320040" y="0"/>
                  </a:moveTo>
                  <a:lnTo>
                    <a:pt x="315468" y="0"/>
                  </a:lnTo>
                  <a:lnTo>
                    <a:pt x="315468" y="3048"/>
                  </a:lnTo>
                  <a:lnTo>
                    <a:pt x="320040" y="3048"/>
                  </a:lnTo>
                  <a:lnTo>
                    <a:pt x="320040" y="0"/>
                  </a:lnTo>
                  <a:close/>
                </a:path>
                <a:path w="483234" h="3175">
                  <a:moveTo>
                    <a:pt x="326136" y="0"/>
                  </a:moveTo>
                  <a:lnTo>
                    <a:pt x="323088" y="0"/>
                  </a:lnTo>
                  <a:lnTo>
                    <a:pt x="323088" y="3048"/>
                  </a:lnTo>
                  <a:lnTo>
                    <a:pt x="326136" y="3048"/>
                  </a:lnTo>
                  <a:lnTo>
                    <a:pt x="326136" y="0"/>
                  </a:lnTo>
                  <a:close/>
                </a:path>
                <a:path w="483234" h="3175">
                  <a:moveTo>
                    <a:pt x="333756" y="0"/>
                  </a:moveTo>
                  <a:lnTo>
                    <a:pt x="329184" y="0"/>
                  </a:lnTo>
                  <a:lnTo>
                    <a:pt x="329184" y="3048"/>
                  </a:lnTo>
                  <a:lnTo>
                    <a:pt x="333756" y="3048"/>
                  </a:lnTo>
                  <a:lnTo>
                    <a:pt x="333756" y="0"/>
                  </a:lnTo>
                  <a:close/>
                </a:path>
                <a:path w="483234" h="3175">
                  <a:moveTo>
                    <a:pt x="339852" y="0"/>
                  </a:moveTo>
                  <a:lnTo>
                    <a:pt x="336804" y="0"/>
                  </a:lnTo>
                  <a:lnTo>
                    <a:pt x="336804" y="3048"/>
                  </a:lnTo>
                  <a:lnTo>
                    <a:pt x="339852" y="3048"/>
                  </a:lnTo>
                  <a:lnTo>
                    <a:pt x="339852" y="0"/>
                  </a:lnTo>
                  <a:close/>
                </a:path>
                <a:path w="483234" h="3175">
                  <a:moveTo>
                    <a:pt x="347472" y="0"/>
                  </a:moveTo>
                  <a:lnTo>
                    <a:pt x="342900" y="0"/>
                  </a:lnTo>
                  <a:lnTo>
                    <a:pt x="342900" y="3048"/>
                  </a:lnTo>
                  <a:lnTo>
                    <a:pt x="347472" y="3048"/>
                  </a:lnTo>
                  <a:lnTo>
                    <a:pt x="347472" y="0"/>
                  </a:lnTo>
                  <a:close/>
                </a:path>
                <a:path w="483234" h="3175">
                  <a:moveTo>
                    <a:pt x="353568" y="0"/>
                  </a:moveTo>
                  <a:lnTo>
                    <a:pt x="350520" y="0"/>
                  </a:lnTo>
                  <a:lnTo>
                    <a:pt x="350520" y="3048"/>
                  </a:lnTo>
                  <a:lnTo>
                    <a:pt x="353568" y="3048"/>
                  </a:lnTo>
                  <a:lnTo>
                    <a:pt x="353568" y="0"/>
                  </a:lnTo>
                  <a:close/>
                </a:path>
                <a:path w="483234" h="3175">
                  <a:moveTo>
                    <a:pt x="361188" y="0"/>
                  </a:moveTo>
                  <a:lnTo>
                    <a:pt x="356616" y="0"/>
                  </a:lnTo>
                  <a:lnTo>
                    <a:pt x="356616" y="3048"/>
                  </a:lnTo>
                  <a:lnTo>
                    <a:pt x="361188" y="3048"/>
                  </a:lnTo>
                  <a:lnTo>
                    <a:pt x="361188" y="0"/>
                  </a:lnTo>
                  <a:close/>
                </a:path>
                <a:path w="483234" h="3175">
                  <a:moveTo>
                    <a:pt x="367284" y="0"/>
                  </a:moveTo>
                  <a:lnTo>
                    <a:pt x="364236" y="0"/>
                  </a:lnTo>
                  <a:lnTo>
                    <a:pt x="364236" y="3048"/>
                  </a:lnTo>
                  <a:lnTo>
                    <a:pt x="367284" y="3048"/>
                  </a:lnTo>
                  <a:lnTo>
                    <a:pt x="367284" y="0"/>
                  </a:lnTo>
                  <a:close/>
                </a:path>
                <a:path w="483234" h="3175">
                  <a:moveTo>
                    <a:pt x="374904" y="0"/>
                  </a:moveTo>
                  <a:lnTo>
                    <a:pt x="370332" y="0"/>
                  </a:lnTo>
                  <a:lnTo>
                    <a:pt x="370332" y="3048"/>
                  </a:lnTo>
                  <a:lnTo>
                    <a:pt x="374904" y="3048"/>
                  </a:lnTo>
                  <a:lnTo>
                    <a:pt x="374904" y="0"/>
                  </a:lnTo>
                  <a:close/>
                </a:path>
                <a:path w="483234" h="3175">
                  <a:moveTo>
                    <a:pt x="381000" y="0"/>
                  </a:moveTo>
                  <a:lnTo>
                    <a:pt x="377952" y="0"/>
                  </a:lnTo>
                  <a:lnTo>
                    <a:pt x="377952" y="3048"/>
                  </a:lnTo>
                  <a:lnTo>
                    <a:pt x="381000" y="3048"/>
                  </a:lnTo>
                  <a:lnTo>
                    <a:pt x="381000" y="0"/>
                  </a:lnTo>
                  <a:close/>
                </a:path>
                <a:path w="483234" h="3175">
                  <a:moveTo>
                    <a:pt x="388620" y="0"/>
                  </a:moveTo>
                  <a:lnTo>
                    <a:pt x="384048" y="0"/>
                  </a:lnTo>
                  <a:lnTo>
                    <a:pt x="384048" y="3048"/>
                  </a:lnTo>
                  <a:lnTo>
                    <a:pt x="388620" y="3048"/>
                  </a:lnTo>
                  <a:lnTo>
                    <a:pt x="388620" y="0"/>
                  </a:lnTo>
                  <a:close/>
                </a:path>
                <a:path w="483234" h="3175">
                  <a:moveTo>
                    <a:pt x="394716" y="0"/>
                  </a:moveTo>
                  <a:lnTo>
                    <a:pt x="391668" y="0"/>
                  </a:lnTo>
                  <a:lnTo>
                    <a:pt x="391668" y="3048"/>
                  </a:lnTo>
                  <a:lnTo>
                    <a:pt x="394716" y="3048"/>
                  </a:lnTo>
                  <a:lnTo>
                    <a:pt x="394716" y="0"/>
                  </a:lnTo>
                  <a:close/>
                </a:path>
                <a:path w="483234" h="3175">
                  <a:moveTo>
                    <a:pt x="402336" y="0"/>
                  </a:moveTo>
                  <a:lnTo>
                    <a:pt x="397764" y="0"/>
                  </a:lnTo>
                  <a:lnTo>
                    <a:pt x="397764" y="3048"/>
                  </a:lnTo>
                  <a:lnTo>
                    <a:pt x="402336" y="3048"/>
                  </a:lnTo>
                  <a:lnTo>
                    <a:pt x="402336" y="0"/>
                  </a:lnTo>
                  <a:close/>
                </a:path>
                <a:path w="483234" h="3175">
                  <a:moveTo>
                    <a:pt x="408432" y="0"/>
                  </a:moveTo>
                  <a:lnTo>
                    <a:pt x="405384" y="0"/>
                  </a:lnTo>
                  <a:lnTo>
                    <a:pt x="405384" y="3048"/>
                  </a:lnTo>
                  <a:lnTo>
                    <a:pt x="408432" y="3048"/>
                  </a:lnTo>
                  <a:lnTo>
                    <a:pt x="408432" y="0"/>
                  </a:lnTo>
                  <a:close/>
                </a:path>
                <a:path w="483234" h="3175">
                  <a:moveTo>
                    <a:pt x="416052" y="0"/>
                  </a:moveTo>
                  <a:lnTo>
                    <a:pt x="411480" y="0"/>
                  </a:lnTo>
                  <a:lnTo>
                    <a:pt x="411480" y="3048"/>
                  </a:lnTo>
                  <a:lnTo>
                    <a:pt x="416052" y="3048"/>
                  </a:lnTo>
                  <a:lnTo>
                    <a:pt x="416052" y="0"/>
                  </a:lnTo>
                  <a:close/>
                </a:path>
                <a:path w="483234" h="3175">
                  <a:moveTo>
                    <a:pt x="422148" y="0"/>
                  </a:moveTo>
                  <a:lnTo>
                    <a:pt x="419100" y="0"/>
                  </a:lnTo>
                  <a:lnTo>
                    <a:pt x="419100"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2816" y="0"/>
                  </a:lnTo>
                  <a:lnTo>
                    <a:pt x="432816"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6532" y="0"/>
                  </a:lnTo>
                  <a:lnTo>
                    <a:pt x="446532"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60248" y="0"/>
                  </a:lnTo>
                  <a:lnTo>
                    <a:pt x="460248"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69" name="object 169"/>
            <p:cNvSpPr/>
            <p:nvPr/>
          </p:nvSpPr>
          <p:spPr>
            <a:xfrm>
              <a:off x="9083040" y="1168907"/>
              <a:ext cx="483234" cy="3175"/>
            </a:xfrm>
            <a:custGeom>
              <a:avLst/>
              <a:gdLst/>
              <a:ahLst/>
              <a:cxnLst/>
              <a:rect l="l" t="t" r="r" b="b"/>
              <a:pathLst>
                <a:path w="483234" h="3175">
                  <a:moveTo>
                    <a:pt x="3048" y="0"/>
                  </a:moveTo>
                  <a:lnTo>
                    <a:pt x="0" y="0"/>
                  </a:lnTo>
                  <a:lnTo>
                    <a:pt x="0" y="3048"/>
                  </a:lnTo>
                  <a:lnTo>
                    <a:pt x="3048" y="3048"/>
                  </a:lnTo>
                  <a:lnTo>
                    <a:pt x="3048" y="0"/>
                  </a:lnTo>
                  <a:close/>
                </a:path>
                <a:path w="483234" h="3175">
                  <a:moveTo>
                    <a:pt x="10668" y="0"/>
                  </a:moveTo>
                  <a:lnTo>
                    <a:pt x="7620" y="0"/>
                  </a:lnTo>
                  <a:lnTo>
                    <a:pt x="7620" y="3048"/>
                  </a:lnTo>
                  <a:lnTo>
                    <a:pt x="10668" y="3048"/>
                  </a:lnTo>
                  <a:lnTo>
                    <a:pt x="10668" y="0"/>
                  </a:lnTo>
                  <a:close/>
                </a:path>
                <a:path w="483234" h="3175">
                  <a:moveTo>
                    <a:pt x="16764" y="0"/>
                  </a:moveTo>
                  <a:lnTo>
                    <a:pt x="13716" y="0"/>
                  </a:lnTo>
                  <a:lnTo>
                    <a:pt x="13716" y="3048"/>
                  </a:lnTo>
                  <a:lnTo>
                    <a:pt x="16764" y="3048"/>
                  </a:lnTo>
                  <a:lnTo>
                    <a:pt x="16764" y="0"/>
                  </a:lnTo>
                  <a:close/>
                </a:path>
                <a:path w="483234" h="3175">
                  <a:moveTo>
                    <a:pt x="24384" y="0"/>
                  </a:moveTo>
                  <a:lnTo>
                    <a:pt x="21336" y="0"/>
                  </a:lnTo>
                  <a:lnTo>
                    <a:pt x="21336" y="3048"/>
                  </a:lnTo>
                  <a:lnTo>
                    <a:pt x="24384" y="3048"/>
                  </a:lnTo>
                  <a:lnTo>
                    <a:pt x="24384" y="0"/>
                  </a:lnTo>
                  <a:close/>
                </a:path>
                <a:path w="483234" h="3175">
                  <a:moveTo>
                    <a:pt x="30480" y="0"/>
                  </a:moveTo>
                  <a:lnTo>
                    <a:pt x="27432" y="0"/>
                  </a:lnTo>
                  <a:lnTo>
                    <a:pt x="27432" y="3048"/>
                  </a:lnTo>
                  <a:lnTo>
                    <a:pt x="30480" y="3048"/>
                  </a:lnTo>
                  <a:lnTo>
                    <a:pt x="30480" y="0"/>
                  </a:lnTo>
                  <a:close/>
                </a:path>
                <a:path w="483234" h="3175">
                  <a:moveTo>
                    <a:pt x="38100" y="0"/>
                  </a:moveTo>
                  <a:lnTo>
                    <a:pt x="35052" y="0"/>
                  </a:lnTo>
                  <a:lnTo>
                    <a:pt x="35052" y="3048"/>
                  </a:lnTo>
                  <a:lnTo>
                    <a:pt x="38100" y="3048"/>
                  </a:lnTo>
                  <a:lnTo>
                    <a:pt x="38100" y="0"/>
                  </a:lnTo>
                  <a:close/>
                </a:path>
                <a:path w="483234" h="3175">
                  <a:moveTo>
                    <a:pt x="44196" y="0"/>
                  </a:moveTo>
                  <a:lnTo>
                    <a:pt x="41148" y="0"/>
                  </a:lnTo>
                  <a:lnTo>
                    <a:pt x="41148" y="3048"/>
                  </a:lnTo>
                  <a:lnTo>
                    <a:pt x="44196" y="3048"/>
                  </a:lnTo>
                  <a:lnTo>
                    <a:pt x="44196" y="0"/>
                  </a:lnTo>
                  <a:close/>
                </a:path>
                <a:path w="483234" h="3175">
                  <a:moveTo>
                    <a:pt x="51816" y="0"/>
                  </a:moveTo>
                  <a:lnTo>
                    <a:pt x="48768" y="0"/>
                  </a:lnTo>
                  <a:lnTo>
                    <a:pt x="48768" y="3048"/>
                  </a:lnTo>
                  <a:lnTo>
                    <a:pt x="51816" y="3048"/>
                  </a:lnTo>
                  <a:lnTo>
                    <a:pt x="51816" y="0"/>
                  </a:lnTo>
                  <a:close/>
                </a:path>
                <a:path w="483234" h="3175">
                  <a:moveTo>
                    <a:pt x="57912" y="0"/>
                  </a:moveTo>
                  <a:lnTo>
                    <a:pt x="54864" y="0"/>
                  </a:lnTo>
                  <a:lnTo>
                    <a:pt x="54864" y="3048"/>
                  </a:lnTo>
                  <a:lnTo>
                    <a:pt x="57912" y="3048"/>
                  </a:lnTo>
                  <a:lnTo>
                    <a:pt x="57912" y="0"/>
                  </a:lnTo>
                  <a:close/>
                </a:path>
                <a:path w="483234" h="3175">
                  <a:moveTo>
                    <a:pt x="65532" y="0"/>
                  </a:moveTo>
                  <a:lnTo>
                    <a:pt x="62484" y="0"/>
                  </a:lnTo>
                  <a:lnTo>
                    <a:pt x="62484" y="3048"/>
                  </a:lnTo>
                  <a:lnTo>
                    <a:pt x="65532" y="3048"/>
                  </a:lnTo>
                  <a:lnTo>
                    <a:pt x="65532" y="0"/>
                  </a:lnTo>
                  <a:close/>
                </a:path>
                <a:path w="483234" h="3175">
                  <a:moveTo>
                    <a:pt x="71628" y="0"/>
                  </a:moveTo>
                  <a:lnTo>
                    <a:pt x="68580" y="0"/>
                  </a:lnTo>
                  <a:lnTo>
                    <a:pt x="68580" y="3048"/>
                  </a:lnTo>
                  <a:lnTo>
                    <a:pt x="71628" y="3048"/>
                  </a:lnTo>
                  <a:lnTo>
                    <a:pt x="71628" y="0"/>
                  </a:lnTo>
                  <a:close/>
                </a:path>
                <a:path w="483234" h="3175">
                  <a:moveTo>
                    <a:pt x="79248" y="0"/>
                  </a:moveTo>
                  <a:lnTo>
                    <a:pt x="76200" y="0"/>
                  </a:lnTo>
                  <a:lnTo>
                    <a:pt x="76200" y="3048"/>
                  </a:lnTo>
                  <a:lnTo>
                    <a:pt x="79248" y="3048"/>
                  </a:lnTo>
                  <a:lnTo>
                    <a:pt x="79248" y="0"/>
                  </a:lnTo>
                  <a:close/>
                </a:path>
                <a:path w="483234" h="3175">
                  <a:moveTo>
                    <a:pt x="85344" y="0"/>
                  </a:moveTo>
                  <a:lnTo>
                    <a:pt x="82296" y="0"/>
                  </a:lnTo>
                  <a:lnTo>
                    <a:pt x="82296" y="3048"/>
                  </a:lnTo>
                  <a:lnTo>
                    <a:pt x="85344" y="3048"/>
                  </a:lnTo>
                  <a:lnTo>
                    <a:pt x="85344" y="0"/>
                  </a:lnTo>
                  <a:close/>
                </a:path>
                <a:path w="483234" h="3175">
                  <a:moveTo>
                    <a:pt x="92964" y="0"/>
                  </a:moveTo>
                  <a:lnTo>
                    <a:pt x="89916" y="0"/>
                  </a:lnTo>
                  <a:lnTo>
                    <a:pt x="89916" y="3048"/>
                  </a:lnTo>
                  <a:lnTo>
                    <a:pt x="92964" y="3048"/>
                  </a:lnTo>
                  <a:lnTo>
                    <a:pt x="92964" y="0"/>
                  </a:lnTo>
                  <a:close/>
                </a:path>
                <a:path w="483234" h="3175">
                  <a:moveTo>
                    <a:pt x="99060" y="0"/>
                  </a:moveTo>
                  <a:lnTo>
                    <a:pt x="96012" y="0"/>
                  </a:lnTo>
                  <a:lnTo>
                    <a:pt x="96012" y="3048"/>
                  </a:lnTo>
                  <a:lnTo>
                    <a:pt x="99060" y="3048"/>
                  </a:lnTo>
                  <a:lnTo>
                    <a:pt x="99060" y="0"/>
                  </a:lnTo>
                  <a:close/>
                </a:path>
                <a:path w="483234" h="3175">
                  <a:moveTo>
                    <a:pt x="106680" y="0"/>
                  </a:moveTo>
                  <a:lnTo>
                    <a:pt x="103632" y="0"/>
                  </a:lnTo>
                  <a:lnTo>
                    <a:pt x="103632" y="3048"/>
                  </a:lnTo>
                  <a:lnTo>
                    <a:pt x="106680" y="3048"/>
                  </a:lnTo>
                  <a:lnTo>
                    <a:pt x="106680" y="0"/>
                  </a:lnTo>
                  <a:close/>
                </a:path>
                <a:path w="483234" h="3175">
                  <a:moveTo>
                    <a:pt x="112776" y="0"/>
                  </a:moveTo>
                  <a:lnTo>
                    <a:pt x="109728" y="0"/>
                  </a:lnTo>
                  <a:lnTo>
                    <a:pt x="109728" y="3048"/>
                  </a:lnTo>
                  <a:lnTo>
                    <a:pt x="112776" y="3048"/>
                  </a:lnTo>
                  <a:lnTo>
                    <a:pt x="112776" y="0"/>
                  </a:lnTo>
                  <a:close/>
                </a:path>
                <a:path w="483234" h="3175">
                  <a:moveTo>
                    <a:pt x="120396" y="0"/>
                  </a:moveTo>
                  <a:lnTo>
                    <a:pt x="117348" y="0"/>
                  </a:lnTo>
                  <a:lnTo>
                    <a:pt x="117348" y="3048"/>
                  </a:lnTo>
                  <a:lnTo>
                    <a:pt x="120396" y="3048"/>
                  </a:lnTo>
                  <a:lnTo>
                    <a:pt x="120396" y="0"/>
                  </a:lnTo>
                  <a:close/>
                </a:path>
                <a:path w="483234" h="3175">
                  <a:moveTo>
                    <a:pt x="126492" y="0"/>
                  </a:moveTo>
                  <a:lnTo>
                    <a:pt x="123444" y="0"/>
                  </a:lnTo>
                  <a:lnTo>
                    <a:pt x="123444" y="3048"/>
                  </a:lnTo>
                  <a:lnTo>
                    <a:pt x="126492" y="3048"/>
                  </a:lnTo>
                  <a:lnTo>
                    <a:pt x="126492" y="0"/>
                  </a:lnTo>
                  <a:close/>
                </a:path>
                <a:path w="483234" h="3175">
                  <a:moveTo>
                    <a:pt x="134112" y="0"/>
                  </a:moveTo>
                  <a:lnTo>
                    <a:pt x="131064" y="0"/>
                  </a:lnTo>
                  <a:lnTo>
                    <a:pt x="131064" y="3048"/>
                  </a:lnTo>
                  <a:lnTo>
                    <a:pt x="134112" y="3048"/>
                  </a:lnTo>
                  <a:lnTo>
                    <a:pt x="134112" y="0"/>
                  </a:lnTo>
                  <a:close/>
                </a:path>
                <a:path w="483234" h="3175">
                  <a:moveTo>
                    <a:pt x="140208" y="0"/>
                  </a:moveTo>
                  <a:lnTo>
                    <a:pt x="137160" y="0"/>
                  </a:lnTo>
                  <a:lnTo>
                    <a:pt x="137160" y="3048"/>
                  </a:lnTo>
                  <a:lnTo>
                    <a:pt x="140208" y="3048"/>
                  </a:lnTo>
                  <a:lnTo>
                    <a:pt x="140208" y="0"/>
                  </a:lnTo>
                  <a:close/>
                </a:path>
                <a:path w="483234" h="3175">
                  <a:moveTo>
                    <a:pt x="147828" y="0"/>
                  </a:moveTo>
                  <a:lnTo>
                    <a:pt x="144780" y="0"/>
                  </a:lnTo>
                  <a:lnTo>
                    <a:pt x="144780" y="3048"/>
                  </a:lnTo>
                  <a:lnTo>
                    <a:pt x="147828" y="3048"/>
                  </a:lnTo>
                  <a:lnTo>
                    <a:pt x="147828" y="0"/>
                  </a:lnTo>
                  <a:close/>
                </a:path>
                <a:path w="483234" h="3175">
                  <a:moveTo>
                    <a:pt x="153924" y="0"/>
                  </a:moveTo>
                  <a:lnTo>
                    <a:pt x="150876" y="0"/>
                  </a:lnTo>
                  <a:lnTo>
                    <a:pt x="150876" y="3048"/>
                  </a:lnTo>
                  <a:lnTo>
                    <a:pt x="153924" y="3048"/>
                  </a:lnTo>
                  <a:lnTo>
                    <a:pt x="153924" y="0"/>
                  </a:lnTo>
                  <a:close/>
                </a:path>
                <a:path w="483234" h="3175">
                  <a:moveTo>
                    <a:pt x="161544" y="0"/>
                  </a:moveTo>
                  <a:lnTo>
                    <a:pt x="158496" y="0"/>
                  </a:lnTo>
                  <a:lnTo>
                    <a:pt x="158496" y="3048"/>
                  </a:lnTo>
                  <a:lnTo>
                    <a:pt x="161544" y="3048"/>
                  </a:lnTo>
                  <a:lnTo>
                    <a:pt x="161544" y="0"/>
                  </a:lnTo>
                  <a:close/>
                </a:path>
                <a:path w="483234" h="3175">
                  <a:moveTo>
                    <a:pt x="167640" y="0"/>
                  </a:moveTo>
                  <a:lnTo>
                    <a:pt x="164592" y="0"/>
                  </a:lnTo>
                  <a:lnTo>
                    <a:pt x="164592" y="3048"/>
                  </a:lnTo>
                  <a:lnTo>
                    <a:pt x="167640" y="3048"/>
                  </a:lnTo>
                  <a:lnTo>
                    <a:pt x="167640" y="0"/>
                  </a:lnTo>
                  <a:close/>
                </a:path>
                <a:path w="483234" h="3175">
                  <a:moveTo>
                    <a:pt x="175260" y="0"/>
                  </a:moveTo>
                  <a:lnTo>
                    <a:pt x="172212" y="0"/>
                  </a:lnTo>
                  <a:lnTo>
                    <a:pt x="172212" y="3048"/>
                  </a:lnTo>
                  <a:lnTo>
                    <a:pt x="175260" y="3048"/>
                  </a:lnTo>
                  <a:lnTo>
                    <a:pt x="175260" y="0"/>
                  </a:lnTo>
                  <a:close/>
                </a:path>
                <a:path w="483234" h="3175">
                  <a:moveTo>
                    <a:pt x="181356" y="0"/>
                  </a:moveTo>
                  <a:lnTo>
                    <a:pt x="178308" y="0"/>
                  </a:lnTo>
                  <a:lnTo>
                    <a:pt x="178308" y="3048"/>
                  </a:lnTo>
                  <a:lnTo>
                    <a:pt x="181356" y="3048"/>
                  </a:lnTo>
                  <a:lnTo>
                    <a:pt x="181356" y="0"/>
                  </a:lnTo>
                  <a:close/>
                </a:path>
                <a:path w="483234" h="3175">
                  <a:moveTo>
                    <a:pt x="188976" y="0"/>
                  </a:moveTo>
                  <a:lnTo>
                    <a:pt x="185928" y="0"/>
                  </a:lnTo>
                  <a:lnTo>
                    <a:pt x="185928" y="3048"/>
                  </a:lnTo>
                  <a:lnTo>
                    <a:pt x="188976" y="3048"/>
                  </a:lnTo>
                  <a:lnTo>
                    <a:pt x="188976" y="0"/>
                  </a:lnTo>
                  <a:close/>
                </a:path>
                <a:path w="483234" h="3175">
                  <a:moveTo>
                    <a:pt x="195072" y="0"/>
                  </a:moveTo>
                  <a:lnTo>
                    <a:pt x="192024" y="0"/>
                  </a:lnTo>
                  <a:lnTo>
                    <a:pt x="192024" y="3048"/>
                  </a:lnTo>
                  <a:lnTo>
                    <a:pt x="195072" y="3048"/>
                  </a:lnTo>
                  <a:lnTo>
                    <a:pt x="195072" y="0"/>
                  </a:lnTo>
                  <a:close/>
                </a:path>
                <a:path w="483234" h="3175">
                  <a:moveTo>
                    <a:pt x="202692" y="0"/>
                  </a:moveTo>
                  <a:lnTo>
                    <a:pt x="199644" y="0"/>
                  </a:lnTo>
                  <a:lnTo>
                    <a:pt x="199644" y="3048"/>
                  </a:lnTo>
                  <a:lnTo>
                    <a:pt x="202692" y="3048"/>
                  </a:lnTo>
                  <a:lnTo>
                    <a:pt x="202692" y="0"/>
                  </a:lnTo>
                  <a:close/>
                </a:path>
                <a:path w="483234" h="3175">
                  <a:moveTo>
                    <a:pt x="208788" y="0"/>
                  </a:moveTo>
                  <a:lnTo>
                    <a:pt x="205740" y="0"/>
                  </a:lnTo>
                  <a:lnTo>
                    <a:pt x="205740" y="3048"/>
                  </a:lnTo>
                  <a:lnTo>
                    <a:pt x="208788" y="3048"/>
                  </a:lnTo>
                  <a:lnTo>
                    <a:pt x="208788" y="0"/>
                  </a:lnTo>
                  <a:close/>
                </a:path>
                <a:path w="483234" h="3175">
                  <a:moveTo>
                    <a:pt x="216408" y="0"/>
                  </a:moveTo>
                  <a:lnTo>
                    <a:pt x="213360" y="0"/>
                  </a:lnTo>
                  <a:lnTo>
                    <a:pt x="213360" y="3048"/>
                  </a:lnTo>
                  <a:lnTo>
                    <a:pt x="216408" y="3048"/>
                  </a:lnTo>
                  <a:lnTo>
                    <a:pt x="216408" y="0"/>
                  </a:lnTo>
                  <a:close/>
                </a:path>
                <a:path w="483234" h="3175">
                  <a:moveTo>
                    <a:pt x="222504" y="0"/>
                  </a:moveTo>
                  <a:lnTo>
                    <a:pt x="219456" y="0"/>
                  </a:lnTo>
                  <a:lnTo>
                    <a:pt x="219456" y="3048"/>
                  </a:lnTo>
                  <a:lnTo>
                    <a:pt x="222504" y="3048"/>
                  </a:lnTo>
                  <a:lnTo>
                    <a:pt x="222504" y="0"/>
                  </a:lnTo>
                  <a:close/>
                </a:path>
                <a:path w="483234" h="3175">
                  <a:moveTo>
                    <a:pt x="230124" y="0"/>
                  </a:moveTo>
                  <a:lnTo>
                    <a:pt x="227076" y="0"/>
                  </a:lnTo>
                  <a:lnTo>
                    <a:pt x="227076" y="3048"/>
                  </a:lnTo>
                  <a:lnTo>
                    <a:pt x="230124" y="3048"/>
                  </a:lnTo>
                  <a:lnTo>
                    <a:pt x="230124" y="0"/>
                  </a:lnTo>
                  <a:close/>
                </a:path>
                <a:path w="483234" h="3175">
                  <a:moveTo>
                    <a:pt x="236220" y="0"/>
                  </a:moveTo>
                  <a:lnTo>
                    <a:pt x="233172" y="0"/>
                  </a:lnTo>
                  <a:lnTo>
                    <a:pt x="233172" y="3048"/>
                  </a:lnTo>
                  <a:lnTo>
                    <a:pt x="236220" y="3048"/>
                  </a:lnTo>
                  <a:lnTo>
                    <a:pt x="236220" y="0"/>
                  </a:lnTo>
                  <a:close/>
                </a:path>
                <a:path w="483234" h="3175">
                  <a:moveTo>
                    <a:pt x="243840" y="0"/>
                  </a:moveTo>
                  <a:lnTo>
                    <a:pt x="240792" y="0"/>
                  </a:lnTo>
                  <a:lnTo>
                    <a:pt x="240792" y="3048"/>
                  </a:lnTo>
                  <a:lnTo>
                    <a:pt x="243840" y="3048"/>
                  </a:lnTo>
                  <a:lnTo>
                    <a:pt x="243840" y="0"/>
                  </a:lnTo>
                  <a:close/>
                </a:path>
                <a:path w="483234" h="3175">
                  <a:moveTo>
                    <a:pt x="249936" y="0"/>
                  </a:moveTo>
                  <a:lnTo>
                    <a:pt x="246888" y="0"/>
                  </a:lnTo>
                  <a:lnTo>
                    <a:pt x="246888" y="3048"/>
                  </a:lnTo>
                  <a:lnTo>
                    <a:pt x="249936" y="3048"/>
                  </a:lnTo>
                  <a:lnTo>
                    <a:pt x="249936" y="0"/>
                  </a:lnTo>
                  <a:close/>
                </a:path>
                <a:path w="483234" h="3175">
                  <a:moveTo>
                    <a:pt x="257556" y="0"/>
                  </a:moveTo>
                  <a:lnTo>
                    <a:pt x="254508" y="0"/>
                  </a:lnTo>
                  <a:lnTo>
                    <a:pt x="254508" y="3048"/>
                  </a:lnTo>
                  <a:lnTo>
                    <a:pt x="257556" y="3048"/>
                  </a:lnTo>
                  <a:lnTo>
                    <a:pt x="257556" y="0"/>
                  </a:lnTo>
                  <a:close/>
                </a:path>
                <a:path w="483234" h="3175">
                  <a:moveTo>
                    <a:pt x="263652" y="0"/>
                  </a:moveTo>
                  <a:lnTo>
                    <a:pt x="260604" y="0"/>
                  </a:lnTo>
                  <a:lnTo>
                    <a:pt x="260604" y="3048"/>
                  </a:lnTo>
                  <a:lnTo>
                    <a:pt x="263652" y="3048"/>
                  </a:lnTo>
                  <a:lnTo>
                    <a:pt x="263652" y="0"/>
                  </a:lnTo>
                  <a:close/>
                </a:path>
                <a:path w="483234" h="3175">
                  <a:moveTo>
                    <a:pt x="271272" y="0"/>
                  </a:moveTo>
                  <a:lnTo>
                    <a:pt x="268224" y="0"/>
                  </a:lnTo>
                  <a:lnTo>
                    <a:pt x="268224" y="3048"/>
                  </a:lnTo>
                  <a:lnTo>
                    <a:pt x="271272" y="3048"/>
                  </a:lnTo>
                  <a:lnTo>
                    <a:pt x="271272" y="0"/>
                  </a:lnTo>
                  <a:close/>
                </a:path>
                <a:path w="483234" h="3175">
                  <a:moveTo>
                    <a:pt x="277368" y="0"/>
                  </a:moveTo>
                  <a:lnTo>
                    <a:pt x="274320" y="0"/>
                  </a:lnTo>
                  <a:lnTo>
                    <a:pt x="274320" y="3048"/>
                  </a:lnTo>
                  <a:lnTo>
                    <a:pt x="277368" y="3048"/>
                  </a:lnTo>
                  <a:lnTo>
                    <a:pt x="277368" y="0"/>
                  </a:lnTo>
                  <a:close/>
                </a:path>
                <a:path w="483234" h="3175">
                  <a:moveTo>
                    <a:pt x="284988" y="0"/>
                  </a:moveTo>
                  <a:lnTo>
                    <a:pt x="281940" y="0"/>
                  </a:lnTo>
                  <a:lnTo>
                    <a:pt x="281940" y="3048"/>
                  </a:lnTo>
                  <a:lnTo>
                    <a:pt x="284988" y="3048"/>
                  </a:lnTo>
                  <a:lnTo>
                    <a:pt x="284988" y="0"/>
                  </a:lnTo>
                  <a:close/>
                </a:path>
                <a:path w="483234" h="3175">
                  <a:moveTo>
                    <a:pt x="291084" y="0"/>
                  </a:moveTo>
                  <a:lnTo>
                    <a:pt x="288036" y="0"/>
                  </a:lnTo>
                  <a:lnTo>
                    <a:pt x="288036" y="3048"/>
                  </a:lnTo>
                  <a:lnTo>
                    <a:pt x="291084" y="3048"/>
                  </a:lnTo>
                  <a:lnTo>
                    <a:pt x="291084" y="0"/>
                  </a:lnTo>
                  <a:close/>
                </a:path>
                <a:path w="483234" h="3175">
                  <a:moveTo>
                    <a:pt x="298704" y="0"/>
                  </a:moveTo>
                  <a:lnTo>
                    <a:pt x="295656" y="0"/>
                  </a:lnTo>
                  <a:lnTo>
                    <a:pt x="295656" y="3048"/>
                  </a:lnTo>
                  <a:lnTo>
                    <a:pt x="298704" y="3048"/>
                  </a:lnTo>
                  <a:lnTo>
                    <a:pt x="298704" y="0"/>
                  </a:lnTo>
                  <a:close/>
                </a:path>
                <a:path w="483234" h="3175">
                  <a:moveTo>
                    <a:pt x="304800" y="0"/>
                  </a:moveTo>
                  <a:lnTo>
                    <a:pt x="301752" y="0"/>
                  </a:lnTo>
                  <a:lnTo>
                    <a:pt x="301752" y="3048"/>
                  </a:lnTo>
                  <a:lnTo>
                    <a:pt x="304800" y="3048"/>
                  </a:lnTo>
                  <a:lnTo>
                    <a:pt x="304800" y="0"/>
                  </a:lnTo>
                  <a:close/>
                </a:path>
                <a:path w="483234" h="3175">
                  <a:moveTo>
                    <a:pt x="312420" y="0"/>
                  </a:moveTo>
                  <a:lnTo>
                    <a:pt x="309372" y="0"/>
                  </a:lnTo>
                  <a:lnTo>
                    <a:pt x="309372" y="3048"/>
                  </a:lnTo>
                  <a:lnTo>
                    <a:pt x="312420" y="3048"/>
                  </a:lnTo>
                  <a:lnTo>
                    <a:pt x="312420" y="0"/>
                  </a:lnTo>
                  <a:close/>
                </a:path>
                <a:path w="483234" h="3175">
                  <a:moveTo>
                    <a:pt x="318516" y="0"/>
                  </a:moveTo>
                  <a:lnTo>
                    <a:pt x="315468" y="0"/>
                  </a:lnTo>
                  <a:lnTo>
                    <a:pt x="315468" y="3048"/>
                  </a:lnTo>
                  <a:lnTo>
                    <a:pt x="318516" y="3048"/>
                  </a:lnTo>
                  <a:lnTo>
                    <a:pt x="318516" y="0"/>
                  </a:lnTo>
                  <a:close/>
                </a:path>
                <a:path w="483234" h="3175">
                  <a:moveTo>
                    <a:pt x="326136" y="0"/>
                  </a:moveTo>
                  <a:lnTo>
                    <a:pt x="323088" y="0"/>
                  </a:lnTo>
                  <a:lnTo>
                    <a:pt x="323088" y="3048"/>
                  </a:lnTo>
                  <a:lnTo>
                    <a:pt x="326136" y="3048"/>
                  </a:lnTo>
                  <a:lnTo>
                    <a:pt x="326136" y="0"/>
                  </a:lnTo>
                  <a:close/>
                </a:path>
                <a:path w="483234" h="3175">
                  <a:moveTo>
                    <a:pt x="332232" y="0"/>
                  </a:moveTo>
                  <a:lnTo>
                    <a:pt x="329184" y="0"/>
                  </a:lnTo>
                  <a:lnTo>
                    <a:pt x="329184" y="3048"/>
                  </a:lnTo>
                  <a:lnTo>
                    <a:pt x="332232" y="3048"/>
                  </a:lnTo>
                  <a:lnTo>
                    <a:pt x="332232" y="0"/>
                  </a:lnTo>
                  <a:close/>
                </a:path>
                <a:path w="483234" h="3175">
                  <a:moveTo>
                    <a:pt x="339852" y="0"/>
                  </a:moveTo>
                  <a:lnTo>
                    <a:pt x="336804" y="0"/>
                  </a:lnTo>
                  <a:lnTo>
                    <a:pt x="336804" y="3048"/>
                  </a:lnTo>
                  <a:lnTo>
                    <a:pt x="339852" y="3048"/>
                  </a:lnTo>
                  <a:lnTo>
                    <a:pt x="339852" y="0"/>
                  </a:lnTo>
                  <a:close/>
                </a:path>
                <a:path w="483234" h="3175">
                  <a:moveTo>
                    <a:pt x="345948" y="0"/>
                  </a:moveTo>
                  <a:lnTo>
                    <a:pt x="342900" y="0"/>
                  </a:lnTo>
                  <a:lnTo>
                    <a:pt x="342900" y="3048"/>
                  </a:lnTo>
                  <a:lnTo>
                    <a:pt x="345948" y="3048"/>
                  </a:lnTo>
                  <a:lnTo>
                    <a:pt x="345948" y="0"/>
                  </a:lnTo>
                  <a:close/>
                </a:path>
                <a:path w="483234" h="3175">
                  <a:moveTo>
                    <a:pt x="353568" y="0"/>
                  </a:moveTo>
                  <a:lnTo>
                    <a:pt x="350520" y="0"/>
                  </a:lnTo>
                  <a:lnTo>
                    <a:pt x="350520" y="3048"/>
                  </a:lnTo>
                  <a:lnTo>
                    <a:pt x="353568" y="3048"/>
                  </a:lnTo>
                  <a:lnTo>
                    <a:pt x="353568" y="0"/>
                  </a:lnTo>
                  <a:close/>
                </a:path>
                <a:path w="483234" h="3175">
                  <a:moveTo>
                    <a:pt x="359664" y="0"/>
                  </a:moveTo>
                  <a:lnTo>
                    <a:pt x="356616" y="0"/>
                  </a:lnTo>
                  <a:lnTo>
                    <a:pt x="356616" y="3048"/>
                  </a:lnTo>
                  <a:lnTo>
                    <a:pt x="359664" y="3048"/>
                  </a:lnTo>
                  <a:lnTo>
                    <a:pt x="359664" y="0"/>
                  </a:lnTo>
                  <a:close/>
                </a:path>
                <a:path w="483234" h="3175">
                  <a:moveTo>
                    <a:pt x="367284" y="0"/>
                  </a:moveTo>
                  <a:lnTo>
                    <a:pt x="364236" y="0"/>
                  </a:lnTo>
                  <a:lnTo>
                    <a:pt x="364236" y="3048"/>
                  </a:lnTo>
                  <a:lnTo>
                    <a:pt x="367284" y="3048"/>
                  </a:lnTo>
                  <a:lnTo>
                    <a:pt x="367284" y="0"/>
                  </a:lnTo>
                  <a:close/>
                </a:path>
                <a:path w="483234" h="3175">
                  <a:moveTo>
                    <a:pt x="373380" y="0"/>
                  </a:moveTo>
                  <a:lnTo>
                    <a:pt x="370332" y="0"/>
                  </a:lnTo>
                  <a:lnTo>
                    <a:pt x="370332" y="3048"/>
                  </a:lnTo>
                  <a:lnTo>
                    <a:pt x="373380" y="3048"/>
                  </a:lnTo>
                  <a:lnTo>
                    <a:pt x="373380" y="0"/>
                  </a:lnTo>
                  <a:close/>
                </a:path>
                <a:path w="483234" h="3175">
                  <a:moveTo>
                    <a:pt x="381000" y="0"/>
                  </a:moveTo>
                  <a:lnTo>
                    <a:pt x="377952" y="0"/>
                  </a:lnTo>
                  <a:lnTo>
                    <a:pt x="377952" y="3048"/>
                  </a:lnTo>
                  <a:lnTo>
                    <a:pt x="381000" y="3048"/>
                  </a:lnTo>
                  <a:lnTo>
                    <a:pt x="381000" y="0"/>
                  </a:lnTo>
                  <a:close/>
                </a:path>
                <a:path w="483234" h="3175">
                  <a:moveTo>
                    <a:pt x="387096" y="0"/>
                  </a:moveTo>
                  <a:lnTo>
                    <a:pt x="384048" y="0"/>
                  </a:lnTo>
                  <a:lnTo>
                    <a:pt x="384048" y="3048"/>
                  </a:lnTo>
                  <a:lnTo>
                    <a:pt x="387096" y="3048"/>
                  </a:lnTo>
                  <a:lnTo>
                    <a:pt x="387096" y="0"/>
                  </a:lnTo>
                  <a:close/>
                </a:path>
                <a:path w="483234" h="3175">
                  <a:moveTo>
                    <a:pt x="394716" y="0"/>
                  </a:moveTo>
                  <a:lnTo>
                    <a:pt x="391668" y="0"/>
                  </a:lnTo>
                  <a:lnTo>
                    <a:pt x="391668" y="3048"/>
                  </a:lnTo>
                  <a:lnTo>
                    <a:pt x="394716" y="3048"/>
                  </a:lnTo>
                  <a:lnTo>
                    <a:pt x="394716" y="0"/>
                  </a:lnTo>
                  <a:close/>
                </a:path>
                <a:path w="483234" h="3175">
                  <a:moveTo>
                    <a:pt x="400812" y="0"/>
                  </a:moveTo>
                  <a:lnTo>
                    <a:pt x="397764" y="0"/>
                  </a:lnTo>
                  <a:lnTo>
                    <a:pt x="397764" y="3048"/>
                  </a:lnTo>
                  <a:lnTo>
                    <a:pt x="400812" y="3048"/>
                  </a:lnTo>
                  <a:lnTo>
                    <a:pt x="400812" y="0"/>
                  </a:lnTo>
                  <a:close/>
                </a:path>
                <a:path w="483234" h="3175">
                  <a:moveTo>
                    <a:pt x="408432" y="0"/>
                  </a:moveTo>
                  <a:lnTo>
                    <a:pt x="405384" y="0"/>
                  </a:lnTo>
                  <a:lnTo>
                    <a:pt x="405384" y="3048"/>
                  </a:lnTo>
                  <a:lnTo>
                    <a:pt x="408432" y="3048"/>
                  </a:lnTo>
                  <a:lnTo>
                    <a:pt x="408432" y="0"/>
                  </a:lnTo>
                  <a:close/>
                </a:path>
                <a:path w="483234" h="3175">
                  <a:moveTo>
                    <a:pt x="414528" y="0"/>
                  </a:moveTo>
                  <a:lnTo>
                    <a:pt x="411480" y="0"/>
                  </a:lnTo>
                  <a:lnTo>
                    <a:pt x="411480" y="3048"/>
                  </a:lnTo>
                  <a:lnTo>
                    <a:pt x="414528" y="3048"/>
                  </a:lnTo>
                  <a:lnTo>
                    <a:pt x="414528" y="0"/>
                  </a:lnTo>
                  <a:close/>
                </a:path>
                <a:path w="483234" h="3175">
                  <a:moveTo>
                    <a:pt x="422148" y="0"/>
                  </a:moveTo>
                  <a:lnTo>
                    <a:pt x="419100" y="0"/>
                  </a:lnTo>
                  <a:lnTo>
                    <a:pt x="419100" y="3048"/>
                  </a:lnTo>
                  <a:lnTo>
                    <a:pt x="422148" y="3048"/>
                  </a:lnTo>
                  <a:lnTo>
                    <a:pt x="422148" y="0"/>
                  </a:lnTo>
                  <a:close/>
                </a:path>
                <a:path w="483234" h="3175">
                  <a:moveTo>
                    <a:pt x="428244" y="0"/>
                  </a:moveTo>
                  <a:lnTo>
                    <a:pt x="425196" y="0"/>
                  </a:lnTo>
                  <a:lnTo>
                    <a:pt x="425196" y="3048"/>
                  </a:lnTo>
                  <a:lnTo>
                    <a:pt x="428244" y="3048"/>
                  </a:lnTo>
                  <a:lnTo>
                    <a:pt x="428244" y="0"/>
                  </a:lnTo>
                  <a:close/>
                </a:path>
                <a:path w="483234" h="3175">
                  <a:moveTo>
                    <a:pt x="435864" y="0"/>
                  </a:moveTo>
                  <a:lnTo>
                    <a:pt x="432816" y="0"/>
                  </a:lnTo>
                  <a:lnTo>
                    <a:pt x="432816" y="3048"/>
                  </a:lnTo>
                  <a:lnTo>
                    <a:pt x="435864" y="3048"/>
                  </a:lnTo>
                  <a:lnTo>
                    <a:pt x="435864" y="0"/>
                  </a:lnTo>
                  <a:close/>
                </a:path>
                <a:path w="483234" h="3175">
                  <a:moveTo>
                    <a:pt x="441960" y="0"/>
                  </a:moveTo>
                  <a:lnTo>
                    <a:pt x="438912" y="0"/>
                  </a:lnTo>
                  <a:lnTo>
                    <a:pt x="438912" y="3048"/>
                  </a:lnTo>
                  <a:lnTo>
                    <a:pt x="441960" y="3048"/>
                  </a:lnTo>
                  <a:lnTo>
                    <a:pt x="441960" y="0"/>
                  </a:lnTo>
                  <a:close/>
                </a:path>
                <a:path w="483234" h="3175">
                  <a:moveTo>
                    <a:pt x="449580" y="0"/>
                  </a:moveTo>
                  <a:lnTo>
                    <a:pt x="446532" y="0"/>
                  </a:lnTo>
                  <a:lnTo>
                    <a:pt x="446532" y="3048"/>
                  </a:lnTo>
                  <a:lnTo>
                    <a:pt x="449580" y="3048"/>
                  </a:lnTo>
                  <a:lnTo>
                    <a:pt x="449580" y="0"/>
                  </a:lnTo>
                  <a:close/>
                </a:path>
                <a:path w="483234" h="3175">
                  <a:moveTo>
                    <a:pt x="455676" y="0"/>
                  </a:moveTo>
                  <a:lnTo>
                    <a:pt x="452628" y="0"/>
                  </a:lnTo>
                  <a:lnTo>
                    <a:pt x="452628" y="3048"/>
                  </a:lnTo>
                  <a:lnTo>
                    <a:pt x="455676" y="3048"/>
                  </a:lnTo>
                  <a:lnTo>
                    <a:pt x="455676" y="0"/>
                  </a:lnTo>
                  <a:close/>
                </a:path>
                <a:path w="483234" h="3175">
                  <a:moveTo>
                    <a:pt x="463296" y="0"/>
                  </a:moveTo>
                  <a:lnTo>
                    <a:pt x="460248" y="0"/>
                  </a:lnTo>
                  <a:lnTo>
                    <a:pt x="460248" y="3048"/>
                  </a:lnTo>
                  <a:lnTo>
                    <a:pt x="463296" y="3048"/>
                  </a:lnTo>
                  <a:lnTo>
                    <a:pt x="463296" y="0"/>
                  </a:lnTo>
                  <a:close/>
                </a:path>
                <a:path w="483234" h="3175">
                  <a:moveTo>
                    <a:pt x="469392" y="0"/>
                  </a:moveTo>
                  <a:lnTo>
                    <a:pt x="466344" y="0"/>
                  </a:lnTo>
                  <a:lnTo>
                    <a:pt x="466344" y="3048"/>
                  </a:lnTo>
                  <a:lnTo>
                    <a:pt x="469392" y="3048"/>
                  </a:lnTo>
                  <a:lnTo>
                    <a:pt x="469392" y="0"/>
                  </a:lnTo>
                  <a:close/>
                </a:path>
                <a:path w="483234" h="3175">
                  <a:moveTo>
                    <a:pt x="477012" y="0"/>
                  </a:moveTo>
                  <a:lnTo>
                    <a:pt x="473964" y="0"/>
                  </a:lnTo>
                  <a:lnTo>
                    <a:pt x="473964" y="3048"/>
                  </a:lnTo>
                  <a:lnTo>
                    <a:pt x="477012" y="3048"/>
                  </a:lnTo>
                  <a:lnTo>
                    <a:pt x="477012" y="0"/>
                  </a:lnTo>
                  <a:close/>
                </a:path>
                <a:path w="483234" h="3175">
                  <a:moveTo>
                    <a:pt x="483108" y="0"/>
                  </a:moveTo>
                  <a:lnTo>
                    <a:pt x="480060" y="0"/>
                  </a:lnTo>
                  <a:lnTo>
                    <a:pt x="480060" y="3048"/>
                  </a:lnTo>
                  <a:lnTo>
                    <a:pt x="483108" y="3048"/>
                  </a:lnTo>
                  <a:lnTo>
                    <a:pt x="483108" y="0"/>
                  </a:lnTo>
                  <a:close/>
                </a:path>
              </a:pathLst>
            </a:custGeom>
            <a:solidFill>
              <a:srgbClr val="D8D8D8"/>
            </a:solidFill>
          </p:spPr>
          <p:txBody>
            <a:bodyPr wrap="square" lIns="0" tIns="0" rIns="0" bIns="0" rtlCol="0"/>
            <a:lstStyle/>
            <a:p>
              <a:endParaRPr sz="1539"/>
            </a:p>
          </p:txBody>
        </p:sp>
        <p:sp>
          <p:nvSpPr>
            <p:cNvPr id="170" name="object 170"/>
            <p:cNvSpPr/>
            <p:nvPr/>
          </p:nvSpPr>
          <p:spPr>
            <a:xfrm>
              <a:off x="1382268" y="1168907"/>
              <a:ext cx="8625840" cy="4314825"/>
            </a:xfrm>
            <a:custGeom>
              <a:avLst/>
              <a:gdLst/>
              <a:ahLst/>
              <a:cxnLst/>
              <a:rect l="l" t="t" r="r" b="b"/>
              <a:pathLst>
                <a:path w="8625840" h="4314825">
                  <a:moveTo>
                    <a:pt x="254508" y="4305300"/>
                  </a:moveTo>
                  <a:lnTo>
                    <a:pt x="0" y="4305300"/>
                  </a:lnTo>
                  <a:lnTo>
                    <a:pt x="0" y="4314444"/>
                  </a:lnTo>
                  <a:lnTo>
                    <a:pt x="254508" y="4314444"/>
                  </a:lnTo>
                  <a:lnTo>
                    <a:pt x="254508" y="4305300"/>
                  </a:lnTo>
                  <a:close/>
                </a:path>
                <a:path w="8625840" h="4314825">
                  <a:moveTo>
                    <a:pt x="2804160" y="4305300"/>
                  </a:moveTo>
                  <a:lnTo>
                    <a:pt x="2124456" y="4305300"/>
                  </a:lnTo>
                  <a:lnTo>
                    <a:pt x="2124456" y="4314444"/>
                  </a:lnTo>
                  <a:lnTo>
                    <a:pt x="2804160" y="4314444"/>
                  </a:lnTo>
                  <a:lnTo>
                    <a:pt x="2804160" y="4305300"/>
                  </a:lnTo>
                  <a:close/>
                </a:path>
                <a:path w="8625840" h="4314825">
                  <a:moveTo>
                    <a:pt x="3654552" y="4305300"/>
                  </a:moveTo>
                  <a:lnTo>
                    <a:pt x="3398520" y="4305300"/>
                  </a:lnTo>
                  <a:lnTo>
                    <a:pt x="3398520" y="4314444"/>
                  </a:lnTo>
                  <a:lnTo>
                    <a:pt x="3654552" y="4314444"/>
                  </a:lnTo>
                  <a:lnTo>
                    <a:pt x="3654552" y="4305300"/>
                  </a:lnTo>
                  <a:close/>
                </a:path>
                <a:path w="8625840" h="4314825">
                  <a:moveTo>
                    <a:pt x="4503420" y="4305300"/>
                  </a:moveTo>
                  <a:lnTo>
                    <a:pt x="4248912" y="4305300"/>
                  </a:lnTo>
                  <a:lnTo>
                    <a:pt x="4248912" y="4314444"/>
                  </a:lnTo>
                  <a:lnTo>
                    <a:pt x="4503420" y="4314444"/>
                  </a:lnTo>
                  <a:lnTo>
                    <a:pt x="4503420" y="4305300"/>
                  </a:lnTo>
                  <a:close/>
                </a:path>
                <a:path w="8625840" h="4314825">
                  <a:moveTo>
                    <a:pt x="7053072" y="4305300"/>
                  </a:moveTo>
                  <a:lnTo>
                    <a:pt x="6798564" y="4305300"/>
                  </a:lnTo>
                  <a:lnTo>
                    <a:pt x="6798564" y="4314444"/>
                  </a:lnTo>
                  <a:lnTo>
                    <a:pt x="7053072" y="4314444"/>
                  </a:lnTo>
                  <a:lnTo>
                    <a:pt x="7053072" y="4305300"/>
                  </a:lnTo>
                  <a:close/>
                </a:path>
                <a:path w="8625840" h="4314825">
                  <a:moveTo>
                    <a:pt x="8183880" y="0"/>
                  </a:moveTo>
                  <a:lnTo>
                    <a:pt x="8180832" y="0"/>
                  </a:lnTo>
                  <a:lnTo>
                    <a:pt x="8180832" y="3048"/>
                  </a:lnTo>
                  <a:lnTo>
                    <a:pt x="8183880" y="3048"/>
                  </a:lnTo>
                  <a:lnTo>
                    <a:pt x="8183880" y="0"/>
                  </a:lnTo>
                  <a:close/>
                </a:path>
                <a:path w="8625840" h="4314825">
                  <a:moveTo>
                    <a:pt x="8191500" y="0"/>
                  </a:moveTo>
                  <a:lnTo>
                    <a:pt x="8188452" y="0"/>
                  </a:lnTo>
                  <a:lnTo>
                    <a:pt x="8188452" y="3048"/>
                  </a:lnTo>
                  <a:lnTo>
                    <a:pt x="8191500" y="3048"/>
                  </a:lnTo>
                  <a:lnTo>
                    <a:pt x="8191500" y="0"/>
                  </a:lnTo>
                  <a:close/>
                </a:path>
                <a:path w="8625840" h="4314825">
                  <a:moveTo>
                    <a:pt x="8197596" y="0"/>
                  </a:moveTo>
                  <a:lnTo>
                    <a:pt x="8194548" y="0"/>
                  </a:lnTo>
                  <a:lnTo>
                    <a:pt x="8194548" y="3048"/>
                  </a:lnTo>
                  <a:lnTo>
                    <a:pt x="8197596" y="3048"/>
                  </a:lnTo>
                  <a:lnTo>
                    <a:pt x="8197596" y="0"/>
                  </a:lnTo>
                  <a:close/>
                </a:path>
                <a:path w="8625840" h="4314825">
                  <a:moveTo>
                    <a:pt x="8205216" y="0"/>
                  </a:moveTo>
                  <a:lnTo>
                    <a:pt x="8202168" y="0"/>
                  </a:lnTo>
                  <a:lnTo>
                    <a:pt x="8202168" y="3048"/>
                  </a:lnTo>
                  <a:lnTo>
                    <a:pt x="8205216" y="3048"/>
                  </a:lnTo>
                  <a:lnTo>
                    <a:pt x="8205216" y="0"/>
                  </a:lnTo>
                  <a:close/>
                </a:path>
                <a:path w="8625840" h="4314825">
                  <a:moveTo>
                    <a:pt x="8211312" y="0"/>
                  </a:moveTo>
                  <a:lnTo>
                    <a:pt x="8208264" y="0"/>
                  </a:lnTo>
                  <a:lnTo>
                    <a:pt x="8208264" y="3048"/>
                  </a:lnTo>
                  <a:lnTo>
                    <a:pt x="8211312" y="3048"/>
                  </a:lnTo>
                  <a:lnTo>
                    <a:pt x="8211312" y="0"/>
                  </a:lnTo>
                  <a:close/>
                </a:path>
                <a:path w="8625840" h="4314825">
                  <a:moveTo>
                    <a:pt x="8218932" y="0"/>
                  </a:moveTo>
                  <a:lnTo>
                    <a:pt x="8215884" y="0"/>
                  </a:lnTo>
                  <a:lnTo>
                    <a:pt x="8215884" y="3048"/>
                  </a:lnTo>
                  <a:lnTo>
                    <a:pt x="8218932" y="3048"/>
                  </a:lnTo>
                  <a:lnTo>
                    <a:pt x="8218932" y="0"/>
                  </a:lnTo>
                  <a:close/>
                </a:path>
                <a:path w="8625840" h="4314825">
                  <a:moveTo>
                    <a:pt x="8225028" y="0"/>
                  </a:moveTo>
                  <a:lnTo>
                    <a:pt x="8221980" y="0"/>
                  </a:lnTo>
                  <a:lnTo>
                    <a:pt x="8221980" y="3048"/>
                  </a:lnTo>
                  <a:lnTo>
                    <a:pt x="8225028" y="3048"/>
                  </a:lnTo>
                  <a:lnTo>
                    <a:pt x="8225028" y="0"/>
                  </a:lnTo>
                  <a:close/>
                </a:path>
                <a:path w="8625840" h="4314825">
                  <a:moveTo>
                    <a:pt x="8232648" y="0"/>
                  </a:moveTo>
                  <a:lnTo>
                    <a:pt x="8229600" y="0"/>
                  </a:lnTo>
                  <a:lnTo>
                    <a:pt x="8229600" y="3048"/>
                  </a:lnTo>
                  <a:lnTo>
                    <a:pt x="8232648" y="3048"/>
                  </a:lnTo>
                  <a:lnTo>
                    <a:pt x="8232648" y="0"/>
                  </a:lnTo>
                  <a:close/>
                </a:path>
                <a:path w="8625840" h="4314825">
                  <a:moveTo>
                    <a:pt x="8238744" y="0"/>
                  </a:moveTo>
                  <a:lnTo>
                    <a:pt x="8235696" y="0"/>
                  </a:lnTo>
                  <a:lnTo>
                    <a:pt x="8235696" y="3048"/>
                  </a:lnTo>
                  <a:lnTo>
                    <a:pt x="8238744" y="3048"/>
                  </a:lnTo>
                  <a:lnTo>
                    <a:pt x="8238744" y="0"/>
                  </a:lnTo>
                  <a:close/>
                </a:path>
                <a:path w="8625840" h="4314825">
                  <a:moveTo>
                    <a:pt x="8246364" y="0"/>
                  </a:moveTo>
                  <a:lnTo>
                    <a:pt x="8243316" y="0"/>
                  </a:lnTo>
                  <a:lnTo>
                    <a:pt x="8243316" y="3048"/>
                  </a:lnTo>
                  <a:lnTo>
                    <a:pt x="8246364" y="3048"/>
                  </a:lnTo>
                  <a:lnTo>
                    <a:pt x="8246364" y="0"/>
                  </a:lnTo>
                  <a:close/>
                </a:path>
                <a:path w="8625840" h="4314825">
                  <a:moveTo>
                    <a:pt x="8252460" y="0"/>
                  </a:moveTo>
                  <a:lnTo>
                    <a:pt x="8249412" y="0"/>
                  </a:lnTo>
                  <a:lnTo>
                    <a:pt x="8249412" y="3048"/>
                  </a:lnTo>
                  <a:lnTo>
                    <a:pt x="8252460" y="3048"/>
                  </a:lnTo>
                  <a:lnTo>
                    <a:pt x="8252460" y="0"/>
                  </a:lnTo>
                  <a:close/>
                </a:path>
                <a:path w="8625840" h="4314825">
                  <a:moveTo>
                    <a:pt x="8260080" y="0"/>
                  </a:moveTo>
                  <a:lnTo>
                    <a:pt x="8255508" y="0"/>
                  </a:lnTo>
                  <a:lnTo>
                    <a:pt x="8255508" y="3048"/>
                  </a:lnTo>
                  <a:lnTo>
                    <a:pt x="8260080" y="3048"/>
                  </a:lnTo>
                  <a:lnTo>
                    <a:pt x="8260080" y="0"/>
                  </a:lnTo>
                  <a:close/>
                </a:path>
                <a:path w="8625840" h="4314825">
                  <a:moveTo>
                    <a:pt x="8266176" y="0"/>
                  </a:moveTo>
                  <a:lnTo>
                    <a:pt x="8263128" y="0"/>
                  </a:lnTo>
                  <a:lnTo>
                    <a:pt x="8263128" y="3048"/>
                  </a:lnTo>
                  <a:lnTo>
                    <a:pt x="8266176" y="3048"/>
                  </a:lnTo>
                  <a:lnTo>
                    <a:pt x="8266176" y="0"/>
                  </a:lnTo>
                  <a:close/>
                </a:path>
                <a:path w="8625840" h="4314825">
                  <a:moveTo>
                    <a:pt x="8273796" y="0"/>
                  </a:moveTo>
                  <a:lnTo>
                    <a:pt x="8269224" y="0"/>
                  </a:lnTo>
                  <a:lnTo>
                    <a:pt x="8269224" y="3048"/>
                  </a:lnTo>
                  <a:lnTo>
                    <a:pt x="8273796" y="3048"/>
                  </a:lnTo>
                  <a:lnTo>
                    <a:pt x="8273796" y="0"/>
                  </a:lnTo>
                  <a:close/>
                </a:path>
                <a:path w="8625840" h="4314825">
                  <a:moveTo>
                    <a:pt x="8279892" y="0"/>
                  </a:moveTo>
                  <a:lnTo>
                    <a:pt x="8276844" y="0"/>
                  </a:lnTo>
                  <a:lnTo>
                    <a:pt x="8276844" y="3048"/>
                  </a:lnTo>
                  <a:lnTo>
                    <a:pt x="8279892" y="3048"/>
                  </a:lnTo>
                  <a:lnTo>
                    <a:pt x="8279892" y="0"/>
                  </a:lnTo>
                  <a:close/>
                </a:path>
                <a:path w="8625840" h="4314825">
                  <a:moveTo>
                    <a:pt x="8287512" y="0"/>
                  </a:moveTo>
                  <a:lnTo>
                    <a:pt x="8282940" y="0"/>
                  </a:lnTo>
                  <a:lnTo>
                    <a:pt x="8282940" y="3048"/>
                  </a:lnTo>
                  <a:lnTo>
                    <a:pt x="8287512" y="3048"/>
                  </a:lnTo>
                  <a:lnTo>
                    <a:pt x="8287512" y="0"/>
                  </a:lnTo>
                  <a:close/>
                </a:path>
                <a:path w="8625840" h="4314825">
                  <a:moveTo>
                    <a:pt x="8293608" y="0"/>
                  </a:moveTo>
                  <a:lnTo>
                    <a:pt x="8290560" y="0"/>
                  </a:lnTo>
                  <a:lnTo>
                    <a:pt x="8290560" y="3048"/>
                  </a:lnTo>
                  <a:lnTo>
                    <a:pt x="8293608" y="3048"/>
                  </a:lnTo>
                  <a:lnTo>
                    <a:pt x="8293608" y="0"/>
                  </a:lnTo>
                  <a:close/>
                </a:path>
                <a:path w="8625840" h="4314825">
                  <a:moveTo>
                    <a:pt x="8301228" y="0"/>
                  </a:moveTo>
                  <a:lnTo>
                    <a:pt x="8296656" y="0"/>
                  </a:lnTo>
                  <a:lnTo>
                    <a:pt x="8296656" y="3048"/>
                  </a:lnTo>
                  <a:lnTo>
                    <a:pt x="8301228" y="3048"/>
                  </a:lnTo>
                  <a:lnTo>
                    <a:pt x="8301228" y="0"/>
                  </a:lnTo>
                  <a:close/>
                </a:path>
                <a:path w="8625840" h="4314825">
                  <a:moveTo>
                    <a:pt x="8307324" y="0"/>
                  </a:moveTo>
                  <a:lnTo>
                    <a:pt x="8304276" y="0"/>
                  </a:lnTo>
                  <a:lnTo>
                    <a:pt x="8304276" y="3048"/>
                  </a:lnTo>
                  <a:lnTo>
                    <a:pt x="8307324" y="3048"/>
                  </a:lnTo>
                  <a:lnTo>
                    <a:pt x="8307324" y="0"/>
                  </a:lnTo>
                  <a:close/>
                </a:path>
                <a:path w="8625840" h="4314825">
                  <a:moveTo>
                    <a:pt x="8314944" y="0"/>
                  </a:moveTo>
                  <a:lnTo>
                    <a:pt x="8310372" y="0"/>
                  </a:lnTo>
                  <a:lnTo>
                    <a:pt x="8310372" y="3048"/>
                  </a:lnTo>
                  <a:lnTo>
                    <a:pt x="8314944" y="3048"/>
                  </a:lnTo>
                  <a:lnTo>
                    <a:pt x="8314944" y="0"/>
                  </a:lnTo>
                  <a:close/>
                </a:path>
                <a:path w="8625840" h="4314825">
                  <a:moveTo>
                    <a:pt x="8321040" y="0"/>
                  </a:moveTo>
                  <a:lnTo>
                    <a:pt x="8317992" y="0"/>
                  </a:lnTo>
                  <a:lnTo>
                    <a:pt x="8317992" y="3048"/>
                  </a:lnTo>
                  <a:lnTo>
                    <a:pt x="8321040" y="3048"/>
                  </a:lnTo>
                  <a:lnTo>
                    <a:pt x="8321040" y="0"/>
                  </a:lnTo>
                  <a:close/>
                </a:path>
                <a:path w="8625840" h="4314825">
                  <a:moveTo>
                    <a:pt x="8328660" y="0"/>
                  </a:moveTo>
                  <a:lnTo>
                    <a:pt x="8324088" y="0"/>
                  </a:lnTo>
                  <a:lnTo>
                    <a:pt x="8324088" y="3048"/>
                  </a:lnTo>
                  <a:lnTo>
                    <a:pt x="8328660" y="3048"/>
                  </a:lnTo>
                  <a:lnTo>
                    <a:pt x="8328660" y="0"/>
                  </a:lnTo>
                  <a:close/>
                </a:path>
                <a:path w="8625840" h="4314825">
                  <a:moveTo>
                    <a:pt x="8334756" y="0"/>
                  </a:moveTo>
                  <a:lnTo>
                    <a:pt x="8331708" y="0"/>
                  </a:lnTo>
                  <a:lnTo>
                    <a:pt x="8331708" y="3048"/>
                  </a:lnTo>
                  <a:lnTo>
                    <a:pt x="8334756" y="3048"/>
                  </a:lnTo>
                  <a:lnTo>
                    <a:pt x="8334756" y="0"/>
                  </a:lnTo>
                  <a:close/>
                </a:path>
                <a:path w="8625840" h="4314825">
                  <a:moveTo>
                    <a:pt x="8342376" y="0"/>
                  </a:moveTo>
                  <a:lnTo>
                    <a:pt x="8337804" y="0"/>
                  </a:lnTo>
                  <a:lnTo>
                    <a:pt x="8337804" y="3048"/>
                  </a:lnTo>
                  <a:lnTo>
                    <a:pt x="8342376" y="3048"/>
                  </a:lnTo>
                  <a:lnTo>
                    <a:pt x="8342376" y="0"/>
                  </a:lnTo>
                  <a:close/>
                </a:path>
                <a:path w="8625840" h="4314825">
                  <a:moveTo>
                    <a:pt x="8348472" y="0"/>
                  </a:moveTo>
                  <a:lnTo>
                    <a:pt x="8345424" y="0"/>
                  </a:lnTo>
                  <a:lnTo>
                    <a:pt x="8345424" y="3048"/>
                  </a:lnTo>
                  <a:lnTo>
                    <a:pt x="8348472" y="3048"/>
                  </a:lnTo>
                  <a:lnTo>
                    <a:pt x="8348472" y="0"/>
                  </a:lnTo>
                  <a:close/>
                </a:path>
                <a:path w="8625840" h="4314825">
                  <a:moveTo>
                    <a:pt x="8356092" y="0"/>
                  </a:moveTo>
                  <a:lnTo>
                    <a:pt x="8351520" y="0"/>
                  </a:lnTo>
                  <a:lnTo>
                    <a:pt x="8351520" y="3048"/>
                  </a:lnTo>
                  <a:lnTo>
                    <a:pt x="8356092" y="3048"/>
                  </a:lnTo>
                  <a:lnTo>
                    <a:pt x="8356092" y="0"/>
                  </a:lnTo>
                  <a:close/>
                </a:path>
                <a:path w="8625840" h="4314825">
                  <a:moveTo>
                    <a:pt x="8362188" y="0"/>
                  </a:moveTo>
                  <a:lnTo>
                    <a:pt x="8359140" y="0"/>
                  </a:lnTo>
                  <a:lnTo>
                    <a:pt x="8359140" y="3048"/>
                  </a:lnTo>
                  <a:lnTo>
                    <a:pt x="8362188" y="3048"/>
                  </a:lnTo>
                  <a:lnTo>
                    <a:pt x="8362188" y="0"/>
                  </a:lnTo>
                  <a:close/>
                </a:path>
                <a:path w="8625840" h="4314825">
                  <a:moveTo>
                    <a:pt x="8369808" y="0"/>
                  </a:moveTo>
                  <a:lnTo>
                    <a:pt x="8365236" y="0"/>
                  </a:lnTo>
                  <a:lnTo>
                    <a:pt x="8365236" y="3048"/>
                  </a:lnTo>
                  <a:lnTo>
                    <a:pt x="8369808" y="3048"/>
                  </a:lnTo>
                  <a:lnTo>
                    <a:pt x="8369808" y="0"/>
                  </a:lnTo>
                  <a:close/>
                </a:path>
                <a:path w="8625840" h="4314825">
                  <a:moveTo>
                    <a:pt x="8375904" y="0"/>
                  </a:moveTo>
                  <a:lnTo>
                    <a:pt x="8372856" y="0"/>
                  </a:lnTo>
                  <a:lnTo>
                    <a:pt x="8372856" y="3048"/>
                  </a:lnTo>
                  <a:lnTo>
                    <a:pt x="8375904" y="3048"/>
                  </a:lnTo>
                  <a:lnTo>
                    <a:pt x="8375904" y="0"/>
                  </a:lnTo>
                  <a:close/>
                </a:path>
                <a:path w="8625840" h="4314825">
                  <a:moveTo>
                    <a:pt x="8383524" y="0"/>
                  </a:moveTo>
                  <a:lnTo>
                    <a:pt x="8378952" y="0"/>
                  </a:lnTo>
                  <a:lnTo>
                    <a:pt x="8378952" y="3048"/>
                  </a:lnTo>
                  <a:lnTo>
                    <a:pt x="8383524" y="3048"/>
                  </a:lnTo>
                  <a:lnTo>
                    <a:pt x="8383524" y="0"/>
                  </a:lnTo>
                  <a:close/>
                </a:path>
                <a:path w="8625840" h="4314825">
                  <a:moveTo>
                    <a:pt x="8389620" y="0"/>
                  </a:moveTo>
                  <a:lnTo>
                    <a:pt x="8386572" y="0"/>
                  </a:lnTo>
                  <a:lnTo>
                    <a:pt x="8386572" y="3048"/>
                  </a:lnTo>
                  <a:lnTo>
                    <a:pt x="8389620" y="3048"/>
                  </a:lnTo>
                  <a:lnTo>
                    <a:pt x="8389620" y="0"/>
                  </a:lnTo>
                  <a:close/>
                </a:path>
                <a:path w="8625840" h="4314825">
                  <a:moveTo>
                    <a:pt x="8397240" y="0"/>
                  </a:moveTo>
                  <a:lnTo>
                    <a:pt x="8392668" y="0"/>
                  </a:lnTo>
                  <a:lnTo>
                    <a:pt x="8392668" y="3048"/>
                  </a:lnTo>
                  <a:lnTo>
                    <a:pt x="8397240" y="3048"/>
                  </a:lnTo>
                  <a:lnTo>
                    <a:pt x="8397240" y="0"/>
                  </a:lnTo>
                  <a:close/>
                </a:path>
                <a:path w="8625840" h="4314825">
                  <a:moveTo>
                    <a:pt x="8403336" y="0"/>
                  </a:moveTo>
                  <a:lnTo>
                    <a:pt x="8400288" y="0"/>
                  </a:lnTo>
                  <a:lnTo>
                    <a:pt x="8400288" y="3048"/>
                  </a:lnTo>
                  <a:lnTo>
                    <a:pt x="8403336" y="3048"/>
                  </a:lnTo>
                  <a:lnTo>
                    <a:pt x="8403336" y="0"/>
                  </a:lnTo>
                  <a:close/>
                </a:path>
                <a:path w="8625840" h="4314825">
                  <a:moveTo>
                    <a:pt x="8410956" y="0"/>
                  </a:moveTo>
                  <a:lnTo>
                    <a:pt x="8406384" y="0"/>
                  </a:lnTo>
                  <a:lnTo>
                    <a:pt x="8406384" y="3048"/>
                  </a:lnTo>
                  <a:lnTo>
                    <a:pt x="8410956" y="3048"/>
                  </a:lnTo>
                  <a:lnTo>
                    <a:pt x="8410956" y="0"/>
                  </a:lnTo>
                  <a:close/>
                </a:path>
                <a:path w="8625840" h="4314825">
                  <a:moveTo>
                    <a:pt x="8417052" y="0"/>
                  </a:moveTo>
                  <a:lnTo>
                    <a:pt x="8414004" y="0"/>
                  </a:lnTo>
                  <a:lnTo>
                    <a:pt x="8414004" y="3048"/>
                  </a:lnTo>
                  <a:lnTo>
                    <a:pt x="8417052" y="3048"/>
                  </a:lnTo>
                  <a:lnTo>
                    <a:pt x="8417052" y="0"/>
                  </a:lnTo>
                  <a:close/>
                </a:path>
                <a:path w="8625840" h="4314825">
                  <a:moveTo>
                    <a:pt x="8424672" y="0"/>
                  </a:moveTo>
                  <a:lnTo>
                    <a:pt x="8420100" y="0"/>
                  </a:lnTo>
                  <a:lnTo>
                    <a:pt x="8420100" y="3048"/>
                  </a:lnTo>
                  <a:lnTo>
                    <a:pt x="8424672" y="3048"/>
                  </a:lnTo>
                  <a:lnTo>
                    <a:pt x="8424672" y="0"/>
                  </a:lnTo>
                  <a:close/>
                </a:path>
                <a:path w="8625840" h="4314825">
                  <a:moveTo>
                    <a:pt x="8430768" y="0"/>
                  </a:moveTo>
                  <a:lnTo>
                    <a:pt x="8427720" y="0"/>
                  </a:lnTo>
                  <a:lnTo>
                    <a:pt x="8427720" y="3048"/>
                  </a:lnTo>
                  <a:lnTo>
                    <a:pt x="8430768" y="3048"/>
                  </a:lnTo>
                  <a:lnTo>
                    <a:pt x="8430768" y="0"/>
                  </a:lnTo>
                  <a:close/>
                </a:path>
                <a:path w="8625840" h="4314825">
                  <a:moveTo>
                    <a:pt x="8438388" y="0"/>
                  </a:moveTo>
                  <a:lnTo>
                    <a:pt x="8433816" y="0"/>
                  </a:lnTo>
                  <a:lnTo>
                    <a:pt x="8433816" y="3048"/>
                  </a:lnTo>
                  <a:lnTo>
                    <a:pt x="8438388" y="3048"/>
                  </a:lnTo>
                  <a:lnTo>
                    <a:pt x="8438388" y="0"/>
                  </a:lnTo>
                  <a:close/>
                </a:path>
                <a:path w="8625840" h="4314825">
                  <a:moveTo>
                    <a:pt x="8444484" y="0"/>
                  </a:moveTo>
                  <a:lnTo>
                    <a:pt x="8441436" y="0"/>
                  </a:lnTo>
                  <a:lnTo>
                    <a:pt x="8441436" y="3048"/>
                  </a:lnTo>
                  <a:lnTo>
                    <a:pt x="8444484" y="3048"/>
                  </a:lnTo>
                  <a:lnTo>
                    <a:pt x="8444484" y="0"/>
                  </a:lnTo>
                  <a:close/>
                </a:path>
                <a:path w="8625840" h="4314825">
                  <a:moveTo>
                    <a:pt x="8452104" y="0"/>
                  </a:moveTo>
                  <a:lnTo>
                    <a:pt x="8447532" y="0"/>
                  </a:lnTo>
                  <a:lnTo>
                    <a:pt x="8447532" y="3048"/>
                  </a:lnTo>
                  <a:lnTo>
                    <a:pt x="8452104" y="3048"/>
                  </a:lnTo>
                  <a:lnTo>
                    <a:pt x="8452104" y="0"/>
                  </a:lnTo>
                  <a:close/>
                </a:path>
                <a:path w="8625840" h="4314825">
                  <a:moveTo>
                    <a:pt x="8458200" y="0"/>
                  </a:moveTo>
                  <a:lnTo>
                    <a:pt x="8455152" y="0"/>
                  </a:lnTo>
                  <a:lnTo>
                    <a:pt x="8455152" y="3048"/>
                  </a:lnTo>
                  <a:lnTo>
                    <a:pt x="8458200" y="3048"/>
                  </a:lnTo>
                  <a:lnTo>
                    <a:pt x="8458200" y="0"/>
                  </a:lnTo>
                  <a:close/>
                </a:path>
                <a:path w="8625840" h="4314825">
                  <a:moveTo>
                    <a:pt x="8465820" y="0"/>
                  </a:moveTo>
                  <a:lnTo>
                    <a:pt x="8461248" y="0"/>
                  </a:lnTo>
                  <a:lnTo>
                    <a:pt x="8461248" y="3048"/>
                  </a:lnTo>
                  <a:lnTo>
                    <a:pt x="8465820" y="3048"/>
                  </a:lnTo>
                  <a:lnTo>
                    <a:pt x="8465820" y="0"/>
                  </a:lnTo>
                  <a:close/>
                </a:path>
                <a:path w="8625840" h="4314825">
                  <a:moveTo>
                    <a:pt x="8471916" y="0"/>
                  </a:moveTo>
                  <a:lnTo>
                    <a:pt x="8468868" y="0"/>
                  </a:lnTo>
                  <a:lnTo>
                    <a:pt x="8468868" y="3048"/>
                  </a:lnTo>
                  <a:lnTo>
                    <a:pt x="8471916" y="3048"/>
                  </a:lnTo>
                  <a:lnTo>
                    <a:pt x="8471916" y="0"/>
                  </a:lnTo>
                  <a:close/>
                </a:path>
                <a:path w="8625840" h="4314825">
                  <a:moveTo>
                    <a:pt x="8479536" y="0"/>
                  </a:moveTo>
                  <a:lnTo>
                    <a:pt x="8474964" y="0"/>
                  </a:lnTo>
                  <a:lnTo>
                    <a:pt x="8474964" y="3048"/>
                  </a:lnTo>
                  <a:lnTo>
                    <a:pt x="8479536" y="3048"/>
                  </a:lnTo>
                  <a:lnTo>
                    <a:pt x="8479536" y="0"/>
                  </a:lnTo>
                  <a:close/>
                </a:path>
                <a:path w="8625840" h="4314825">
                  <a:moveTo>
                    <a:pt x="8485632" y="0"/>
                  </a:moveTo>
                  <a:lnTo>
                    <a:pt x="8482584" y="0"/>
                  </a:lnTo>
                  <a:lnTo>
                    <a:pt x="8482584" y="3048"/>
                  </a:lnTo>
                  <a:lnTo>
                    <a:pt x="8485632" y="3048"/>
                  </a:lnTo>
                  <a:lnTo>
                    <a:pt x="8485632" y="0"/>
                  </a:lnTo>
                  <a:close/>
                </a:path>
                <a:path w="8625840" h="4314825">
                  <a:moveTo>
                    <a:pt x="8493252" y="0"/>
                  </a:moveTo>
                  <a:lnTo>
                    <a:pt x="8488680" y="0"/>
                  </a:lnTo>
                  <a:lnTo>
                    <a:pt x="8488680" y="3048"/>
                  </a:lnTo>
                  <a:lnTo>
                    <a:pt x="8493252" y="3048"/>
                  </a:lnTo>
                  <a:lnTo>
                    <a:pt x="8493252" y="0"/>
                  </a:lnTo>
                  <a:close/>
                </a:path>
                <a:path w="8625840" h="4314825">
                  <a:moveTo>
                    <a:pt x="8499348" y="0"/>
                  </a:moveTo>
                  <a:lnTo>
                    <a:pt x="8496300" y="0"/>
                  </a:lnTo>
                  <a:lnTo>
                    <a:pt x="8496300" y="3048"/>
                  </a:lnTo>
                  <a:lnTo>
                    <a:pt x="8499348" y="3048"/>
                  </a:lnTo>
                  <a:lnTo>
                    <a:pt x="8499348" y="0"/>
                  </a:lnTo>
                  <a:close/>
                </a:path>
                <a:path w="8625840" h="4314825">
                  <a:moveTo>
                    <a:pt x="8506968" y="0"/>
                  </a:moveTo>
                  <a:lnTo>
                    <a:pt x="8502396" y="0"/>
                  </a:lnTo>
                  <a:lnTo>
                    <a:pt x="8502396" y="3048"/>
                  </a:lnTo>
                  <a:lnTo>
                    <a:pt x="8506968" y="3048"/>
                  </a:lnTo>
                  <a:lnTo>
                    <a:pt x="8506968" y="0"/>
                  </a:lnTo>
                  <a:close/>
                </a:path>
                <a:path w="8625840" h="4314825">
                  <a:moveTo>
                    <a:pt x="8513064" y="0"/>
                  </a:moveTo>
                  <a:lnTo>
                    <a:pt x="8510016" y="0"/>
                  </a:lnTo>
                  <a:lnTo>
                    <a:pt x="8510016" y="3048"/>
                  </a:lnTo>
                  <a:lnTo>
                    <a:pt x="8513064" y="3048"/>
                  </a:lnTo>
                  <a:lnTo>
                    <a:pt x="8513064" y="0"/>
                  </a:lnTo>
                  <a:close/>
                </a:path>
                <a:path w="8625840" h="4314825">
                  <a:moveTo>
                    <a:pt x="8520684" y="0"/>
                  </a:moveTo>
                  <a:lnTo>
                    <a:pt x="8516112" y="0"/>
                  </a:lnTo>
                  <a:lnTo>
                    <a:pt x="8516112" y="3048"/>
                  </a:lnTo>
                  <a:lnTo>
                    <a:pt x="8520684" y="3048"/>
                  </a:lnTo>
                  <a:lnTo>
                    <a:pt x="8520684" y="0"/>
                  </a:lnTo>
                  <a:close/>
                </a:path>
                <a:path w="8625840" h="4314825">
                  <a:moveTo>
                    <a:pt x="8526780" y="0"/>
                  </a:moveTo>
                  <a:lnTo>
                    <a:pt x="8523732" y="0"/>
                  </a:lnTo>
                  <a:lnTo>
                    <a:pt x="8523732" y="3048"/>
                  </a:lnTo>
                  <a:lnTo>
                    <a:pt x="8526780" y="3048"/>
                  </a:lnTo>
                  <a:lnTo>
                    <a:pt x="8526780" y="0"/>
                  </a:lnTo>
                  <a:close/>
                </a:path>
                <a:path w="8625840" h="4314825">
                  <a:moveTo>
                    <a:pt x="8534400" y="0"/>
                  </a:moveTo>
                  <a:lnTo>
                    <a:pt x="8529828" y="0"/>
                  </a:lnTo>
                  <a:lnTo>
                    <a:pt x="8529828" y="3048"/>
                  </a:lnTo>
                  <a:lnTo>
                    <a:pt x="8534400" y="3048"/>
                  </a:lnTo>
                  <a:lnTo>
                    <a:pt x="8534400" y="0"/>
                  </a:lnTo>
                  <a:close/>
                </a:path>
                <a:path w="8625840" h="4314825">
                  <a:moveTo>
                    <a:pt x="8540496" y="0"/>
                  </a:moveTo>
                  <a:lnTo>
                    <a:pt x="8537448" y="0"/>
                  </a:lnTo>
                  <a:lnTo>
                    <a:pt x="8537448" y="3048"/>
                  </a:lnTo>
                  <a:lnTo>
                    <a:pt x="8540496" y="3048"/>
                  </a:lnTo>
                  <a:lnTo>
                    <a:pt x="8540496" y="0"/>
                  </a:lnTo>
                  <a:close/>
                </a:path>
                <a:path w="8625840" h="4314825">
                  <a:moveTo>
                    <a:pt x="8548116" y="0"/>
                  </a:moveTo>
                  <a:lnTo>
                    <a:pt x="8543544" y="0"/>
                  </a:lnTo>
                  <a:lnTo>
                    <a:pt x="8543544" y="3048"/>
                  </a:lnTo>
                  <a:lnTo>
                    <a:pt x="8548116" y="3048"/>
                  </a:lnTo>
                  <a:lnTo>
                    <a:pt x="8548116" y="0"/>
                  </a:lnTo>
                  <a:close/>
                </a:path>
                <a:path w="8625840" h="4314825">
                  <a:moveTo>
                    <a:pt x="8554212" y="0"/>
                  </a:moveTo>
                  <a:lnTo>
                    <a:pt x="8551164" y="0"/>
                  </a:lnTo>
                  <a:lnTo>
                    <a:pt x="8551164" y="3048"/>
                  </a:lnTo>
                  <a:lnTo>
                    <a:pt x="8554212" y="3048"/>
                  </a:lnTo>
                  <a:lnTo>
                    <a:pt x="8554212" y="0"/>
                  </a:lnTo>
                  <a:close/>
                </a:path>
                <a:path w="8625840" h="4314825">
                  <a:moveTo>
                    <a:pt x="8561832" y="0"/>
                  </a:moveTo>
                  <a:lnTo>
                    <a:pt x="8557260" y="0"/>
                  </a:lnTo>
                  <a:lnTo>
                    <a:pt x="8557260" y="3048"/>
                  </a:lnTo>
                  <a:lnTo>
                    <a:pt x="8561832" y="3048"/>
                  </a:lnTo>
                  <a:lnTo>
                    <a:pt x="8561832" y="0"/>
                  </a:lnTo>
                  <a:close/>
                </a:path>
                <a:path w="8625840" h="4314825">
                  <a:moveTo>
                    <a:pt x="8567928" y="0"/>
                  </a:moveTo>
                  <a:lnTo>
                    <a:pt x="8564880" y="0"/>
                  </a:lnTo>
                  <a:lnTo>
                    <a:pt x="8564880" y="3048"/>
                  </a:lnTo>
                  <a:lnTo>
                    <a:pt x="8567928" y="3048"/>
                  </a:lnTo>
                  <a:lnTo>
                    <a:pt x="8567928" y="0"/>
                  </a:lnTo>
                  <a:close/>
                </a:path>
                <a:path w="8625840" h="4314825">
                  <a:moveTo>
                    <a:pt x="8575548" y="0"/>
                  </a:moveTo>
                  <a:lnTo>
                    <a:pt x="8570976" y="0"/>
                  </a:lnTo>
                  <a:lnTo>
                    <a:pt x="8570976" y="3048"/>
                  </a:lnTo>
                  <a:lnTo>
                    <a:pt x="8575548" y="3048"/>
                  </a:lnTo>
                  <a:lnTo>
                    <a:pt x="8575548" y="0"/>
                  </a:lnTo>
                  <a:close/>
                </a:path>
                <a:path w="8625840" h="4314825">
                  <a:moveTo>
                    <a:pt x="8581644" y="0"/>
                  </a:moveTo>
                  <a:lnTo>
                    <a:pt x="8578596" y="0"/>
                  </a:lnTo>
                  <a:lnTo>
                    <a:pt x="8578596" y="3048"/>
                  </a:lnTo>
                  <a:lnTo>
                    <a:pt x="8581644" y="3048"/>
                  </a:lnTo>
                  <a:lnTo>
                    <a:pt x="8581644" y="0"/>
                  </a:lnTo>
                  <a:close/>
                </a:path>
                <a:path w="8625840" h="4314825">
                  <a:moveTo>
                    <a:pt x="8589264" y="0"/>
                  </a:moveTo>
                  <a:lnTo>
                    <a:pt x="8584692" y="0"/>
                  </a:lnTo>
                  <a:lnTo>
                    <a:pt x="8584692" y="3048"/>
                  </a:lnTo>
                  <a:lnTo>
                    <a:pt x="8589264" y="3048"/>
                  </a:lnTo>
                  <a:lnTo>
                    <a:pt x="8589264" y="0"/>
                  </a:lnTo>
                  <a:close/>
                </a:path>
                <a:path w="8625840" h="4314825">
                  <a:moveTo>
                    <a:pt x="8595360" y="0"/>
                  </a:moveTo>
                  <a:lnTo>
                    <a:pt x="8592312" y="0"/>
                  </a:lnTo>
                  <a:lnTo>
                    <a:pt x="8592312" y="3048"/>
                  </a:lnTo>
                  <a:lnTo>
                    <a:pt x="8595360" y="3048"/>
                  </a:lnTo>
                  <a:lnTo>
                    <a:pt x="8595360" y="0"/>
                  </a:lnTo>
                  <a:close/>
                </a:path>
                <a:path w="8625840" h="4314825">
                  <a:moveTo>
                    <a:pt x="8602980" y="0"/>
                  </a:moveTo>
                  <a:lnTo>
                    <a:pt x="8598408" y="0"/>
                  </a:lnTo>
                  <a:lnTo>
                    <a:pt x="8598408" y="3048"/>
                  </a:lnTo>
                  <a:lnTo>
                    <a:pt x="8602980" y="3048"/>
                  </a:lnTo>
                  <a:lnTo>
                    <a:pt x="8602980" y="0"/>
                  </a:lnTo>
                  <a:close/>
                </a:path>
                <a:path w="8625840" h="4314825">
                  <a:moveTo>
                    <a:pt x="8609076" y="0"/>
                  </a:moveTo>
                  <a:lnTo>
                    <a:pt x="8606028" y="0"/>
                  </a:lnTo>
                  <a:lnTo>
                    <a:pt x="8606028" y="3048"/>
                  </a:lnTo>
                  <a:lnTo>
                    <a:pt x="8609076" y="3048"/>
                  </a:lnTo>
                  <a:lnTo>
                    <a:pt x="8609076" y="0"/>
                  </a:lnTo>
                  <a:close/>
                </a:path>
                <a:path w="8625840" h="4314825">
                  <a:moveTo>
                    <a:pt x="8616696" y="0"/>
                  </a:moveTo>
                  <a:lnTo>
                    <a:pt x="8612124" y="0"/>
                  </a:lnTo>
                  <a:lnTo>
                    <a:pt x="8612124" y="3048"/>
                  </a:lnTo>
                  <a:lnTo>
                    <a:pt x="8616696" y="3048"/>
                  </a:lnTo>
                  <a:lnTo>
                    <a:pt x="8616696" y="0"/>
                  </a:lnTo>
                  <a:close/>
                </a:path>
                <a:path w="8625840" h="4314825">
                  <a:moveTo>
                    <a:pt x="8622792" y="0"/>
                  </a:moveTo>
                  <a:lnTo>
                    <a:pt x="8619744" y="0"/>
                  </a:lnTo>
                  <a:lnTo>
                    <a:pt x="8619744" y="3048"/>
                  </a:lnTo>
                  <a:lnTo>
                    <a:pt x="8622792" y="3048"/>
                  </a:lnTo>
                  <a:lnTo>
                    <a:pt x="8622792" y="0"/>
                  </a:lnTo>
                  <a:close/>
                </a:path>
                <a:path w="8625840" h="4314825">
                  <a:moveTo>
                    <a:pt x="8625840" y="4305300"/>
                  </a:moveTo>
                  <a:lnTo>
                    <a:pt x="8497824" y="4305300"/>
                  </a:lnTo>
                  <a:lnTo>
                    <a:pt x="8497824" y="4314444"/>
                  </a:lnTo>
                  <a:lnTo>
                    <a:pt x="8625840" y="4314444"/>
                  </a:lnTo>
                  <a:lnTo>
                    <a:pt x="8625840" y="4305300"/>
                  </a:lnTo>
                  <a:close/>
                </a:path>
              </a:pathLst>
            </a:custGeom>
            <a:solidFill>
              <a:srgbClr val="D8D8D8"/>
            </a:solidFill>
          </p:spPr>
          <p:txBody>
            <a:bodyPr wrap="square" lIns="0" tIns="0" rIns="0" bIns="0" rtlCol="0"/>
            <a:lstStyle/>
            <a:p>
              <a:endParaRPr sz="1539"/>
            </a:p>
          </p:txBody>
        </p:sp>
        <p:sp>
          <p:nvSpPr>
            <p:cNvPr id="171" name="object 171"/>
            <p:cNvSpPr/>
            <p:nvPr/>
          </p:nvSpPr>
          <p:spPr>
            <a:xfrm>
              <a:off x="1085088" y="3319271"/>
              <a:ext cx="8923020" cy="2164080"/>
            </a:xfrm>
            <a:custGeom>
              <a:avLst/>
              <a:gdLst/>
              <a:ahLst/>
              <a:cxnLst/>
              <a:rect l="l" t="t" r="r" b="b"/>
              <a:pathLst>
                <a:path w="8923020" h="2164079">
                  <a:moveTo>
                    <a:pt x="126492" y="2154936"/>
                  </a:moveTo>
                  <a:lnTo>
                    <a:pt x="0" y="2154936"/>
                  </a:lnTo>
                  <a:lnTo>
                    <a:pt x="0" y="2164080"/>
                  </a:lnTo>
                  <a:lnTo>
                    <a:pt x="126492" y="2164080"/>
                  </a:lnTo>
                  <a:lnTo>
                    <a:pt x="126492" y="2154936"/>
                  </a:lnTo>
                  <a:close/>
                </a:path>
                <a:path w="8923020" h="2164079">
                  <a:moveTo>
                    <a:pt x="126492" y="1437132"/>
                  </a:moveTo>
                  <a:lnTo>
                    <a:pt x="0" y="1437132"/>
                  </a:lnTo>
                  <a:lnTo>
                    <a:pt x="0" y="1446276"/>
                  </a:lnTo>
                  <a:lnTo>
                    <a:pt x="126492" y="1446276"/>
                  </a:lnTo>
                  <a:lnTo>
                    <a:pt x="126492" y="1437132"/>
                  </a:lnTo>
                  <a:close/>
                </a:path>
                <a:path w="8923020" h="2164079">
                  <a:moveTo>
                    <a:pt x="126492" y="717804"/>
                  </a:moveTo>
                  <a:lnTo>
                    <a:pt x="0" y="717804"/>
                  </a:lnTo>
                  <a:lnTo>
                    <a:pt x="0" y="726948"/>
                  </a:lnTo>
                  <a:lnTo>
                    <a:pt x="126492" y="726948"/>
                  </a:lnTo>
                  <a:lnTo>
                    <a:pt x="126492" y="717804"/>
                  </a:lnTo>
                  <a:close/>
                </a:path>
                <a:path w="8923020" h="2164079">
                  <a:moveTo>
                    <a:pt x="551688" y="2154936"/>
                  </a:moveTo>
                  <a:lnTo>
                    <a:pt x="297180" y="2154936"/>
                  </a:lnTo>
                  <a:lnTo>
                    <a:pt x="297180" y="2164080"/>
                  </a:lnTo>
                  <a:lnTo>
                    <a:pt x="551688" y="2164080"/>
                  </a:lnTo>
                  <a:lnTo>
                    <a:pt x="551688" y="2154936"/>
                  </a:lnTo>
                  <a:close/>
                </a:path>
                <a:path w="8923020" h="2164079">
                  <a:moveTo>
                    <a:pt x="551688" y="1437132"/>
                  </a:moveTo>
                  <a:lnTo>
                    <a:pt x="297180" y="1437132"/>
                  </a:lnTo>
                  <a:lnTo>
                    <a:pt x="297180" y="1446276"/>
                  </a:lnTo>
                  <a:lnTo>
                    <a:pt x="551688" y="1446276"/>
                  </a:lnTo>
                  <a:lnTo>
                    <a:pt x="551688" y="1437132"/>
                  </a:lnTo>
                  <a:close/>
                </a:path>
                <a:path w="8923020" h="2164079">
                  <a:moveTo>
                    <a:pt x="551688" y="717804"/>
                  </a:moveTo>
                  <a:lnTo>
                    <a:pt x="297180" y="717804"/>
                  </a:lnTo>
                  <a:lnTo>
                    <a:pt x="297180" y="726948"/>
                  </a:lnTo>
                  <a:lnTo>
                    <a:pt x="551688" y="726948"/>
                  </a:lnTo>
                  <a:lnTo>
                    <a:pt x="551688" y="717804"/>
                  </a:lnTo>
                  <a:close/>
                </a:path>
                <a:path w="8923020" h="2164079">
                  <a:moveTo>
                    <a:pt x="976884" y="2154936"/>
                  </a:moveTo>
                  <a:lnTo>
                    <a:pt x="722376" y="2154936"/>
                  </a:lnTo>
                  <a:lnTo>
                    <a:pt x="722376" y="2164080"/>
                  </a:lnTo>
                  <a:lnTo>
                    <a:pt x="976884" y="2164080"/>
                  </a:lnTo>
                  <a:lnTo>
                    <a:pt x="976884" y="2154936"/>
                  </a:lnTo>
                  <a:close/>
                </a:path>
                <a:path w="8923020" h="2164079">
                  <a:moveTo>
                    <a:pt x="976884" y="1437132"/>
                  </a:moveTo>
                  <a:lnTo>
                    <a:pt x="722376" y="1437132"/>
                  </a:lnTo>
                  <a:lnTo>
                    <a:pt x="722376" y="1446276"/>
                  </a:lnTo>
                  <a:lnTo>
                    <a:pt x="976884" y="1446276"/>
                  </a:lnTo>
                  <a:lnTo>
                    <a:pt x="976884" y="1437132"/>
                  </a:lnTo>
                  <a:close/>
                </a:path>
                <a:path w="8923020" h="2164079">
                  <a:moveTo>
                    <a:pt x="976884" y="717804"/>
                  </a:moveTo>
                  <a:lnTo>
                    <a:pt x="722376" y="717804"/>
                  </a:lnTo>
                  <a:lnTo>
                    <a:pt x="722376" y="726948"/>
                  </a:lnTo>
                  <a:lnTo>
                    <a:pt x="976884" y="726948"/>
                  </a:lnTo>
                  <a:lnTo>
                    <a:pt x="976884" y="717804"/>
                  </a:lnTo>
                  <a:close/>
                </a:path>
                <a:path w="8923020" h="2164079">
                  <a:moveTo>
                    <a:pt x="976884" y="0"/>
                  </a:moveTo>
                  <a:lnTo>
                    <a:pt x="722376" y="0"/>
                  </a:lnTo>
                  <a:lnTo>
                    <a:pt x="722376" y="9144"/>
                  </a:lnTo>
                  <a:lnTo>
                    <a:pt x="976884" y="9144"/>
                  </a:lnTo>
                  <a:lnTo>
                    <a:pt x="976884" y="0"/>
                  </a:lnTo>
                  <a:close/>
                </a:path>
                <a:path w="8923020" h="2164079">
                  <a:moveTo>
                    <a:pt x="1402080" y="2154936"/>
                  </a:moveTo>
                  <a:lnTo>
                    <a:pt x="1146048" y="2154936"/>
                  </a:lnTo>
                  <a:lnTo>
                    <a:pt x="1146048" y="2164080"/>
                  </a:lnTo>
                  <a:lnTo>
                    <a:pt x="1402080" y="2164080"/>
                  </a:lnTo>
                  <a:lnTo>
                    <a:pt x="1402080" y="2154936"/>
                  </a:lnTo>
                  <a:close/>
                </a:path>
                <a:path w="8923020" h="2164079">
                  <a:moveTo>
                    <a:pt x="1402080" y="1437132"/>
                  </a:moveTo>
                  <a:lnTo>
                    <a:pt x="1146048" y="1437132"/>
                  </a:lnTo>
                  <a:lnTo>
                    <a:pt x="1146048" y="1446276"/>
                  </a:lnTo>
                  <a:lnTo>
                    <a:pt x="1402080" y="1446276"/>
                  </a:lnTo>
                  <a:lnTo>
                    <a:pt x="1402080" y="1437132"/>
                  </a:lnTo>
                  <a:close/>
                </a:path>
                <a:path w="8923020" h="2164079">
                  <a:moveTo>
                    <a:pt x="1402080" y="717804"/>
                  </a:moveTo>
                  <a:lnTo>
                    <a:pt x="1146048" y="717804"/>
                  </a:lnTo>
                  <a:lnTo>
                    <a:pt x="1146048" y="726948"/>
                  </a:lnTo>
                  <a:lnTo>
                    <a:pt x="1402080" y="726948"/>
                  </a:lnTo>
                  <a:lnTo>
                    <a:pt x="1402080" y="717804"/>
                  </a:lnTo>
                  <a:close/>
                </a:path>
                <a:path w="8923020" h="2164079">
                  <a:moveTo>
                    <a:pt x="1827276" y="2154936"/>
                  </a:moveTo>
                  <a:lnTo>
                    <a:pt x="1571244" y="2154936"/>
                  </a:lnTo>
                  <a:lnTo>
                    <a:pt x="1571244" y="2164080"/>
                  </a:lnTo>
                  <a:lnTo>
                    <a:pt x="1827276" y="2164080"/>
                  </a:lnTo>
                  <a:lnTo>
                    <a:pt x="1827276" y="2154936"/>
                  </a:lnTo>
                  <a:close/>
                </a:path>
                <a:path w="8923020" h="2164079">
                  <a:moveTo>
                    <a:pt x="1827276" y="1437132"/>
                  </a:moveTo>
                  <a:lnTo>
                    <a:pt x="1571244" y="1437132"/>
                  </a:lnTo>
                  <a:lnTo>
                    <a:pt x="1571244" y="1446276"/>
                  </a:lnTo>
                  <a:lnTo>
                    <a:pt x="1827276" y="1446276"/>
                  </a:lnTo>
                  <a:lnTo>
                    <a:pt x="1827276" y="1437132"/>
                  </a:lnTo>
                  <a:close/>
                </a:path>
                <a:path w="8923020" h="2164079">
                  <a:moveTo>
                    <a:pt x="1827276" y="717804"/>
                  </a:moveTo>
                  <a:lnTo>
                    <a:pt x="1571244" y="717804"/>
                  </a:lnTo>
                  <a:lnTo>
                    <a:pt x="1571244" y="726948"/>
                  </a:lnTo>
                  <a:lnTo>
                    <a:pt x="1827276" y="726948"/>
                  </a:lnTo>
                  <a:lnTo>
                    <a:pt x="1827276" y="717804"/>
                  </a:lnTo>
                  <a:close/>
                </a:path>
                <a:path w="8923020" h="2164079">
                  <a:moveTo>
                    <a:pt x="1827276" y="0"/>
                  </a:moveTo>
                  <a:lnTo>
                    <a:pt x="1571244" y="0"/>
                  </a:lnTo>
                  <a:lnTo>
                    <a:pt x="1571244" y="9144"/>
                  </a:lnTo>
                  <a:lnTo>
                    <a:pt x="1827276" y="9144"/>
                  </a:lnTo>
                  <a:lnTo>
                    <a:pt x="1827276" y="0"/>
                  </a:lnTo>
                  <a:close/>
                </a:path>
                <a:path w="8923020" h="2164079">
                  <a:moveTo>
                    <a:pt x="2250948" y="2154936"/>
                  </a:moveTo>
                  <a:lnTo>
                    <a:pt x="1996440" y="2154936"/>
                  </a:lnTo>
                  <a:lnTo>
                    <a:pt x="1996440" y="2164080"/>
                  </a:lnTo>
                  <a:lnTo>
                    <a:pt x="2250948" y="2164080"/>
                  </a:lnTo>
                  <a:lnTo>
                    <a:pt x="2250948" y="2154936"/>
                  </a:lnTo>
                  <a:close/>
                </a:path>
                <a:path w="8923020" h="2164079">
                  <a:moveTo>
                    <a:pt x="2250948" y="1437132"/>
                  </a:moveTo>
                  <a:lnTo>
                    <a:pt x="1996440" y="1437132"/>
                  </a:lnTo>
                  <a:lnTo>
                    <a:pt x="1996440" y="1446276"/>
                  </a:lnTo>
                  <a:lnTo>
                    <a:pt x="2250948" y="1446276"/>
                  </a:lnTo>
                  <a:lnTo>
                    <a:pt x="2250948" y="1437132"/>
                  </a:lnTo>
                  <a:close/>
                </a:path>
                <a:path w="8923020" h="2164079">
                  <a:moveTo>
                    <a:pt x="2250948" y="717804"/>
                  </a:moveTo>
                  <a:lnTo>
                    <a:pt x="1996440" y="717804"/>
                  </a:lnTo>
                  <a:lnTo>
                    <a:pt x="1996440" y="726948"/>
                  </a:lnTo>
                  <a:lnTo>
                    <a:pt x="2250948" y="726948"/>
                  </a:lnTo>
                  <a:lnTo>
                    <a:pt x="2250948" y="717804"/>
                  </a:lnTo>
                  <a:close/>
                </a:path>
                <a:path w="8923020" h="2164079">
                  <a:moveTo>
                    <a:pt x="2250948" y="0"/>
                  </a:moveTo>
                  <a:lnTo>
                    <a:pt x="1996440" y="0"/>
                  </a:lnTo>
                  <a:lnTo>
                    <a:pt x="1996440" y="9144"/>
                  </a:lnTo>
                  <a:lnTo>
                    <a:pt x="2250948" y="9144"/>
                  </a:lnTo>
                  <a:lnTo>
                    <a:pt x="2250948" y="0"/>
                  </a:lnTo>
                  <a:close/>
                </a:path>
                <a:path w="8923020" h="2164079">
                  <a:moveTo>
                    <a:pt x="2676144" y="1437132"/>
                  </a:moveTo>
                  <a:lnTo>
                    <a:pt x="2421636" y="1437132"/>
                  </a:lnTo>
                  <a:lnTo>
                    <a:pt x="2421636" y="1446276"/>
                  </a:lnTo>
                  <a:lnTo>
                    <a:pt x="2676144" y="1446276"/>
                  </a:lnTo>
                  <a:lnTo>
                    <a:pt x="2676144" y="1437132"/>
                  </a:lnTo>
                  <a:close/>
                </a:path>
                <a:path w="8923020" h="2164079">
                  <a:moveTo>
                    <a:pt x="2676144" y="717804"/>
                  </a:moveTo>
                  <a:lnTo>
                    <a:pt x="2421636" y="717804"/>
                  </a:lnTo>
                  <a:lnTo>
                    <a:pt x="2421636" y="726948"/>
                  </a:lnTo>
                  <a:lnTo>
                    <a:pt x="2676144" y="726948"/>
                  </a:lnTo>
                  <a:lnTo>
                    <a:pt x="2676144" y="717804"/>
                  </a:lnTo>
                  <a:close/>
                </a:path>
                <a:path w="8923020" h="2164079">
                  <a:moveTo>
                    <a:pt x="2676144" y="0"/>
                  </a:moveTo>
                  <a:lnTo>
                    <a:pt x="2421636" y="0"/>
                  </a:lnTo>
                  <a:lnTo>
                    <a:pt x="2421636" y="9144"/>
                  </a:lnTo>
                  <a:lnTo>
                    <a:pt x="2676144" y="9144"/>
                  </a:lnTo>
                  <a:lnTo>
                    <a:pt x="2676144" y="0"/>
                  </a:lnTo>
                  <a:close/>
                </a:path>
                <a:path w="8923020" h="2164079">
                  <a:moveTo>
                    <a:pt x="3101340" y="1437132"/>
                  </a:moveTo>
                  <a:lnTo>
                    <a:pt x="2846832" y="1437132"/>
                  </a:lnTo>
                  <a:lnTo>
                    <a:pt x="2846832" y="1446276"/>
                  </a:lnTo>
                  <a:lnTo>
                    <a:pt x="3101340" y="1446276"/>
                  </a:lnTo>
                  <a:lnTo>
                    <a:pt x="3101340" y="1437132"/>
                  </a:lnTo>
                  <a:close/>
                </a:path>
                <a:path w="8923020" h="2164079">
                  <a:moveTo>
                    <a:pt x="3101340" y="717804"/>
                  </a:moveTo>
                  <a:lnTo>
                    <a:pt x="2846832" y="717804"/>
                  </a:lnTo>
                  <a:lnTo>
                    <a:pt x="2846832" y="726948"/>
                  </a:lnTo>
                  <a:lnTo>
                    <a:pt x="3101340" y="726948"/>
                  </a:lnTo>
                  <a:lnTo>
                    <a:pt x="3101340" y="717804"/>
                  </a:lnTo>
                  <a:close/>
                </a:path>
                <a:path w="8923020" h="2164079">
                  <a:moveTo>
                    <a:pt x="3526536" y="2154936"/>
                  </a:moveTo>
                  <a:lnTo>
                    <a:pt x="3272028" y="2154936"/>
                  </a:lnTo>
                  <a:lnTo>
                    <a:pt x="3272028" y="2164080"/>
                  </a:lnTo>
                  <a:lnTo>
                    <a:pt x="3526536" y="2164080"/>
                  </a:lnTo>
                  <a:lnTo>
                    <a:pt x="3526536" y="2154936"/>
                  </a:lnTo>
                  <a:close/>
                </a:path>
                <a:path w="8923020" h="2164079">
                  <a:moveTo>
                    <a:pt x="3526536" y="1437132"/>
                  </a:moveTo>
                  <a:lnTo>
                    <a:pt x="3272028" y="1437132"/>
                  </a:lnTo>
                  <a:lnTo>
                    <a:pt x="3272028" y="1446276"/>
                  </a:lnTo>
                  <a:lnTo>
                    <a:pt x="3526536" y="1446276"/>
                  </a:lnTo>
                  <a:lnTo>
                    <a:pt x="3526536" y="1437132"/>
                  </a:lnTo>
                  <a:close/>
                </a:path>
                <a:path w="8923020" h="2164079">
                  <a:moveTo>
                    <a:pt x="3526536" y="717804"/>
                  </a:moveTo>
                  <a:lnTo>
                    <a:pt x="3272028" y="717804"/>
                  </a:lnTo>
                  <a:lnTo>
                    <a:pt x="3272028" y="726948"/>
                  </a:lnTo>
                  <a:lnTo>
                    <a:pt x="3526536" y="726948"/>
                  </a:lnTo>
                  <a:lnTo>
                    <a:pt x="3526536" y="717804"/>
                  </a:lnTo>
                  <a:close/>
                </a:path>
                <a:path w="8923020" h="2164079">
                  <a:moveTo>
                    <a:pt x="3951732" y="1437132"/>
                  </a:moveTo>
                  <a:lnTo>
                    <a:pt x="3695700" y="1437132"/>
                  </a:lnTo>
                  <a:lnTo>
                    <a:pt x="3695700" y="1446276"/>
                  </a:lnTo>
                  <a:lnTo>
                    <a:pt x="3951732" y="1446276"/>
                  </a:lnTo>
                  <a:lnTo>
                    <a:pt x="3951732" y="1437132"/>
                  </a:lnTo>
                  <a:close/>
                </a:path>
                <a:path w="8923020" h="2164079">
                  <a:moveTo>
                    <a:pt x="3951732" y="717804"/>
                  </a:moveTo>
                  <a:lnTo>
                    <a:pt x="3695700" y="717804"/>
                  </a:lnTo>
                  <a:lnTo>
                    <a:pt x="3695700" y="726948"/>
                  </a:lnTo>
                  <a:lnTo>
                    <a:pt x="3951732" y="726948"/>
                  </a:lnTo>
                  <a:lnTo>
                    <a:pt x="3951732" y="717804"/>
                  </a:lnTo>
                  <a:close/>
                </a:path>
                <a:path w="8923020" h="2164079">
                  <a:moveTo>
                    <a:pt x="4375404" y="2154936"/>
                  </a:moveTo>
                  <a:lnTo>
                    <a:pt x="4120896" y="2154936"/>
                  </a:lnTo>
                  <a:lnTo>
                    <a:pt x="4120896" y="2164080"/>
                  </a:lnTo>
                  <a:lnTo>
                    <a:pt x="4375404" y="2164080"/>
                  </a:lnTo>
                  <a:lnTo>
                    <a:pt x="4375404" y="2154936"/>
                  </a:lnTo>
                  <a:close/>
                </a:path>
                <a:path w="8923020" h="2164079">
                  <a:moveTo>
                    <a:pt x="4375404" y="1437132"/>
                  </a:moveTo>
                  <a:lnTo>
                    <a:pt x="4120896" y="1437132"/>
                  </a:lnTo>
                  <a:lnTo>
                    <a:pt x="4120896" y="1446276"/>
                  </a:lnTo>
                  <a:lnTo>
                    <a:pt x="4375404" y="1446276"/>
                  </a:lnTo>
                  <a:lnTo>
                    <a:pt x="4375404" y="1437132"/>
                  </a:lnTo>
                  <a:close/>
                </a:path>
                <a:path w="8923020" h="2164079">
                  <a:moveTo>
                    <a:pt x="4375404" y="717804"/>
                  </a:moveTo>
                  <a:lnTo>
                    <a:pt x="4120896" y="717804"/>
                  </a:lnTo>
                  <a:lnTo>
                    <a:pt x="4120896" y="726948"/>
                  </a:lnTo>
                  <a:lnTo>
                    <a:pt x="4375404" y="726948"/>
                  </a:lnTo>
                  <a:lnTo>
                    <a:pt x="4375404" y="717804"/>
                  </a:lnTo>
                  <a:close/>
                </a:path>
                <a:path w="8923020" h="2164079">
                  <a:moveTo>
                    <a:pt x="4375404" y="0"/>
                  </a:moveTo>
                  <a:lnTo>
                    <a:pt x="4120896" y="0"/>
                  </a:lnTo>
                  <a:lnTo>
                    <a:pt x="4120896" y="9144"/>
                  </a:lnTo>
                  <a:lnTo>
                    <a:pt x="4375404" y="9144"/>
                  </a:lnTo>
                  <a:lnTo>
                    <a:pt x="4375404" y="0"/>
                  </a:lnTo>
                  <a:close/>
                </a:path>
                <a:path w="8923020" h="2164079">
                  <a:moveTo>
                    <a:pt x="4800600" y="1437132"/>
                  </a:moveTo>
                  <a:lnTo>
                    <a:pt x="4546092" y="1437132"/>
                  </a:lnTo>
                  <a:lnTo>
                    <a:pt x="4546092" y="1446276"/>
                  </a:lnTo>
                  <a:lnTo>
                    <a:pt x="4800600" y="1446276"/>
                  </a:lnTo>
                  <a:lnTo>
                    <a:pt x="4800600" y="1437132"/>
                  </a:lnTo>
                  <a:close/>
                </a:path>
                <a:path w="8923020" h="2164079">
                  <a:moveTo>
                    <a:pt x="4800600" y="717804"/>
                  </a:moveTo>
                  <a:lnTo>
                    <a:pt x="4546092" y="717804"/>
                  </a:lnTo>
                  <a:lnTo>
                    <a:pt x="4546092" y="726948"/>
                  </a:lnTo>
                  <a:lnTo>
                    <a:pt x="4800600" y="726948"/>
                  </a:lnTo>
                  <a:lnTo>
                    <a:pt x="4800600" y="717804"/>
                  </a:lnTo>
                  <a:close/>
                </a:path>
                <a:path w="8923020" h="2164079">
                  <a:moveTo>
                    <a:pt x="4800600" y="0"/>
                  </a:moveTo>
                  <a:lnTo>
                    <a:pt x="4546092" y="0"/>
                  </a:lnTo>
                  <a:lnTo>
                    <a:pt x="4546092" y="9144"/>
                  </a:lnTo>
                  <a:lnTo>
                    <a:pt x="4800600" y="9144"/>
                  </a:lnTo>
                  <a:lnTo>
                    <a:pt x="4800600" y="0"/>
                  </a:lnTo>
                  <a:close/>
                </a:path>
                <a:path w="8923020" h="2164079">
                  <a:moveTo>
                    <a:pt x="5225796" y="2154936"/>
                  </a:moveTo>
                  <a:lnTo>
                    <a:pt x="4971288" y="2154936"/>
                  </a:lnTo>
                  <a:lnTo>
                    <a:pt x="4971288" y="2164080"/>
                  </a:lnTo>
                  <a:lnTo>
                    <a:pt x="5225796" y="2164080"/>
                  </a:lnTo>
                  <a:lnTo>
                    <a:pt x="5225796" y="2154936"/>
                  </a:lnTo>
                  <a:close/>
                </a:path>
                <a:path w="8923020" h="2164079">
                  <a:moveTo>
                    <a:pt x="5225796" y="1437132"/>
                  </a:moveTo>
                  <a:lnTo>
                    <a:pt x="4971288" y="1437132"/>
                  </a:lnTo>
                  <a:lnTo>
                    <a:pt x="4971288" y="1446276"/>
                  </a:lnTo>
                  <a:lnTo>
                    <a:pt x="5225796" y="1446276"/>
                  </a:lnTo>
                  <a:lnTo>
                    <a:pt x="5225796" y="1437132"/>
                  </a:lnTo>
                  <a:close/>
                </a:path>
                <a:path w="8923020" h="2164079">
                  <a:moveTo>
                    <a:pt x="5225796" y="717804"/>
                  </a:moveTo>
                  <a:lnTo>
                    <a:pt x="4971288" y="717804"/>
                  </a:lnTo>
                  <a:lnTo>
                    <a:pt x="4971288" y="726948"/>
                  </a:lnTo>
                  <a:lnTo>
                    <a:pt x="5225796" y="726948"/>
                  </a:lnTo>
                  <a:lnTo>
                    <a:pt x="5225796" y="717804"/>
                  </a:lnTo>
                  <a:close/>
                </a:path>
                <a:path w="8923020" h="2164079">
                  <a:moveTo>
                    <a:pt x="5650992" y="2154936"/>
                  </a:moveTo>
                  <a:lnTo>
                    <a:pt x="5396484" y="2154936"/>
                  </a:lnTo>
                  <a:lnTo>
                    <a:pt x="5396484" y="2164080"/>
                  </a:lnTo>
                  <a:lnTo>
                    <a:pt x="5650992" y="2164080"/>
                  </a:lnTo>
                  <a:lnTo>
                    <a:pt x="5650992" y="2154936"/>
                  </a:lnTo>
                  <a:close/>
                </a:path>
                <a:path w="8923020" h="2164079">
                  <a:moveTo>
                    <a:pt x="5650992" y="1437132"/>
                  </a:moveTo>
                  <a:lnTo>
                    <a:pt x="5396484" y="1437132"/>
                  </a:lnTo>
                  <a:lnTo>
                    <a:pt x="5396484" y="1446276"/>
                  </a:lnTo>
                  <a:lnTo>
                    <a:pt x="5650992" y="1446276"/>
                  </a:lnTo>
                  <a:lnTo>
                    <a:pt x="5650992" y="1437132"/>
                  </a:lnTo>
                  <a:close/>
                </a:path>
                <a:path w="8923020" h="2164079">
                  <a:moveTo>
                    <a:pt x="5650992" y="717804"/>
                  </a:moveTo>
                  <a:lnTo>
                    <a:pt x="5396484" y="717804"/>
                  </a:lnTo>
                  <a:lnTo>
                    <a:pt x="5396484" y="726948"/>
                  </a:lnTo>
                  <a:lnTo>
                    <a:pt x="5650992" y="726948"/>
                  </a:lnTo>
                  <a:lnTo>
                    <a:pt x="5650992" y="717804"/>
                  </a:lnTo>
                  <a:close/>
                </a:path>
                <a:path w="8923020" h="2164079">
                  <a:moveTo>
                    <a:pt x="6076188" y="2154936"/>
                  </a:moveTo>
                  <a:lnTo>
                    <a:pt x="5821680" y="2154936"/>
                  </a:lnTo>
                  <a:lnTo>
                    <a:pt x="5821680" y="2164080"/>
                  </a:lnTo>
                  <a:lnTo>
                    <a:pt x="6076188" y="2164080"/>
                  </a:lnTo>
                  <a:lnTo>
                    <a:pt x="6076188" y="2154936"/>
                  </a:lnTo>
                  <a:close/>
                </a:path>
                <a:path w="8923020" h="2164079">
                  <a:moveTo>
                    <a:pt x="6076188" y="1437132"/>
                  </a:moveTo>
                  <a:lnTo>
                    <a:pt x="5821680" y="1437132"/>
                  </a:lnTo>
                  <a:lnTo>
                    <a:pt x="5821680" y="1446276"/>
                  </a:lnTo>
                  <a:lnTo>
                    <a:pt x="6076188" y="1446276"/>
                  </a:lnTo>
                  <a:lnTo>
                    <a:pt x="6076188" y="1437132"/>
                  </a:lnTo>
                  <a:close/>
                </a:path>
                <a:path w="8923020" h="2164079">
                  <a:moveTo>
                    <a:pt x="6076188" y="717804"/>
                  </a:moveTo>
                  <a:lnTo>
                    <a:pt x="5821680" y="717804"/>
                  </a:lnTo>
                  <a:lnTo>
                    <a:pt x="5821680" y="726948"/>
                  </a:lnTo>
                  <a:lnTo>
                    <a:pt x="6076188" y="726948"/>
                  </a:lnTo>
                  <a:lnTo>
                    <a:pt x="6076188" y="717804"/>
                  </a:lnTo>
                  <a:close/>
                </a:path>
                <a:path w="8923020" h="2164079">
                  <a:moveTo>
                    <a:pt x="6076188" y="0"/>
                  </a:moveTo>
                  <a:lnTo>
                    <a:pt x="5821680" y="0"/>
                  </a:lnTo>
                  <a:lnTo>
                    <a:pt x="5821680" y="9144"/>
                  </a:lnTo>
                  <a:lnTo>
                    <a:pt x="6076188" y="9144"/>
                  </a:lnTo>
                  <a:lnTo>
                    <a:pt x="6076188" y="0"/>
                  </a:lnTo>
                  <a:close/>
                </a:path>
                <a:path w="8923020" h="2164079">
                  <a:moveTo>
                    <a:pt x="6501384" y="2154936"/>
                  </a:moveTo>
                  <a:lnTo>
                    <a:pt x="6245352" y="2154936"/>
                  </a:lnTo>
                  <a:lnTo>
                    <a:pt x="6245352" y="2164080"/>
                  </a:lnTo>
                  <a:lnTo>
                    <a:pt x="6501384" y="2164080"/>
                  </a:lnTo>
                  <a:lnTo>
                    <a:pt x="6501384" y="2154936"/>
                  </a:lnTo>
                  <a:close/>
                </a:path>
                <a:path w="8923020" h="2164079">
                  <a:moveTo>
                    <a:pt x="6501384" y="1437132"/>
                  </a:moveTo>
                  <a:lnTo>
                    <a:pt x="6245352" y="1437132"/>
                  </a:lnTo>
                  <a:lnTo>
                    <a:pt x="6245352" y="1446276"/>
                  </a:lnTo>
                  <a:lnTo>
                    <a:pt x="6501384" y="1446276"/>
                  </a:lnTo>
                  <a:lnTo>
                    <a:pt x="6501384" y="1437132"/>
                  </a:lnTo>
                  <a:close/>
                </a:path>
                <a:path w="8923020" h="2164079">
                  <a:moveTo>
                    <a:pt x="6501384" y="717804"/>
                  </a:moveTo>
                  <a:lnTo>
                    <a:pt x="6245352" y="717804"/>
                  </a:lnTo>
                  <a:lnTo>
                    <a:pt x="6245352" y="726948"/>
                  </a:lnTo>
                  <a:lnTo>
                    <a:pt x="6501384" y="726948"/>
                  </a:lnTo>
                  <a:lnTo>
                    <a:pt x="6501384" y="717804"/>
                  </a:lnTo>
                  <a:close/>
                </a:path>
                <a:path w="8923020" h="2164079">
                  <a:moveTo>
                    <a:pt x="6925056" y="2154936"/>
                  </a:moveTo>
                  <a:lnTo>
                    <a:pt x="6670548" y="2154936"/>
                  </a:lnTo>
                  <a:lnTo>
                    <a:pt x="6670548" y="2164080"/>
                  </a:lnTo>
                  <a:lnTo>
                    <a:pt x="6925056" y="2164080"/>
                  </a:lnTo>
                  <a:lnTo>
                    <a:pt x="6925056" y="2154936"/>
                  </a:lnTo>
                  <a:close/>
                </a:path>
                <a:path w="8923020" h="2164079">
                  <a:moveTo>
                    <a:pt x="6925056" y="1437132"/>
                  </a:moveTo>
                  <a:lnTo>
                    <a:pt x="6670548" y="1437132"/>
                  </a:lnTo>
                  <a:lnTo>
                    <a:pt x="6670548" y="1446276"/>
                  </a:lnTo>
                  <a:lnTo>
                    <a:pt x="6925056" y="1446276"/>
                  </a:lnTo>
                  <a:lnTo>
                    <a:pt x="6925056" y="1437132"/>
                  </a:lnTo>
                  <a:close/>
                </a:path>
                <a:path w="8923020" h="2164079">
                  <a:moveTo>
                    <a:pt x="6925056" y="717804"/>
                  </a:moveTo>
                  <a:lnTo>
                    <a:pt x="6670548" y="717804"/>
                  </a:lnTo>
                  <a:lnTo>
                    <a:pt x="6670548" y="726948"/>
                  </a:lnTo>
                  <a:lnTo>
                    <a:pt x="6925056" y="726948"/>
                  </a:lnTo>
                  <a:lnTo>
                    <a:pt x="6925056" y="717804"/>
                  </a:lnTo>
                  <a:close/>
                </a:path>
                <a:path w="8923020" h="2164079">
                  <a:moveTo>
                    <a:pt x="6925056" y="0"/>
                  </a:moveTo>
                  <a:lnTo>
                    <a:pt x="6670548" y="0"/>
                  </a:lnTo>
                  <a:lnTo>
                    <a:pt x="6670548" y="9144"/>
                  </a:lnTo>
                  <a:lnTo>
                    <a:pt x="6925056" y="9144"/>
                  </a:lnTo>
                  <a:lnTo>
                    <a:pt x="6925056" y="0"/>
                  </a:lnTo>
                  <a:close/>
                </a:path>
                <a:path w="8923020" h="2164079">
                  <a:moveTo>
                    <a:pt x="7350252" y="1437132"/>
                  </a:moveTo>
                  <a:lnTo>
                    <a:pt x="7095744" y="1437132"/>
                  </a:lnTo>
                  <a:lnTo>
                    <a:pt x="7095744" y="1446276"/>
                  </a:lnTo>
                  <a:lnTo>
                    <a:pt x="7350252" y="1446276"/>
                  </a:lnTo>
                  <a:lnTo>
                    <a:pt x="7350252" y="1437132"/>
                  </a:lnTo>
                  <a:close/>
                </a:path>
                <a:path w="8923020" h="2164079">
                  <a:moveTo>
                    <a:pt x="7350252" y="717804"/>
                  </a:moveTo>
                  <a:lnTo>
                    <a:pt x="7095744" y="717804"/>
                  </a:lnTo>
                  <a:lnTo>
                    <a:pt x="7095744" y="726948"/>
                  </a:lnTo>
                  <a:lnTo>
                    <a:pt x="7350252" y="726948"/>
                  </a:lnTo>
                  <a:lnTo>
                    <a:pt x="7350252" y="717804"/>
                  </a:lnTo>
                  <a:close/>
                </a:path>
                <a:path w="8923020" h="2164079">
                  <a:moveTo>
                    <a:pt x="7775448" y="2154936"/>
                  </a:moveTo>
                  <a:lnTo>
                    <a:pt x="7520940" y="2154936"/>
                  </a:lnTo>
                  <a:lnTo>
                    <a:pt x="7520940" y="2164080"/>
                  </a:lnTo>
                  <a:lnTo>
                    <a:pt x="7775448" y="2164080"/>
                  </a:lnTo>
                  <a:lnTo>
                    <a:pt x="7775448" y="2154936"/>
                  </a:lnTo>
                  <a:close/>
                </a:path>
                <a:path w="8923020" h="2164079">
                  <a:moveTo>
                    <a:pt x="7775448" y="1437132"/>
                  </a:moveTo>
                  <a:lnTo>
                    <a:pt x="7520940" y="1437132"/>
                  </a:lnTo>
                  <a:lnTo>
                    <a:pt x="7520940" y="1446276"/>
                  </a:lnTo>
                  <a:lnTo>
                    <a:pt x="7775448" y="1446276"/>
                  </a:lnTo>
                  <a:lnTo>
                    <a:pt x="7775448" y="1437132"/>
                  </a:lnTo>
                  <a:close/>
                </a:path>
                <a:path w="8923020" h="2164079">
                  <a:moveTo>
                    <a:pt x="7775448" y="717804"/>
                  </a:moveTo>
                  <a:lnTo>
                    <a:pt x="7520940" y="717804"/>
                  </a:lnTo>
                  <a:lnTo>
                    <a:pt x="7520940" y="726948"/>
                  </a:lnTo>
                  <a:lnTo>
                    <a:pt x="7775448" y="726948"/>
                  </a:lnTo>
                  <a:lnTo>
                    <a:pt x="7775448" y="717804"/>
                  </a:lnTo>
                  <a:close/>
                </a:path>
                <a:path w="8923020" h="2164079">
                  <a:moveTo>
                    <a:pt x="7775448" y="0"/>
                  </a:moveTo>
                  <a:lnTo>
                    <a:pt x="7520940" y="0"/>
                  </a:lnTo>
                  <a:lnTo>
                    <a:pt x="7520940" y="9144"/>
                  </a:lnTo>
                  <a:lnTo>
                    <a:pt x="7775448" y="9144"/>
                  </a:lnTo>
                  <a:lnTo>
                    <a:pt x="7775448" y="0"/>
                  </a:lnTo>
                  <a:close/>
                </a:path>
                <a:path w="8923020" h="2164079">
                  <a:moveTo>
                    <a:pt x="8200644" y="2154936"/>
                  </a:moveTo>
                  <a:lnTo>
                    <a:pt x="7946136" y="2154936"/>
                  </a:lnTo>
                  <a:lnTo>
                    <a:pt x="7946136" y="2164080"/>
                  </a:lnTo>
                  <a:lnTo>
                    <a:pt x="8200644" y="2164080"/>
                  </a:lnTo>
                  <a:lnTo>
                    <a:pt x="8200644" y="2154936"/>
                  </a:lnTo>
                  <a:close/>
                </a:path>
                <a:path w="8923020" h="2164079">
                  <a:moveTo>
                    <a:pt x="8200644" y="1437132"/>
                  </a:moveTo>
                  <a:lnTo>
                    <a:pt x="7946136" y="1437132"/>
                  </a:lnTo>
                  <a:lnTo>
                    <a:pt x="7946136" y="1446276"/>
                  </a:lnTo>
                  <a:lnTo>
                    <a:pt x="8200644" y="1446276"/>
                  </a:lnTo>
                  <a:lnTo>
                    <a:pt x="8200644" y="1437132"/>
                  </a:lnTo>
                  <a:close/>
                </a:path>
                <a:path w="8923020" h="2164079">
                  <a:moveTo>
                    <a:pt x="8200644" y="717804"/>
                  </a:moveTo>
                  <a:lnTo>
                    <a:pt x="7946136" y="717804"/>
                  </a:lnTo>
                  <a:lnTo>
                    <a:pt x="7946136" y="726948"/>
                  </a:lnTo>
                  <a:lnTo>
                    <a:pt x="8200644" y="726948"/>
                  </a:lnTo>
                  <a:lnTo>
                    <a:pt x="8200644" y="717804"/>
                  </a:lnTo>
                  <a:close/>
                </a:path>
                <a:path w="8923020" h="2164079">
                  <a:moveTo>
                    <a:pt x="8200644" y="0"/>
                  </a:moveTo>
                  <a:lnTo>
                    <a:pt x="7946136" y="0"/>
                  </a:lnTo>
                  <a:lnTo>
                    <a:pt x="7946136" y="9144"/>
                  </a:lnTo>
                  <a:lnTo>
                    <a:pt x="8200644" y="9144"/>
                  </a:lnTo>
                  <a:lnTo>
                    <a:pt x="8200644" y="0"/>
                  </a:lnTo>
                  <a:close/>
                </a:path>
                <a:path w="8923020" h="2164079">
                  <a:moveTo>
                    <a:pt x="8625840" y="2154936"/>
                  </a:moveTo>
                  <a:lnTo>
                    <a:pt x="8371332" y="2154936"/>
                  </a:lnTo>
                  <a:lnTo>
                    <a:pt x="8371332" y="2164080"/>
                  </a:lnTo>
                  <a:lnTo>
                    <a:pt x="8625840" y="2164080"/>
                  </a:lnTo>
                  <a:lnTo>
                    <a:pt x="8625840" y="2154936"/>
                  </a:lnTo>
                  <a:close/>
                </a:path>
                <a:path w="8923020" h="2164079">
                  <a:moveTo>
                    <a:pt x="8625840" y="1437132"/>
                  </a:moveTo>
                  <a:lnTo>
                    <a:pt x="8371332" y="1437132"/>
                  </a:lnTo>
                  <a:lnTo>
                    <a:pt x="8371332" y="1446276"/>
                  </a:lnTo>
                  <a:lnTo>
                    <a:pt x="8625840" y="1446276"/>
                  </a:lnTo>
                  <a:lnTo>
                    <a:pt x="8625840" y="1437132"/>
                  </a:lnTo>
                  <a:close/>
                </a:path>
                <a:path w="8923020" h="2164079">
                  <a:moveTo>
                    <a:pt x="8625840" y="717804"/>
                  </a:moveTo>
                  <a:lnTo>
                    <a:pt x="8371332" y="717804"/>
                  </a:lnTo>
                  <a:lnTo>
                    <a:pt x="8371332" y="726948"/>
                  </a:lnTo>
                  <a:lnTo>
                    <a:pt x="8625840" y="726948"/>
                  </a:lnTo>
                  <a:lnTo>
                    <a:pt x="8625840" y="717804"/>
                  </a:lnTo>
                  <a:close/>
                </a:path>
                <a:path w="8923020" h="2164079">
                  <a:moveTo>
                    <a:pt x="8923020" y="1437132"/>
                  </a:moveTo>
                  <a:lnTo>
                    <a:pt x="8795004" y="1437132"/>
                  </a:lnTo>
                  <a:lnTo>
                    <a:pt x="8795004" y="1446276"/>
                  </a:lnTo>
                  <a:lnTo>
                    <a:pt x="8923020" y="1446276"/>
                  </a:lnTo>
                  <a:lnTo>
                    <a:pt x="8923020" y="1437132"/>
                  </a:lnTo>
                  <a:close/>
                </a:path>
                <a:path w="8923020" h="2164079">
                  <a:moveTo>
                    <a:pt x="8923020" y="717804"/>
                  </a:moveTo>
                  <a:lnTo>
                    <a:pt x="8795004" y="717804"/>
                  </a:lnTo>
                  <a:lnTo>
                    <a:pt x="8795004" y="726948"/>
                  </a:lnTo>
                  <a:lnTo>
                    <a:pt x="8923020" y="726948"/>
                  </a:lnTo>
                  <a:lnTo>
                    <a:pt x="8923020" y="717804"/>
                  </a:lnTo>
                  <a:close/>
                </a:path>
                <a:path w="8923020" h="2164079">
                  <a:moveTo>
                    <a:pt x="8923020" y="0"/>
                  </a:moveTo>
                  <a:lnTo>
                    <a:pt x="8795004" y="0"/>
                  </a:lnTo>
                  <a:lnTo>
                    <a:pt x="8795004" y="9144"/>
                  </a:lnTo>
                  <a:lnTo>
                    <a:pt x="8923020" y="9144"/>
                  </a:lnTo>
                  <a:lnTo>
                    <a:pt x="8923020" y="0"/>
                  </a:lnTo>
                  <a:close/>
                </a:path>
              </a:pathLst>
            </a:custGeom>
            <a:solidFill>
              <a:srgbClr val="D8D8D8"/>
            </a:solidFill>
          </p:spPr>
          <p:txBody>
            <a:bodyPr wrap="square" lIns="0" tIns="0" rIns="0" bIns="0" rtlCol="0"/>
            <a:lstStyle/>
            <a:p>
              <a:endParaRPr sz="1539"/>
            </a:p>
          </p:txBody>
        </p:sp>
        <p:sp>
          <p:nvSpPr>
            <p:cNvPr id="172" name="object 172"/>
            <p:cNvSpPr/>
            <p:nvPr/>
          </p:nvSpPr>
          <p:spPr>
            <a:xfrm>
              <a:off x="1085088" y="1164335"/>
              <a:ext cx="8923020" cy="2164080"/>
            </a:xfrm>
            <a:custGeom>
              <a:avLst/>
              <a:gdLst/>
              <a:ahLst/>
              <a:cxnLst/>
              <a:rect l="l" t="t" r="r" b="b"/>
              <a:pathLst>
                <a:path w="8923020" h="2164079">
                  <a:moveTo>
                    <a:pt x="126492" y="2154936"/>
                  </a:moveTo>
                  <a:lnTo>
                    <a:pt x="0" y="2154936"/>
                  </a:lnTo>
                  <a:lnTo>
                    <a:pt x="0" y="2164080"/>
                  </a:lnTo>
                  <a:lnTo>
                    <a:pt x="126492" y="2164080"/>
                  </a:lnTo>
                  <a:lnTo>
                    <a:pt x="126492" y="2154936"/>
                  </a:lnTo>
                  <a:close/>
                </a:path>
                <a:path w="8923020" h="2164079">
                  <a:moveTo>
                    <a:pt x="551688" y="2154936"/>
                  </a:moveTo>
                  <a:lnTo>
                    <a:pt x="297180" y="2154936"/>
                  </a:lnTo>
                  <a:lnTo>
                    <a:pt x="297180" y="2164080"/>
                  </a:lnTo>
                  <a:lnTo>
                    <a:pt x="551688" y="2164080"/>
                  </a:lnTo>
                  <a:lnTo>
                    <a:pt x="551688" y="2154936"/>
                  </a:lnTo>
                  <a:close/>
                </a:path>
                <a:path w="8923020" h="2164079">
                  <a:moveTo>
                    <a:pt x="551688" y="1437132"/>
                  </a:moveTo>
                  <a:lnTo>
                    <a:pt x="0" y="1437132"/>
                  </a:lnTo>
                  <a:lnTo>
                    <a:pt x="0" y="1446276"/>
                  </a:lnTo>
                  <a:lnTo>
                    <a:pt x="551688" y="1446276"/>
                  </a:lnTo>
                  <a:lnTo>
                    <a:pt x="551688" y="1437132"/>
                  </a:lnTo>
                  <a:close/>
                </a:path>
                <a:path w="8923020" h="2164079">
                  <a:moveTo>
                    <a:pt x="976884" y="1437132"/>
                  </a:moveTo>
                  <a:lnTo>
                    <a:pt x="722376" y="1437132"/>
                  </a:lnTo>
                  <a:lnTo>
                    <a:pt x="722376" y="1446276"/>
                  </a:lnTo>
                  <a:lnTo>
                    <a:pt x="976884" y="1446276"/>
                  </a:lnTo>
                  <a:lnTo>
                    <a:pt x="976884" y="1437132"/>
                  </a:lnTo>
                  <a:close/>
                </a:path>
                <a:path w="8923020" h="2164079">
                  <a:moveTo>
                    <a:pt x="1402080" y="2154936"/>
                  </a:moveTo>
                  <a:lnTo>
                    <a:pt x="1146048" y="2154936"/>
                  </a:lnTo>
                  <a:lnTo>
                    <a:pt x="1146048" y="2164080"/>
                  </a:lnTo>
                  <a:lnTo>
                    <a:pt x="1402080" y="2164080"/>
                  </a:lnTo>
                  <a:lnTo>
                    <a:pt x="1402080" y="2154936"/>
                  </a:lnTo>
                  <a:close/>
                </a:path>
                <a:path w="8923020" h="2164079">
                  <a:moveTo>
                    <a:pt x="1402080" y="1437132"/>
                  </a:moveTo>
                  <a:lnTo>
                    <a:pt x="1146048" y="1437132"/>
                  </a:lnTo>
                  <a:lnTo>
                    <a:pt x="1146048" y="1446276"/>
                  </a:lnTo>
                  <a:lnTo>
                    <a:pt x="1402080" y="1446276"/>
                  </a:lnTo>
                  <a:lnTo>
                    <a:pt x="1402080" y="1437132"/>
                  </a:lnTo>
                  <a:close/>
                </a:path>
                <a:path w="8923020" h="2164079">
                  <a:moveTo>
                    <a:pt x="1827276" y="1437132"/>
                  </a:moveTo>
                  <a:lnTo>
                    <a:pt x="1571244" y="1437132"/>
                  </a:lnTo>
                  <a:lnTo>
                    <a:pt x="1571244" y="1446276"/>
                  </a:lnTo>
                  <a:lnTo>
                    <a:pt x="1827276" y="1446276"/>
                  </a:lnTo>
                  <a:lnTo>
                    <a:pt x="1827276" y="1437132"/>
                  </a:lnTo>
                  <a:close/>
                </a:path>
                <a:path w="8923020" h="2164079">
                  <a:moveTo>
                    <a:pt x="1827276" y="719328"/>
                  </a:moveTo>
                  <a:lnTo>
                    <a:pt x="0" y="719328"/>
                  </a:lnTo>
                  <a:lnTo>
                    <a:pt x="0" y="728472"/>
                  </a:lnTo>
                  <a:lnTo>
                    <a:pt x="1827276" y="728472"/>
                  </a:lnTo>
                  <a:lnTo>
                    <a:pt x="1827276" y="719328"/>
                  </a:lnTo>
                  <a:close/>
                </a:path>
                <a:path w="8923020" h="2164079">
                  <a:moveTo>
                    <a:pt x="2250948" y="1437132"/>
                  </a:moveTo>
                  <a:lnTo>
                    <a:pt x="1996440" y="1437132"/>
                  </a:lnTo>
                  <a:lnTo>
                    <a:pt x="1996440" y="1446276"/>
                  </a:lnTo>
                  <a:lnTo>
                    <a:pt x="2250948" y="1446276"/>
                  </a:lnTo>
                  <a:lnTo>
                    <a:pt x="2250948" y="1437132"/>
                  </a:lnTo>
                  <a:close/>
                </a:path>
                <a:path w="8923020" h="2164079">
                  <a:moveTo>
                    <a:pt x="2250948" y="719328"/>
                  </a:moveTo>
                  <a:lnTo>
                    <a:pt x="1996440" y="719328"/>
                  </a:lnTo>
                  <a:lnTo>
                    <a:pt x="1996440" y="728472"/>
                  </a:lnTo>
                  <a:lnTo>
                    <a:pt x="2250948" y="728472"/>
                  </a:lnTo>
                  <a:lnTo>
                    <a:pt x="2250948" y="719328"/>
                  </a:lnTo>
                  <a:close/>
                </a:path>
                <a:path w="8923020" h="2164079">
                  <a:moveTo>
                    <a:pt x="2676144" y="1437132"/>
                  </a:moveTo>
                  <a:lnTo>
                    <a:pt x="2421636" y="1437132"/>
                  </a:lnTo>
                  <a:lnTo>
                    <a:pt x="2421636" y="1446276"/>
                  </a:lnTo>
                  <a:lnTo>
                    <a:pt x="2676144" y="1446276"/>
                  </a:lnTo>
                  <a:lnTo>
                    <a:pt x="2676144" y="1437132"/>
                  </a:lnTo>
                  <a:close/>
                </a:path>
                <a:path w="8923020" h="2164079">
                  <a:moveTo>
                    <a:pt x="2676144" y="719328"/>
                  </a:moveTo>
                  <a:lnTo>
                    <a:pt x="2421636" y="719328"/>
                  </a:lnTo>
                  <a:lnTo>
                    <a:pt x="2421636" y="728472"/>
                  </a:lnTo>
                  <a:lnTo>
                    <a:pt x="2676144" y="728472"/>
                  </a:lnTo>
                  <a:lnTo>
                    <a:pt x="2676144" y="719328"/>
                  </a:lnTo>
                  <a:close/>
                </a:path>
                <a:path w="8923020" h="2164079">
                  <a:moveTo>
                    <a:pt x="3101340" y="2154936"/>
                  </a:moveTo>
                  <a:lnTo>
                    <a:pt x="2846832" y="2154936"/>
                  </a:lnTo>
                  <a:lnTo>
                    <a:pt x="2846832" y="2164080"/>
                  </a:lnTo>
                  <a:lnTo>
                    <a:pt x="3101340" y="2164080"/>
                  </a:lnTo>
                  <a:lnTo>
                    <a:pt x="3101340" y="2154936"/>
                  </a:lnTo>
                  <a:close/>
                </a:path>
                <a:path w="8923020" h="2164079">
                  <a:moveTo>
                    <a:pt x="3101340" y="1437132"/>
                  </a:moveTo>
                  <a:lnTo>
                    <a:pt x="2846832" y="1437132"/>
                  </a:lnTo>
                  <a:lnTo>
                    <a:pt x="2846832" y="1446276"/>
                  </a:lnTo>
                  <a:lnTo>
                    <a:pt x="3101340" y="1446276"/>
                  </a:lnTo>
                  <a:lnTo>
                    <a:pt x="3101340" y="1437132"/>
                  </a:lnTo>
                  <a:close/>
                </a:path>
                <a:path w="8923020" h="2164079">
                  <a:moveTo>
                    <a:pt x="3101340" y="719328"/>
                  </a:moveTo>
                  <a:lnTo>
                    <a:pt x="2846832" y="719328"/>
                  </a:lnTo>
                  <a:lnTo>
                    <a:pt x="2846832" y="728472"/>
                  </a:lnTo>
                  <a:lnTo>
                    <a:pt x="3101340" y="728472"/>
                  </a:lnTo>
                  <a:lnTo>
                    <a:pt x="3101340" y="719328"/>
                  </a:lnTo>
                  <a:close/>
                </a:path>
                <a:path w="8923020" h="2164079">
                  <a:moveTo>
                    <a:pt x="3526536" y="2154936"/>
                  </a:moveTo>
                  <a:lnTo>
                    <a:pt x="3272028" y="2154936"/>
                  </a:lnTo>
                  <a:lnTo>
                    <a:pt x="3272028" y="2164080"/>
                  </a:lnTo>
                  <a:lnTo>
                    <a:pt x="3526536" y="2164080"/>
                  </a:lnTo>
                  <a:lnTo>
                    <a:pt x="3526536" y="2154936"/>
                  </a:lnTo>
                  <a:close/>
                </a:path>
                <a:path w="8923020" h="2164079">
                  <a:moveTo>
                    <a:pt x="3526536" y="1437132"/>
                  </a:moveTo>
                  <a:lnTo>
                    <a:pt x="3272028" y="1437132"/>
                  </a:lnTo>
                  <a:lnTo>
                    <a:pt x="3272028" y="1446276"/>
                  </a:lnTo>
                  <a:lnTo>
                    <a:pt x="3526536" y="1446276"/>
                  </a:lnTo>
                  <a:lnTo>
                    <a:pt x="3526536" y="1437132"/>
                  </a:lnTo>
                  <a:close/>
                </a:path>
                <a:path w="8923020" h="2164079">
                  <a:moveTo>
                    <a:pt x="3526536" y="719328"/>
                  </a:moveTo>
                  <a:lnTo>
                    <a:pt x="3272028" y="719328"/>
                  </a:lnTo>
                  <a:lnTo>
                    <a:pt x="3272028" y="728472"/>
                  </a:lnTo>
                  <a:lnTo>
                    <a:pt x="3526536" y="728472"/>
                  </a:lnTo>
                  <a:lnTo>
                    <a:pt x="3526536" y="719328"/>
                  </a:lnTo>
                  <a:close/>
                </a:path>
                <a:path w="8923020" h="2164079">
                  <a:moveTo>
                    <a:pt x="3951732" y="2154936"/>
                  </a:moveTo>
                  <a:lnTo>
                    <a:pt x="3695700" y="2154936"/>
                  </a:lnTo>
                  <a:lnTo>
                    <a:pt x="3695700" y="2164080"/>
                  </a:lnTo>
                  <a:lnTo>
                    <a:pt x="3951732" y="2164080"/>
                  </a:lnTo>
                  <a:lnTo>
                    <a:pt x="3951732" y="2154936"/>
                  </a:lnTo>
                  <a:close/>
                </a:path>
                <a:path w="8923020" h="2164079">
                  <a:moveTo>
                    <a:pt x="3951732" y="1437132"/>
                  </a:moveTo>
                  <a:lnTo>
                    <a:pt x="3695700" y="1437132"/>
                  </a:lnTo>
                  <a:lnTo>
                    <a:pt x="3695700" y="1446276"/>
                  </a:lnTo>
                  <a:lnTo>
                    <a:pt x="3951732" y="1446276"/>
                  </a:lnTo>
                  <a:lnTo>
                    <a:pt x="3951732" y="1437132"/>
                  </a:lnTo>
                  <a:close/>
                </a:path>
                <a:path w="8923020" h="2164079">
                  <a:moveTo>
                    <a:pt x="3951732" y="719328"/>
                  </a:moveTo>
                  <a:lnTo>
                    <a:pt x="3695700" y="719328"/>
                  </a:lnTo>
                  <a:lnTo>
                    <a:pt x="3695700" y="728472"/>
                  </a:lnTo>
                  <a:lnTo>
                    <a:pt x="3951732" y="728472"/>
                  </a:lnTo>
                  <a:lnTo>
                    <a:pt x="3951732" y="719328"/>
                  </a:lnTo>
                  <a:close/>
                </a:path>
                <a:path w="8923020" h="2164079">
                  <a:moveTo>
                    <a:pt x="4375404" y="1437132"/>
                  </a:moveTo>
                  <a:lnTo>
                    <a:pt x="4120896" y="1437132"/>
                  </a:lnTo>
                  <a:lnTo>
                    <a:pt x="4120896" y="1446276"/>
                  </a:lnTo>
                  <a:lnTo>
                    <a:pt x="4375404" y="1446276"/>
                  </a:lnTo>
                  <a:lnTo>
                    <a:pt x="4375404" y="1437132"/>
                  </a:lnTo>
                  <a:close/>
                </a:path>
                <a:path w="8923020" h="2164079">
                  <a:moveTo>
                    <a:pt x="4375404" y="719328"/>
                  </a:moveTo>
                  <a:lnTo>
                    <a:pt x="4120896" y="719328"/>
                  </a:lnTo>
                  <a:lnTo>
                    <a:pt x="4120896" y="728472"/>
                  </a:lnTo>
                  <a:lnTo>
                    <a:pt x="4375404" y="728472"/>
                  </a:lnTo>
                  <a:lnTo>
                    <a:pt x="4375404" y="719328"/>
                  </a:lnTo>
                  <a:close/>
                </a:path>
                <a:path w="8923020" h="2164079">
                  <a:moveTo>
                    <a:pt x="4800600" y="2154936"/>
                  </a:moveTo>
                  <a:lnTo>
                    <a:pt x="4546092" y="2154936"/>
                  </a:lnTo>
                  <a:lnTo>
                    <a:pt x="4546092" y="2164080"/>
                  </a:lnTo>
                  <a:lnTo>
                    <a:pt x="4800600" y="2164080"/>
                  </a:lnTo>
                  <a:lnTo>
                    <a:pt x="4800600" y="2154936"/>
                  </a:lnTo>
                  <a:close/>
                </a:path>
                <a:path w="8923020" h="2164079">
                  <a:moveTo>
                    <a:pt x="4800600" y="1437132"/>
                  </a:moveTo>
                  <a:lnTo>
                    <a:pt x="4546092" y="1437132"/>
                  </a:lnTo>
                  <a:lnTo>
                    <a:pt x="4546092" y="1446276"/>
                  </a:lnTo>
                  <a:lnTo>
                    <a:pt x="4800600" y="1446276"/>
                  </a:lnTo>
                  <a:lnTo>
                    <a:pt x="4800600" y="1437132"/>
                  </a:lnTo>
                  <a:close/>
                </a:path>
                <a:path w="8923020" h="2164079">
                  <a:moveTo>
                    <a:pt x="4800600" y="719328"/>
                  </a:moveTo>
                  <a:lnTo>
                    <a:pt x="4546092" y="719328"/>
                  </a:lnTo>
                  <a:lnTo>
                    <a:pt x="4546092" y="728472"/>
                  </a:lnTo>
                  <a:lnTo>
                    <a:pt x="4800600" y="728472"/>
                  </a:lnTo>
                  <a:lnTo>
                    <a:pt x="4800600" y="719328"/>
                  </a:lnTo>
                  <a:close/>
                </a:path>
                <a:path w="8923020" h="2164079">
                  <a:moveTo>
                    <a:pt x="5225796" y="2154936"/>
                  </a:moveTo>
                  <a:lnTo>
                    <a:pt x="4971288" y="2154936"/>
                  </a:lnTo>
                  <a:lnTo>
                    <a:pt x="4971288" y="2164080"/>
                  </a:lnTo>
                  <a:lnTo>
                    <a:pt x="5225796" y="2164080"/>
                  </a:lnTo>
                  <a:lnTo>
                    <a:pt x="5225796" y="2154936"/>
                  </a:lnTo>
                  <a:close/>
                </a:path>
                <a:path w="8923020" h="2164079">
                  <a:moveTo>
                    <a:pt x="5225796" y="1437132"/>
                  </a:moveTo>
                  <a:lnTo>
                    <a:pt x="4971288" y="1437132"/>
                  </a:lnTo>
                  <a:lnTo>
                    <a:pt x="4971288" y="1446276"/>
                  </a:lnTo>
                  <a:lnTo>
                    <a:pt x="5225796" y="1446276"/>
                  </a:lnTo>
                  <a:lnTo>
                    <a:pt x="5225796" y="1437132"/>
                  </a:lnTo>
                  <a:close/>
                </a:path>
                <a:path w="8923020" h="2164079">
                  <a:moveTo>
                    <a:pt x="5225796" y="719328"/>
                  </a:moveTo>
                  <a:lnTo>
                    <a:pt x="4971288" y="719328"/>
                  </a:lnTo>
                  <a:lnTo>
                    <a:pt x="4971288" y="728472"/>
                  </a:lnTo>
                  <a:lnTo>
                    <a:pt x="5225796" y="728472"/>
                  </a:lnTo>
                  <a:lnTo>
                    <a:pt x="5225796" y="719328"/>
                  </a:lnTo>
                  <a:close/>
                </a:path>
                <a:path w="8923020" h="2164079">
                  <a:moveTo>
                    <a:pt x="5650992" y="2154936"/>
                  </a:moveTo>
                  <a:lnTo>
                    <a:pt x="5396484" y="2154936"/>
                  </a:lnTo>
                  <a:lnTo>
                    <a:pt x="5396484" y="2164080"/>
                  </a:lnTo>
                  <a:lnTo>
                    <a:pt x="5650992" y="2164080"/>
                  </a:lnTo>
                  <a:lnTo>
                    <a:pt x="5650992" y="2154936"/>
                  </a:lnTo>
                  <a:close/>
                </a:path>
                <a:path w="8923020" h="2164079">
                  <a:moveTo>
                    <a:pt x="5650992" y="1437132"/>
                  </a:moveTo>
                  <a:lnTo>
                    <a:pt x="5396484" y="1437132"/>
                  </a:lnTo>
                  <a:lnTo>
                    <a:pt x="5396484" y="1446276"/>
                  </a:lnTo>
                  <a:lnTo>
                    <a:pt x="5650992" y="1446276"/>
                  </a:lnTo>
                  <a:lnTo>
                    <a:pt x="5650992" y="1437132"/>
                  </a:lnTo>
                  <a:close/>
                </a:path>
                <a:path w="8923020" h="2164079">
                  <a:moveTo>
                    <a:pt x="6076188" y="1437132"/>
                  </a:moveTo>
                  <a:lnTo>
                    <a:pt x="5821680" y="1437132"/>
                  </a:lnTo>
                  <a:lnTo>
                    <a:pt x="5821680" y="1446276"/>
                  </a:lnTo>
                  <a:lnTo>
                    <a:pt x="6076188" y="1446276"/>
                  </a:lnTo>
                  <a:lnTo>
                    <a:pt x="6076188" y="1437132"/>
                  </a:lnTo>
                  <a:close/>
                </a:path>
                <a:path w="8923020" h="2164079">
                  <a:moveTo>
                    <a:pt x="6501384" y="2154936"/>
                  </a:moveTo>
                  <a:lnTo>
                    <a:pt x="6245352" y="2154936"/>
                  </a:lnTo>
                  <a:lnTo>
                    <a:pt x="6245352" y="2164080"/>
                  </a:lnTo>
                  <a:lnTo>
                    <a:pt x="6501384" y="2164080"/>
                  </a:lnTo>
                  <a:lnTo>
                    <a:pt x="6501384" y="2154936"/>
                  </a:lnTo>
                  <a:close/>
                </a:path>
                <a:path w="8923020" h="2164079">
                  <a:moveTo>
                    <a:pt x="6501384" y="1437132"/>
                  </a:moveTo>
                  <a:lnTo>
                    <a:pt x="6245352" y="1437132"/>
                  </a:lnTo>
                  <a:lnTo>
                    <a:pt x="6245352" y="1446276"/>
                  </a:lnTo>
                  <a:lnTo>
                    <a:pt x="6501384" y="1446276"/>
                  </a:lnTo>
                  <a:lnTo>
                    <a:pt x="6501384" y="1437132"/>
                  </a:lnTo>
                  <a:close/>
                </a:path>
                <a:path w="8923020" h="2164079">
                  <a:moveTo>
                    <a:pt x="6925056" y="1437132"/>
                  </a:moveTo>
                  <a:lnTo>
                    <a:pt x="6670548" y="1437132"/>
                  </a:lnTo>
                  <a:lnTo>
                    <a:pt x="6670548" y="1446276"/>
                  </a:lnTo>
                  <a:lnTo>
                    <a:pt x="6925056" y="1446276"/>
                  </a:lnTo>
                  <a:lnTo>
                    <a:pt x="6925056" y="1437132"/>
                  </a:lnTo>
                  <a:close/>
                </a:path>
                <a:path w="8923020" h="2164079">
                  <a:moveTo>
                    <a:pt x="7350252" y="2154936"/>
                  </a:moveTo>
                  <a:lnTo>
                    <a:pt x="7095744" y="2154936"/>
                  </a:lnTo>
                  <a:lnTo>
                    <a:pt x="7095744" y="2164080"/>
                  </a:lnTo>
                  <a:lnTo>
                    <a:pt x="7350252" y="2164080"/>
                  </a:lnTo>
                  <a:lnTo>
                    <a:pt x="7350252" y="2154936"/>
                  </a:lnTo>
                  <a:close/>
                </a:path>
                <a:path w="8923020" h="2164079">
                  <a:moveTo>
                    <a:pt x="7350252" y="1437132"/>
                  </a:moveTo>
                  <a:lnTo>
                    <a:pt x="7095744" y="1437132"/>
                  </a:lnTo>
                  <a:lnTo>
                    <a:pt x="7095744" y="1446276"/>
                  </a:lnTo>
                  <a:lnTo>
                    <a:pt x="7350252" y="1446276"/>
                  </a:lnTo>
                  <a:lnTo>
                    <a:pt x="7350252" y="1437132"/>
                  </a:lnTo>
                  <a:close/>
                </a:path>
                <a:path w="8923020" h="2164079">
                  <a:moveTo>
                    <a:pt x="8625840" y="2154936"/>
                  </a:moveTo>
                  <a:lnTo>
                    <a:pt x="8371332" y="2154936"/>
                  </a:lnTo>
                  <a:lnTo>
                    <a:pt x="8371332" y="2164080"/>
                  </a:lnTo>
                  <a:lnTo>
                    <a:pt x="8625840" y="2164080"/>
                  </a:lnTo>
                  <a:lnTo>
                    <a:pt x="8625840" y="2154936"/>
                  </a:lnTo>
                  <a:close/>
                </a:path>
                <a:path w="8923020" h="2164079">
                  <a:moveTo>
                    <a:pt x="8923020" y="1437132"/>
                  </a:moveTo>
                  <a:lnTo>
                    <a:pt x="7520940" y="1437132"/>
                  </a:lnTo>
                  <a:lnTo>
                    <a:pt x="7520940" y="1446276"/>
                  </a:lnTo>
                  <a:lnTo>
                    <a:pt x="8923020" y="1446276"/>
                  </a:lnTo>
                  <a:lnTo>
                    <a:pt x="8923020" y="1437132"/>
                  </a:lnTo>
                  <a:close/>
                </a:path>
                <a:path w="8923020" h="2164079">
                  <a:moveTo>
                    <a:pt x="8923020" y="719328"/>
                  </a:moveTo>
                  <a:lnTo>
                    <a:pt x="5396484" y="719328"/>
                  </a:lnTo>
                  <a:lnTo>
                    <a:pt x="5396484" y="728472"/>
                  </a:lnTo>
                  <a:lnTo>
                    <a:pt x="8923020" y="728472"/>
                  </a:lnTo>
                  <a:lnTo>
                    <a:pt x="8923020" y="719328"/>
                  </a:lnTo>
                  <a:close/>
                </a:path>
                <a:path w="8923020" h="2164079">
                  <a:moveTo>
                    <a:pt x="8923020" y="0"/>
                  </a:moveTo>
                  <a:lnTo>
                    <a:pt x="0" y="0"/>
                  </a:lnTo>
                  <a:lnTo>
                    <a:pt x="0" y="9144"/>
                  </a:lnTo>
                  <a:lnTo>
                    <a:pt x="8923020" y="9144"/>
                  </a:lnTo>
                  <a:lnTo>
                    <a:pt x="8923020" y="0"/>
                  </a:lnTo>
                  <a:close/>
                </a:path>
              </a:pathLst>
            </a:custGeom>
            <a:solidFill>
              <a:srgbClr val="D8D8D8"/>
            </a:solidFill>
          </p:spPr>
          <p:txBody>
            <a:bodyPr wrap="square" lIns="0" tIns="0" rIns="0" bIns="0" rtlCol="0"/>
            <a:lstStyle/>
            <a:p>
              <a:endParaRPr sz="1539"/>
            </a:p>
          </p:txBody>
        </p:sp>
        <p:sp>
          <p:nvSpPr>
            <p:cNvPr id="173" name="object 173"/>
            <p:cNvSpPr/>
            <p:nvPr/>
          </p:nvSpPr>
          <p:spPr>
            <a:xfrm>
              <a:off x="1211580" y="5209031"/>
              <a:ext cx="8669020" cy="988060"/>
            </a:xfrm>
            <a:custGeom>
              <a:avLst/>
              <a:gdLst/>
              <a:ahLst/>
              <a:cxnLst/>
              <a:rect l="l" t="t" r="r" b="b"/>
              <a:pathLst>
                <a:path w="8669020" h="988060">
                  <a:moveTo>
                    <a:pt x="170688" y="635508"/>
                  </a:moveTo>
                  <a:lnTo>
                    <a:pt x="0" y="635508"/>
                  </a:lnTo>
                  <a:lnTo>
                    <a:pt x="0" y="987552"/>
                  </a:lnTo>
                  <a:lnTo>
                    <a:pt x="170688" y="987552"/>
                  </a:lnTo>
                  <a:lnTo>
                    <a:pt x="170688" y="635508"/>
                  </a:lnTo>
                  <a:close/>
                </a:path>
                <a:path w="8669020" h="988060">
                  <a:moveTo>
                    <a:pt x="170688" y="71628"/>
                  </a:moveTo>
                  <a:lnTo>
                    <a:pt x="0" y="71628"/>
                  </a:lnTo>
                  <a:lnTo>
                    <a:pt x="0" y="426720"/>
                  </a:lnTo>
                  <a:lnTo>
                    <a:pt x="170688" y="426720"/>
                  </a:lnTo>
                  <a:lnTo>
                    <a:pt x="170688" y="71628"/>
                  </a:lnTo>
                  <a:close/>
                </a:path>
                <a:path w="8669020" h="988060">
                  <a:moveTo>
                    <a:pt x="595884" y="641604"/>
                  </a:moveTo>
                  <a:lnTo>
                    <a:pt x="425196" y="641604"/>
                  </a:lnTo>
                  <a:lnTo>
                    <a:pt x="425196" y="987552"/>
                  </a:lnTo>
                  <a:lnTo>
                    <a:pt x="595884" y="987552"/>
                  </a:lnTo>
                  <a:lnTo>
                    <a:pt x="595884" y="641604"/>
                  </a:lnTo>
                  <a:close/>
                </a:path>
                <a:path w="8669020" h="988060">
                  <a:moveTo>
                    <a:pt x="595884" y="85344"/>
                  </a:moveTo>
                  <a:lnTo>
                    <a:pt x="425196" y="85344"/>
                  </a:lnTo>
                  <a:lnTo>
                    <a:pt x="425196" y="432816"/>
                  </a:lnTo>
                  <a:lnTo>
                    <a:pt x="595884" y="432816"/>
                  </a:lnTo>
                  <a:lnTo>
                    <a:pt x="595884" y="85344"/>
                  </a:lnTo>
                  <a:close/>
                </a:path>
                <a:path w="8669020" h="988060">
                  <a:moveTo>
                    <a:pt x="1019556" y="605028"/>
                  </a:moveTo>
                  <a:lnTo>
                    <a:pt x="850392" y="605028"/>
                  </a:lnTo>
                  <a:lnTo>
                    <a:pt x="850392" y="987552"/>
                  </a:lnTo>
                  <a:lnTo>
                    <a:pt x="1019556" y="987552"/>
                  </a:lnTo>
                  <a:lnTo>
                    <a:pt x="1019556" y="605028"/>
                  </a:lnTo>
                  <a:close/>
                </a:path>
                <a:path w="8669020" h="988060">
                  <a:moveTo>
                    <a:pt x="1019556" y="10668"/>
                  </a:moveTo>
                  <a:lnTo>
                    <a:pt x="850392" y="10668"/>
                  </a:lnTo>
                  <a:lnTo>
                    <a:pt x="850392" y="396240"/>
                  </a:lnTo>
                  <a:lnTo>
                    <a:pt x="1019556" y="396240"/>
                  </a:lnTo>
                  <a:lnTo>
                    <a:pt x="1019556" y="10668"/>
                  </a:lnTo>
                  <a:close/>
                </a:path>
                <a:path w="8669020" h="988060">
                  <a:moveTo>
                    <a:pt x="1444752" y="598932"/>
                  </a:moveTo>
                  <a:lnTo>
                    <a:pt x="1275588" y="598932"/>
                  </a:lnTo>
                  <a:lnTo>
                    <a:pt x="1275588" y="987552"/>
                  </a:lnTo>
                  <a:lnTo>
                    <a:pt x="1444752" y="987552"/>
                  </a:lnTo>
                  <a:lnTo>
                    <a:pt x="1444752" y="598932"/>
                  </a:lnTo>
                  <a:close/>
                </a:path>
                <a:path w="8669020" h="988060">
                  <a:moveTo>
                    <a:pt x="1444752" y="0"/>
                  </a:moveTo>
                  <a:lnTo>
                    <a:pt x="1275588" y="0"/>
                  </a:lnTo>
                  <a:lnTo>
                    <a:pt x="1275588" y="390144"/>
                  </a:lnTo>
                  <a:lnTo>
                    <a:pt x="1444752" y="390144"/>
                  </a:lnTo>
                  <a:lnTo>
                    <a:pt x="1444752" y="0"/>
                  </a:lnTo>
                  <a:close/>
                </a:path>
                <a:path w="8669020" h="988060">
                  <a:moveTo>
                    <a:pt x="1869948" y="626364"/>
                  </a:moveTo>
                  <a:lnTo>
                    <a:pt x="1700784" y="626364"/>
                  </a:lnTo>
                  <a:lnTo>
                    <a:pt x="1700784" y="987552"/>
                  </a:lnTo>
                  <a:lnTo>
                    <a:pt x="1869948" y="987552"/>
                  </a:lnTo>
                  <a:lnTo>
                    <a:pt x="1869948" y="626364"/>
                  </a:lnTo>
                  <a:close/>
                </a:path>
                <a:path w="8669020" h="988060">
                  <a:moveTo>
                    <a:pt x="1869948" y="53340"/>
                  </a:moveTo>
                  <a:lnTo>
                    <a:pt x="1700784" y="53340"/>
                  </a:lnTo>
                  <a:lnTo>
                    <a:pt x="1700784" y="417576"/>
                  </a:lnTo>
                  <a:lnTo>
                    <a:pt x="1869948" y="417576"/>
                  </a:lnTo>
                  <a:lnTo>
                    <a:pt x="1869948" y="53340"/>
                  </a:lnTo>
                  <a:close/>
                </a:path>
                <a:path w="8669020" h="988060">
                  <a:moveTo>
                    <a:pt x="2295144" y="688848"/>
                  </a:moveTo>
                  <a:lnTo>
                    <a:pt x="2124456" y="688848"/>
                  </a:lnTo>
                  <a:lnTo>
                    <a:pt x="2124456" y="987552"/>
                  </a:lnTo>
                  <a:lnTo>
                    <a:pt x="2295144" y="987552"/>
                  </a:lnTo>
                  <a:lnTo>
                    <a:pt x="2295144" y="688848"/>
                  </a:lnTo>
                  <a:close/>
                </a:path>
                <a:path w="8669020" h="988060">
                  <a:moveTo>
                    <a:pt x="2295144" y="179832"/>
                  </a:moveTo>
                  <a:lnTo>
                    <a:pt x="2124456" y="179832"/>
                  </a:lnTo>
                  <a:lnTo>
                    <a:pt x="2124456" y="481584"/>
                  </a:lnTo>
                  <a:lnTo>
                    <a:pt x="2295144" y="481584"/>
                  </a:lnTo>
                  <a:lnTo>
                    <a:pt x="2295144" y="179832"/>
                  </a:lnTo>
                  <a:close/>
                </a:path>
                <a:path w="8669020" h="988060">
                  <a:moveTo>
                    <a:pt x="2720340" y="734568"/>
                  </a:moveTo>
                  <a:lnTo>
                    <a:pt x="2549652" y="734568"/>
                  </a:lnTo>
                  <a:lnTo>
                    <a:pt x="2549652" y="987552"/>
                  </a:lnTo>
                  <a:lnTo>
                    <a:pt x="2720340" y="987552"/>
                  </a:lnTo>
                  <a:lnTo>
                    <a:pt x="2720340" y="734568"/>
                  </a:lnTo>
                  <a:close/>
                </a:path>
                <a:path w="8669020" h="988060">
                  <a:moveTo>
                    <a:pt x="2720340" y="269748"/>
                  </a:moveTo>
                  <a:lnTo>
                    <a:pt x="2549652" y="269748"/>
                  </a:lnTo>
                  <a:lnTo>
                    <a:pt x="2549652" y="525780"/>
                  </a:lnTo>
                  <a:lnTo>
                    <a:pt x="2720340" y="525780"/>
                  </a:lnTo>
                  <a:lnTo>
                    <a:pt x="2720340" y="269748"/>
                  </a:lnTo>
                  <a:close/>
                </a:path>
                <a:path w="8669020" h="988060">
                  <a:moveTo>
                    <a:pt x="3145536" y="762000"/>
                  </a:moveTo>
                  <a:lnTo>
                    <a:pt x="2974848" y="762000"/>
                  </a:lnTo>
                  <a:lnTo>
                    <a:pt x="2974848" y="987552"/>
                  </a:lnTo>
                  <a:lnTo>
                    <a:pt x="3145536" y="987552"/>
                  </a:lnTo>
                  <a:lnTo>
                    <a:pt x="3145536" y="762000"/>
                  </a:lnTo>
                  <a:close/>
                </a:path>
                <a:path w="8669020" h="988060">
                  <a:moveTo>
                    <a:pt x="3145536" y="324612"/>
                  </a:moveTo>
                  <a:lnTo>
                    <a:pt x="2974848" y="324612"/>
                  </a:lnTo>
                  <a:lnTo>
                    <a:pt x="2974848" y="553212"/>
                  </a:lnTo>
                  <a:lnTo>
                    <a:pt x="3145536" y="553212"/>
                  </a:lnTo>
                  <a:lnTo>
                    <a:pt x="3145536" y="324612"/>
                  </a:lnTo>
                  <a:close/>
                </a:path>
                <a:path w="8669020" h="988060">
                  <a:moveTo>
                    <a:pt x="3569208" y="778764"/>
                  </a:moveTo>
                  <a:lnTo>
                    <a:pt x="3400044" y="778764"/>
                  </a:lnTo>
                  <a:lnTo>
                    <a:pt x="3400044" y="987552"/>
                  </a:lnTo>
                  <a:lnTo>
                    <a:pt x="3569208" y="987552"/>
                  </a:lnTo>
                  <a:lnTo>
                    <a:pt x="3569208" y="778764"/>
                  </a:lnTo>
                  <a:close/>
                </a:path>
                <a:path w="8669020" h="988060">
                  <a:moveTo>
                    <a:pt x="3569208" y="359664"/>
                  </a:moveTo>
                  <a:lnTo>
                    <a:pt x="3400044" y="359664"/>
                  </a:lnTo>
                  <a:lnTo>
                    <a:pt x="3400044" y="569976"/>
                  </a:lnTo>
                  <a:lnTo>
                    <a:pt x="3569208" y="569976"/>
                  </a:lnTo>
                  <a:lnTo>
                    <a:pt x="3569208" y="359664"/>
                  </a:lnTo>
                  <a:close/>
                </a:path>
                <a:path w="8669020" h="988060">
                  <a:moveTo>
                    <a:pt x="3994404" y="790956"/>
                  </a:moveTo>
                  <a:lnTo>
                    <a:pt x="3825240" y="790956"/>
                  </a:lnTo>
                  <a:lnTo>
                    <a:pt x="3825240" y="987552"/>
                  </a:lnTo>
                  <a:lnTo>
                    <a:pt x="3994404" y="987552"/>
                  </a:lnTo>
                  <a:lnTo>
                    <a:pt x="3994404" y="790956"/>
                  </a:lnTo>
                  <a:close/>
                </a:path>
                <a:path w="8669020" h="988060">
                  <a:moveTo>
                    <a:pt x="3994404" y="385572"/>
                  </a:moveTo>
                  <a:lnTo>
                    <a:pt x="3825240" y="385572"/>
                  </a:lnTo>
                  <a:lnTo>
                    <a:pt x="3825240" y="583692"/>
                  </a:lnTo>
                  <a:lnTo>
                    <a:pt x="3994404" y="583692"/>
                  </a:lnTo>
                  <a:lnTo>
                    <a:pt x="3994404" y="385572"/>
                  </a:lnTo>
                  <a:close/>
                </a:path>
                <a:path w="8669020" h="988060">
                  <a:moveTo>
                    <a:pt x="4419600" y="807720"/>
                  </a:moveTo>
                  <a:lnTo>
                    <a:pt x="4248912" y="807720"/>
                  </a:lnTo>
                  <a:lnTo>
                    <a:pt x="4248912" y="987552"/>
                  </a:lnTo>
                  <a:lnTo>
                    <a:pt x="4419600" y="987552"/>
                  </a:lnTo>
                  <a:lnTo>
                    <a:pt x="4419600" y="807720"/>
                  </a:lnTo>
                  <a:close/>
                </a:path>
                <a:path w="8669020" h="988060">
                  <a:moveTo>
                    <a:pt x="4419600" y="419100"/>
                  </a:moveTo>
                  <a:lnTo>
                    <a:pt x="4248912" y="419100"/>
                  </a:lnTo>
                  <a:lnTo>
                    <a:pt x="4248912" y="600456"/>
                  </a:lnTo>
                  <a:lnTo>
                    <a:pt x="4419600" y="600456"/>
                  </a:lnTo>
                  <a:lnTo>
                    <a:pt x="4419600" y="419100"/>
                  </a:lnTo>
                  <a:close/>
                </a:path>
                <a:path w="8669020" h="988060">
                  <a:moveTo>
                    <a:pt x="4844796" y="822960"/>
                  </a:moveTo>
                  <a:lnTo>
                    <a:pt x="4674108" y="822960"/>
                  </a:lnTo>
                  <a:lnTo>
                    <a:pt x="4674108" y="987552"/>
                  </a:lnTo>
                  <a:lnTo>
                    <a:pt x="4844796" y="987552"/>
                  </a:lnTo>
                  <a:lnTo>
                    <a:pt x="4844796" y="822960"/>
                  </a:lnTo>
                  <a:close/>
                </a:path>
                <a:path w="8669020" h="988060">
                  <a:moveTo>
                    <a:pt x="4844796" y="446532"/>
                  </a:moveTo>
                  <a:lnTo>
                    <a:pt x="4674108" y="446532"/>
                  </a:lnTo>
                  <a:lnTo>
                    <a:pt x="4674108" y="614172"/>
                  </a:lnTo>
                  <a:lnTo>
                    <a:pt x="4844796" y="614172"/>
                  </a:lnTo>
                  <a:lnTo>
                    <a:pt x="4844796" y="446532"/>
                  </a:lnTo>
                  <a:close/>
                </a:path>
                <a:path w="8669020" h="988060">
                  <a:moveTo>
                    <a:pt x="5269992" y="839724"/>
                  </a:moveTo>
                  <a:lnTo>
                    <a:pt x="5099304" y="839724"/>
                  </a:lnTo>
                  <a:lnTo>
                    <a:pt x="5099304" y="987552"/>
                  </a:lnTo>
                  <a:lnTo>
                    <a:pt x="5269992" y="987552"/>
                  </a:lnTo>
                  <a:lnTo>
                    <a:pt x="5269992" y="839724"/>
                  </a:lnTo>
                  <a:close/>
                </a:path>
                <a:path w="8669020" h="988060">
                  <a:moveTo>
                    <a:pt x="5269992" y="483108"/>
                  </a:moveTo>
                  <a:lnTo>
                    <a:pt x="5099304" y="483108"/>
                  </a:lnTo>
                  <a:lnTo>
                    <a:pt x="5099304" y="632460"/>
                  </a:lnTo>
                  <a:lnTo>
                    <a:pt x="5269992" y="632460"/>
                  </a:lnTo>
                  <a:lnTo>
                    <a:pt x="5269992" y="483108"/>
                  </a:lnTo>
                  <a:close/>
                </a:path>
                <a:path w="8669020" h="988060">
                  <a:moveTo>
                    <a:pt x="5695188" y="856488"/>
                  </a:moveTo>
                  <a:lnTo>
                    <a:pt x="5524500" y="856488"/>
                  </a:lnTo>
                  <a:lnTo>
                    <a:pt x="5524500" y="987552"/>
                  </a:lnTo>
                  <a:lnTo>
                    <a:pt x="5695188" y="987552"/>
                  </a:lnTo>
                  <a:lnTo>
                    <a:pt x="5695188" y="856488"/>
                  </a:lnTo>
                  <a:close/>
                </a:path>
                <a:path w="8669020" h="988060">
                  <a:moveTo>
                    <a:pt x="5695188" y="513588"/>
                  </a:moveTo>
                  <a:lnTo>
                    <a:pt x="5524500" y="513588"/>
                  </a:lnTo>
                  <a:lnTo>
                    <a:pt x="5524500" y="647700"/>
                  </a:lnTo>
                  <a:lnTo>
                    <a:pt x="5695188" y="647700"/>
                  </a:lnTo>
                  <a:lnTo>
                    <a:pt x="5695188" y="513588"/>
                  </a:lnTo>
                  <a:close/>
                </a:path>
                <a:path w="8669020" h="988060">
                  <a:moveTo>
                    <a:pt x="6118860" y="870204"/>
                  </a:moveTo>
                  <a:lnTo>
                    <a:pt x="5949696" y="870204"/>
                  </a:lnTo>
                  <a:lnTo>
                    <a:pt x="5949696" y="987552"/>
                  </a:lnTo>
                  <a:lnTo>
                    <a:pt x="6118860" y="987552"/>
                  </a:lnTo>
                  <a:lnTo>
                    <a:pt x="6118860" y="870204"/>
                  </a:lnTo>
                  <a:close/>
                </a:path>
                <a:path w="8669020" h="988060">
                  <a:moveTo>
                    <a:pt x="6118860" y="541020"/>
                  </a:moveTo>
                  <a:lnTo>
                    <a:pt x="5949696" y="541020"/>
                  </a:lnTo>
                  <a:lnTo>
                    <a:pt x="5949696" y="661416"/>
                  </a:lnTo>
                  <a:lnTo>
                    <a:pt x="6118860" y="661416"/>
                  </a:lnTo>
                  <a:lnTo>
                    <a:pt x="6118860" y="541020"/>
                  </a:lnTo>
                  <a:close/>
                </a:path>
                <a:path w="8669020" h="988060">
                  <a:moveTo>
                    <a:pt x="6544056" y="879348"/>
                  </a:moveTo>
                  <a:lnTo>
                    <a:pt x="6374892" y="879348"/>
                  </a:lnTo>
                  <a:lnTo>
                    <a:pt x="6374892" y="987552"/>
                  </a:lnTo>
                  <a:lnTo>
                    <a:pt x="6544056" y="987552"/>
                  </a:lnTo>
                  <a:lnTo>
                    <a:pt x="6544056" y="879348"/>
                  </a:lnTo>
                  <a:close/>
                </a:path>
                <a:path w="8669020" h="988060">
                  <a:moveTo>
                    <a:pt x="6544056" y="559308"/>
                  </a:moveTo>
                  <a:lnTo>
                    <a:pt x="6374892" y="559308"/>
                  </a:lnTo>
                  <a:lnTo>
                    <a:pt x="6374892" y="670560"/>
                  </a:lnTo>
                  <a:lnTo>
                    <a:pt x="6544056" y="670560"/>
                  </a:lnTo>
                  <a:lnTo>
                    <a:pt x="6544056" y="559308"/>
                  </a:lnTo>
                  <a:close/>
                </a:path>
                <a:path w="8669020" h="988060">
                  <a:moveTo>
                    <a:pt x="6969252" y="888492"/>
                  </a:moveTo>
                  <a:lnTo>
                    <a:pt x="6798564" y="888492"/>
                  </a:lnTo>
                  <a:lnTo>
                    <a:pt x="6798564" y="987552"/>
                  </a:lnTo>
                  <a:lnTo>
                    <a:pt x="6969252" y="987552"/>
                  </a:lnTo>
                  <a:lnTo>
                    <a:pt x="6969252" y="888492"/>
                  </a:lnTo>
                  <a:close/>
                </a:path>
                <a:path w="8669020" h="988060">
                  <a:moveTo>
                    <a:pt x="6969252" y="579120"/>
                  </a:moveTo>
                  <a:lnTo>
                    <a:pt x="6798564" y="579120"/>
                  </a:lnTo>
                  <a:lnTo>
                    <a:pt x="6798564" y="679704"/>
                  </a:lnTo>
                  <a:lnTo>
                    <a:pt x="6969252" y="679704"/>
                  </a:lnTo>
                  <a:lnTo>
                    <a:pt x="6969252" y="579120"/>
                  </a:lnTo>
                  <a:close/>
                </a:path>
                <a:path w="8669020" h="988060">
                  <a:moveTo>
                    <a:pt x="7394448" y="899160"/>
                  </a:moveTo>
                  <a:lnTo>
                    <a:pt x="7223760" y="899160"/>
                  </a:lnTo>
                  <a:lnTo>
                    <a:pt x="7223760" y="987552"/>
                  </a:lnTo>
                  <a:lnTo>
                    <a:pt x="7394448" y="987552"/>
                  </a:lnTo>
                  <a:lnTo>
                    <a:pt x="7394448" y="899160"/>
                  </a:lnTo>
                  <a:close/>
                </a:path>
                <a:path w="8669020" h="988060">
                  <a:moveTo>
                    <a:pt x="7394448" y="601980"/>
                  </a:moveTo>
                  <a:lnTo>
                    <a:pt x="7223760" y="601980"/>
                  </a:lnTo>
                  <a:lnTo>
                    <a:pt x="7223760" y="691896"/>
                  </a:lnTo>
                  <a:lnTo>
                    <a:pt x="7394448" y="691896"/>
                  </a:lnTo>
                  <a:lnTo>
                    <a:pt x="7394448" y="601980"/>
                  </a:lnTo>
                  <a:close/>
                </a:path>
                <a:path w="8669020" h="988060">
                  <a:moveTo>
                    <a:pt x="7819644" y="911352"/>
                  </a:moveTo>
                  <a:lnTo>
                    <a:pt x="7648956" y="911352"/>
                  </a:lnTo>
                  <a:lnTo>
                    <a:pt x="7648956" y="987552"/>
                  </a:lnTo>
                  <a:lnTo>
                    <a:pt x="7819644" y="987552"/>
                  </a:lnTo>
                  <a:lnTo>
                    <a:pt x="7819644" y="911352"/>
                  </a:lnTo>
                  <a:close/>
                </a:path>
                <a:path w="8669020" h="988060">
                  <a:moveTo>
                    <a:pt x="7819644" y="624840"/>
                  </a:moveTo>
                  <a:lnTo>
                    <a:pt x="7648956" y="624840"/>
                  </a:lnTo>
                  <a:lnTo>
                    <a:pt x="7648956" y="702576"/>
                  </a:lnTo>
                  <a:lnTo>
                    <a:pt x="7819644" y="702576"/>
                  </a:lnTo>
                  <a:lnTo>
                    <a:pt x="7819644" y="624840"/>
                  </a:lnTo>
                  <a:close/>
                </a:path>
                <a:path w="8669020" h="988060">
                  <a:moveTo>
                    <a:pt x="8244840" y="922020"/>
                  </a:moveTo>
                  <a:lnTo>
                    <a:pt x="8074152" y="922020"/>
                  </a:lnTo>
                  <a:lnTo>
                    <a:pt x="8074152" y="987552"/>
                  </a:lnTo>
                  <a:lnTo>
                    <a:pt x="8244840" y="987552"/>
                  </a:lnTo>
                  <a:lnTo>
                    <a:pt x="8244840" y="922020"/>
                  </a:lnTo>
                  <a:close/>
                </a:path>
                <a:path w="8669020" h="988060">
                  <a:moveTo>
                    <a:pt x="8244840" y="646176"/>
                  </a:moveTo>
                  <a:lnTo>
                    <a:pt x="8074152" y="646176"/>
                  </a:lnTo>
                  <a:lnTo>
                    <a:pt x="8074152" y="714756"/>
                  </a:lnTo>
                  <a:lnTo>
                    <a:pt x="8244840" y="714756"/>
                  </a:lnTo>
                  <a:lnTo>
                    <a:pt x="8244840" y="646176"/>
                  </a:lnTo>
                  <a:close/>
                </a:path>
                <a:path w="8669020" h="988060">
                  <a:moveTo>
                    <a:pt x="8668512" y="932688"/>
                  </a:moveTo>
                  <a:lnTo>
                    <a:pt x="8499348" y="932688"/>
                  </a:lnTo>
                  <a:lnTo>
                    <a:pt x="8499348" y="987552"/>
                  </a:lnTo>
                  <a:lnTo>
                    <a:pt x="8668512" y="987552"/>
                  </a:lnTo>
                  <a:lnTo>
                    <a:pt x="8668512" y="932688"/>
                  </a:lnTo>
                  <a:close/>
                </a:path>
                <a:path w="8669020" h="988060">
                  <a:moveTo>
                    <a:pt x="8668512" y="665988"/>
                  </a:moveTo>
                  <a:lnTo>
                    <a:pt x="8499348" y="665988"/>
                  </a:lnTo>
                  <a:lnTo>
                    <a:pt x="8499348" y="723900"/>
                  </a:lnTo>
                  <a:lnTo>
                    <a:pt x="8668512" y="723900"/>
                  </a:lnTo>
                  <a:lnTo>
                    <a:pt x="8668512" y="665988"/>
                  </a:lnTo>
                  <a:close/>
                </a:path>
              </a:pathLst>
            </a:custGeom>
            <a:solidFill>
              <a:srgbClr val="E6B8B8"/>
            </a:solidFill>
          </p:spPr>
          <p:txBody>
            <a:bodyPr wrap="square" lIns="0" tIns="0" rIns="0" bIns="0" rtlCol="0"/>
            <a:lstStyle/>
            <a:p>
              <a:endParaRPr sz="1539"/>
            </a:p>
          </p:txBody>
        </p:sp>
        <p:sp>
          <p:nvSpPr>
            <p:cNvPr id="174" name="object 174"/>
            <p:cNvSpPr/>
            <p:nvPr/>
          </p:nvSpPr>
          <p:spPr>
            <a:xfrm>
              <a:off x="1211580" y="2299715"/>
              <a:ext cx="8669020" cy="3575685"/>
            </a:xfrm>
            <a:custGeom>
              <a:avLst/>
              <a:gdLst/>
              <a:ahLst/>
              <a:cxnLst/>
              <a:rect l="l" t="t" r="r" b="b"/>
              <a:pathLst>
                <a:path w="8669020" h="3575685">
                  <a:moveTo>
                    <a:pt x="170688" y="559308"/>
                  </a:moveTo>
                  <a:lnTo>
                    <a:pt x="0" y="559308"/>
                  </a:lnTo>
                  <a:lnTo>
                    <a:pt x="0" y="2980944"/>
                  </a:lnTo>
                  <a:lnTo>
                    <a:pt x="170688" y="2980944"/>
                  </a:lnTo>
                  <a:lnTo>
                    <a:pt x="170688" y="559308"/>
                  </a:lnTo>
                  <a:close/>
                </a:path>
                <a:path w="8669020" h="3575685">
                  <a:moveTo>
                    <a:pt x="595884" y="403860"/>
                  </a:moveTo>
                  <a:lnTo>
                    <a:pt x="425196" y="403860"/>
                  </a:lnTo>
                  <a:lnTo>
                    <a:pt x="425196" y="2994660"/>
                  </a:lnTo>
                  <a:lnTo>
                    <a:pt x="595884" y="2994660"/>
                  </a:lnTo>
                  <a:lnTo>
                    <a:pt x="595884" y="403860"/>
                  </a:lnTo>
                  <a:close/>
                </a:path>
                <a:path w="8669020" h="3575685">
                  <a:moveTo>
                    <a:pt x="1019556" y="196596"/>
                  </a:moveTo>
                  <a:lnTo>
                    <a:pt x="850392" y="196596"/>
                  </a:lnTo>
                  <a:lnTo>
                    <a:pt x="850392" y="2919984"/>
                  </a:lnTo>
                  <a:lnTo>
                    <a:pt x="1019556" y="2919984"/>
                  </a:lnTo>
                  <a:lnTo>
                    <a:pt x="1019556" y="196596"/>
                  </a:lnTo>
                  <a:close/>
                </a:path>
                <a:path w="8669020" h="3575685">
                  <a:moveTo>
                    <a:pt x="1444752" y="77724"/>
                  </a:moveTo>
                  <a:lnTo>
                    <a:pt x="1275588" y="77724"/>
                  </a:lnTo>
                  <a:lnTo>
                    <a:pt x="1275588" y="2909316"/>
                  </a:lnTo>
                  <a:lnTo>
                    <a:pt x="1444752" y="2909316"/>
                  </a:lnTo>
                  <a:lnTo>
                    <a:pt x="1444752" y="77724"/>
                  </a:lnTo>
                  <a:close/>
                </a:path>
                <a:path w="8669020" h="3575685">
                  <a:moveTo>
                    <a:pt x="1869948" y="0"/>
                  </a:moveTo>
                  <a:lnTo>
                    <a:pt x="1700784" y="0"/>
                  </a:lnTo>
                  <a:lnTo>
                    <a:pt x="1700784" y="2962656"/>
                  </a:lnTo>
                  <a:lnTo>
                    <a:pt x="1869948" y="2962656"/>
                  </a:lnTo>
                  <a:lnTo>
                    <a:pt x="1869948" y="0"/>
                  </a:lnTo>
                  <a:close/>
                </a:path>
                <a:path w="8669020" h="3575685">
                  <a:moveTo>
                    <a:pt x="2295144" y="4572"/>
                  </a:moveTo>
                  <a:lnTo>
                    <a:pt x="2124456" y="4572"/>
                  </a:lnTo>
                  <a:lnTo>
                    <a:pt x="2124456" y="3089148"/>
                  </a:lnTo>
                  <a:lnTo>
                    <a:pt x="2295144" y="3089148"/>
                  </a:lnTo>
                  <a:lnTo>
                    <a:pt x="2295144" y="4572"/>
                  </a:lnTo>
                  <a:close/>
                </a:path>
                <a:path w="8669020" h="3575685">
                  <a:moveTo>
                    <a:pt x="2720340" y="48768"/>
                  </a:moveTo>
                  <a:lnTo>
                    <a:pt x="2549652" y="48768"/>
                  </a:lnTo>
                  <a:lnTo>
                    <a:pt x="2549652" y="3179064"/>
                  </a:lnTo>
                  <a:lnTo>
                    <a:pt x="2720340" y="3179064"/>
                  </a:lnTo>
                  <a:lnTo>
                    <a:pt x="2720340" y="48768"/>
                  </a:lnTo>
                  <a:close/>
                </a:path>
                <a:path w="8669020" h="3575685">
                  <a:moveTo>
                    <a:pt x="3145536" y="137160"/>
                  </a:moveTo>
                  <a:lnTo>
                    <a:pt x="2974848" y="137160"/>
                  </a:lnTo>
                  <a:lnTo>
                    <a:pt x="2974848" y="3233928"/>
                  </a:lnTo>
                  <a:lnTo>
                    <a:pt x="3145536" y="3233928"/>
                  </a:lnTo>
                  <a:lnTo>
                    <a:pt x="3145536" y="137160"/>
                  </a:lnTo>
                  <a:close/>
                </a:path>
                <a:path w="8669020" h="3575685">
                  <a:moveTo>
                    <a:pt x="3569208" y="248412"/>
                  </a:moveTo>
                  <a:lnTo>
                    <a:pt x="3400044" y="248412"/>
                  </a:lnTo>
                  <a:lnTo>
                    <a:pt x="3400044" y="3268980"/>
                  </a:lnTo>
                  <a:lnTo>
                    <a:pt x="3569208" y="3268980"/>
                  </a:lnTo>
                  <a:lnTo>
                    <a:pt x="3569208" y="248412"/>
                  </a:lnTo>
                  <a:close/>
                </a:path>
                <a:path w="8669020" h="3575685">
                  <a:moveTo>
                    <a:pt x="3994404" y="384048"/>
                  </a:moveTo>
                  <a:lnTo>
                    <a:pt x="3825240" y="384048"/>
                  </a:lnTo>
                  <a:lnTo>
                    <a:pt x="3825240" y="3294888"/>
                  </a:lnTo>
                  <a:lnTo>
                    <a:pt x="3994404" y="3294888"/>
                  </a:lnTo>
                  <a:lnTo>
                    <a:pt x="3994404" y="384048"/>
                  </a:lnTo>
                  <a:close/>
                </a:path>
                <a:path w="8669020" h="3575685">
                  <a:moveTo>
                    <a:pt x="4419600" y="601980"/>
                  </a:moveTo>
                  <a:lnTo>
                    <a:pt x="4248912" y="601980"/>
                  </a:lnTo>
                  <a:lnTo>
                    <a:pt x="4248912" y="3328416"/>
                  </a:lnTo>
                  <a:lnTo>
                    <a:pt x="4419600" y="3328416"/>
                  </a:lnTo>
                  <a:lnTo>
                    <a:pt x="4419600" y="601980"/>
                  </a:lnTo>
                  <a:close/>
                </a:path>
                <a:path w="8669020" h="3575685">
                  <a:moveTo>
                    <a:pt x="4844796" y="696468"/>
                  </a:moveTo>
                  <a:lnTo>
                    <a:pt x="4674108" y="696468"/>
                  </a:lnTo>
                  <a:lnTo>
                    <a:pt x="4674108" y="3355848"/>
                  </a:lnTo>
                  <a:lnTo>
                    <a:pt x="4844796" y="3355848"/>
                  </a:lnTo>
                  <a:lnTo>
                    <a:pt x="4844796" y="696468"/>
                  </a:lnTo>
                  <a:close/>
                </a:path>
                <a:path w="8669020" h="3575685">
                  <a:moveTo>
                    <a:pt x="5269992" y="816864"/>
                  </a:moveTo>
                  <a:lnTo>
                    <a:pt x="5099304" y="816864"/>
                  </a:lnTo>
                  <a:lnTo>
                    <a:pt x="5099304" y="3392424"/>
                  </a:lnTo>
                  <a:lnTo>
                    <a:pt x="5269992" y="3392424"/>
                  </a:lnTo>
                  <a:lnTo>
                    <a:pt x="5269992" y="816864"/>
                  </a:lnTo>
                  <a:close/>
                </a:path>
                <a:path w="8669020" h="3575685">
                  <a:moveTo>
                    <a:pt x="5695188" y="954024"/>
                  </a:moveTo>
                  <a:lnTo>
                    <a:pt x="5524500" y="954024"/>
                  </a:lnTo>
                  <a:lnTo>
                    <a:pt x="5524500" y="3422904"/>
                  </a:lnTo>
                  <a:lnTo>
                    <a:pt x="5695188" y="3422904"/>
                  </a:lnTo>
                  <a:lnTo>
                    <a:pt x="5695188" y="954024"/>
                  </a:lnTo>
                  <a:close/>
                </a:path>
                <a:path w="8669020" h="3575685">
                  <a:moveTo>
                    <a:pt x="6118860" y="1117092"/>
                  </a:moveTo>
                  <a:lnTo>
                    <a:pt x="5949696" y="1117092"/>
                  </a:lnTo>
                  <a:lnTo>
                    <a:pt x="5949696" y="3450336"/>
                  </a:lnTo>
                  <a:lnTo>
                    <a:pt x="6118860" y="3450336"/>
                  </a:lnTo>
                  <a:lnTo>
                    <a:pt x="6118860" y="1117092"/>
                  </a:lnTo>
                  <a:close/>
                </a:path>
                <a:path w="8669020" h="3575685">
                  <a:moveTo>
                    <a:pt x="6544056" y="1321308"/>
                  </a:moveTo>
                  <a:lnTo>
                    <a:pt x="6374892" y="1321308"/>
                  </a:lnTo>
                  <a:lnTo>
                    <a:pt x="6374892" y="3468624"/>
                  </a:lnTo>
                  <a:lnTo>
                    <a:pt x="6544056" y="3468624"/>
                  </a:lnTo>
                  <a:lnTo>
                    <a:pt x="6544056" y="1321308"/>
                  </a:lnTo>
                  <a:close/>
                </a:path>
                <a:path w="8669020" h="3575685">
                  <a:moveTo>
                    <a:pt x="6969252" y="1482852"/>
                  </a:moveTo>
                  <a:lnTo>
                    <a:pt x="6798564" y="1482852"/>
                  </a:lnTo>
                  <a:lnTo>
                    <a:pt x="6798564" y="3488436"/>
                  </a:lnTo>
                  <a:lnTo>
                    <a:pt x="6969252" y="3488436"/>
                  </a:lnTo>
                  <a:lnTo>
                    <a:pt x="6969252" y="1482852"/>
                  </a:lnTo>
                  <a:close/>
                </a:path>
                <a:path w="8669020" h="3575685">
                  <a:moveTo>
                    <a:pt x="7394448" y="1615440"/>
                  </a:moveTo>
                  <a:lnTo>
                    <a:pt x="7223760" y="1615440"/>
                  </a:lnTo>
                  <a:lnTo>
                    <a:pt x="7223760" y="3511296"/>
                  </a:lnTo>
                  <a:lnTo>
                    <a:pt x="7394448" y="3511296"/>
                  </a:lnTo>
                  <a:lnTo>
                    <a:pt x="7394448" y="1615440"/>
                  </a:lnTo>
                  <a:close/>
                </a:path>
                <a:path w="8669020" h="3575685">
                  <a:moveTo>
                    <a:pt x="7819644" y="1728216"/>
                  </a:moveTo>
                  <a:lnTo>
                    <a:pt x="7648956" y="1728216"/>
                  </a:lnTo>
                  <a:lnTo>
                    <a:pt x="7648956" y="3534156"/>
                  </a:lnTo>
                  <a:lnTo>
                    <a:pt x="7819644" y="3534156"/>
                  </a:lnTo>
                  <a:lnTo>
                    <a:pt x="7819644" y="1728216"/>
                  </a:lnTo>
                  <a:close/>
                </a:path>
                <a:path w="8669020" h="3575685">
                  <a:moveTo>
                    <a:pt x="8244840" y="1834896"/>
                  </a:moveTo>
                  <a:lnTo>
                    <a:pt x="8074152" y="1834896"/>
                  </a:lnTo>
                  <a:lnTo>
                    <a:pt x="8074152" y="3555492"/>
                  </a:lnTo>
                  <a:lnTo>
                    <a:pt x="8244840" y="3555492"/>
                  </a:lnTo>
                  <a:lnTo>
                    <a:pt x="8244840" y="1834896"/>
                  </a:lnTo>
                  <a:close/>
                </a:path>
                <a:path w="8669020" h="3575685">
                  <a:moveTo>
                    <a:pt x="8668512" y="1947672"/>
                  </a:moveTo>
                  <a:lnTo>
                    <a:pt x="8499348" y="1947672"/>
                  </a:lnTo>
                  <a:lnTo>
                    <a:pt x="8499348" y="3575304"/>
                  </a:lnTo>
                  <a:lnTo>
                    <a:pt x="8668512" y="3575304"/>
                  </a:lnTo>
                  <a:lnTo>
                    <a:pt x="8668512" y="1947672"/>
                  </a:lnTo>
                  <a:close/>
                </a:path>
              </a:pathLst>
            </a:custGeom>
            <a:solidFill>
              <a:srgbClr val="D6E4BC"/>
            </a:solidFill>
          </p:spPr>
          <p:txBody>
            <a:bodyPr wrap="square" lIns="0" tIns="0" rIns="0" bIns="0" rtlCol="0"/>
            <a:lstStyle/>
            <a:p>
              <a:endParaRPr sz="1539"/>
            </a:p>
          </p:txBody>
        </p:sp>
        <p:sp>
          <p:nvSpPr>
            <p:cNvPr id="175" name="object 175"/>
            <p:cNvSpPr/>
            <p:nvPr/>
          </p:nvSpPr>
          <p:spPr>
            <a:xfrm>
              <a:off x="1211580" y="1626107"/>
              <a:ext cx="8669020" cy="2621280"/>
            </a:xfrm>
            <a:custGeom>
              <a:avLst/>
              <a:gdLst/>
              <a:ahLst/>
              <a:cxnLst/>
              <a:rect l="l" t="t" r="r" b="b"/>
              <a:pathLst>
                <a:path w="8669020" h="2621279">
                  <a:moveTo>
                    <a:pt x="170688" y="1007364"/>
                  </a:moveTo>
                  <a:lnTo>
                    <a:pt x="0" y="1007364"/>
                  </a:lnTo>
                  <a:lnTo>
                    <a:pt x="0" y="1232916"/>
                  </a:lnTo>
                  <a:lnTo>
                    <a:pt x="170688" y="1232916"/>
                  </a:lnTo>
                  <a:lnTo>
                    <a:pt x="170688" y="1007364"/>
                  </a:lnTo>
                  <a:close/>
                </a:path>
                <a:path w="8669020" h="2621279">
                  <a:moveTo>
                    <a:pt x="595884" y="812292"/>
                  </a:moveTo>
                  <a:lnTo>
                    <a:pt x="425196" y="812292"/>
                  </a:lnTo>
                  <a:lnTo>
                    <a:pt x="425196" y="1077468"/>
                  </a:lnTo>
                  <a:lnTo>
                    <a:pt x="595884" y="1077468"/>
                  </a:lnTo>
                  <a:lnTo>
                    <a:pt x="595884" y="812292"/>
                  </a:lnTo>
                  <a:close/>
                </a:path>
                <a:path w="8669020" h="2621279">
                  <a:moveTo>
                    <a:pt x="1019556" y="551688"/>
                  </a:moveTo>
                  <a:lnTo>
                    <a:pt x="850392" y="551688"/>
                  </a:lnTo>
                  <a:lnTo>
                    <a:pt x="850392" y="870204"/>
                  </a:lnTo>
                  <a:lnTo>
                    <a:pt x="1019556" y="870204"/>
                  </a:lnTo>
                  <a:lnTo>
                    <a:pt x="1019556" y="551688"/>
                  </a:lnTo>
                  <a:close/>
                </a:path>
                <a:path w="8669020" h="2621279">
                  <a:moveTo>
                    <a:pt x="1444752" y="368808"/>
                  </a:moveTo>
                  <a:lnTo>
                    <a:pt x="1275588" y="368808"/>
                  </a:lnTo>
                  <a:lnTo>
                    <a:pt x="1275588" y="751332"/>
                  </a:lnTo>
                  <a:lnTo>
                    <a:pt x="1444752" y="751332"/>
                  </a:lnTo>
                  <a:lnTo>
                    <a:pt x="1444752" y="368808"/>
                  </a:lnTo>
                  <a:close/>
                </a:path>
                <a:path w="8669020" h="2621279">
                  <a:moveTo>
                    <a:pt x="1869948" y="225552"/>
                  </a:moveTo>
                  <a:lnTo>
                    <a:pt x="1700784" y="225552"/>
                  </a:lnTo>
                  <a:lnTo>
                    <a:pt x="1700784" y="673608"/>
                  </a:lnTo>
                  <a:lnTo>
                    <a:pt x="1869948" y="673608"/>
                  </a:lnTo>
                  <a:lnTo>
                    <a:pt x="1869948" y="225552"/>
                  </a:lnTo>
                  <a:close/>
                </a:path>
                <a:path w="8669020" h="2621279">
                  <a:moveTo>
                    <a:pt x="2295144" y="143256"/>
                  </a:moveTo>
                  <a:lnTo>
                    <a:pt x="2124456" y="143256"/>
                  </a:lnTo>
                  <a:lnTo>
                    <a:pt x="2124456" y="678180"/>
                  </a:lnTo>
                  <a:lnTo>
                    <a:pt x="2295144" y="678180"/>
                  </a:lnTo>
                  <a:lnTo>
                    <a:pt x="2295144" y="143256"/>
                  </a:lnTo>
                  <a:close/>
                </a:path>
                <a:path w="8669020" h="2621279">
                  <a:moveTo>
                    <a:pt x="2720340" y="67056"/>
                  </a:moveTo>
                  <a:lnTo>
                    <a:pt x="2549652" y="67056"/>
                  </a:lnTo>
                  <a:lnTo>
                    <a:pt x="2549652" y="722376"/>
                  </a:lnTo>
                  <a:lnTo>
                    <a:pt x="2720340" y="722376"/>
                  </a:lnTo>
                  <a:lnTo>
                    <a:pt x="2720340" y="67056"/>
                  </a:lnTo>
                  <a:close/>
                </a:path>
                <a:path w="8669020" h="2621279">
                  <a:moveTo>
                    <a:pt x="3145536" y="21336"/>
                  </a:moveTo>
                  <a:lnTo>
                    <a:pt x="2974848" y="21336"/>
                  </a:lnTo>
                  <a:lnTo>
                    <a:pt x="2974848" y="810768"/>
                  </a:lnTo>
                  <a:lnTo>
                    <a:pt x="3145536" y="810768"/>
                  </a:lnTo>
                  <a:lnTo>
                    <a:pt x="3145536" y="21336"/>
                  </a:lnTo>
                  <a:close/>
                </a:path>
                <a:path w="8669020" h="2621279">
                  <a:moveTo>
                    <a:pt x="3569208" y="0"/>
                  </a:moveTo>
                  <a:lnTo>
                    <a:pt x="3400044" y="0"/>
                  </a:lnTo>
                  <a:lnTo>
                    <a:pt x="3400044" y="922020"/>
                  </a:lnTo>
                  <a:lnTo>
                    <a:pt x="3569208" y="922020"/>
                  </a:lnTo>
                  <a:lnTo>
                    <a:pt x="3569208" y="0"/>
                  </a:lnTo>
                  <a:close/>
                </a:path>
                <a:path w="8669020" h="2621279">
                  <a:moveTo>
                    <a:pt x="3994404" y="7620"/>
                  </a:moveTo>
                  <a:lnTo>
                    <a:pt x="3825240" y="7620"/>
                  </a:lnTo>
                  <a:lnTo>
                    <a:pt x="3825240" y="1057656"/>
                  </a:lnTo>
                  <a:lnTo>
                    <a:pt x="3994404" y="1057656"/>
                  </a:lnTo>
                  <a:lnTo>
                    <a:pt x="3994404" y="7620"/>
                  </a:lnTo>
                  <a:close/>
                </a:path>
                <a:path w="8669020" h="2621279">
                  <a:moveTo>
                    <a:pt x="4419600" y="74676"/>
                  </a:moveTo>
                  <a:lnTo>
                    <a:pt x="4248912" y="74676"/>
                  </a:lnTo>
                  <a:lnTo>
                    <a:pt x="4248912" y="1275588"/>
                  </a:lnTo>
                  <a:lnTo>
                    <a:pt x="4419600" y="1275588"/>
                  </a:lnTo>
                  <a:lnTo>
                    <a:pt x="4419600" y="74676"/>
                  </a:lnTo>
                  <a:close/>
                </a:path>
                <a:path w="8669020" h="2621279">
                  <a:moveTo>
                    <a:pt x="4844796" y="70104"/>
                  </a:moveTo>
                  <a:lnTo>
                    <a:pt x="4674108" y="70104"/>
                  </a:lnTo>
                  <a:lnTo>
                    <a:pt x="4674108" y="1370076"/>
                  </a:lnTo>
                  <a:lnTo>
                    <a:pt x="4844796" y="1370076"/>
                  </a:lnTo>
                  <a:lnTo>
                    <a:pt x="4844796" y="70104"/>
                  </a:lnTo>
                  <a:close/>
                </a:path>
                <a:path w="8669020" h="2621279">
                  <a:moveTo>
                    <a:pt x="5269992" y="169164"/>
                  </a:moveTo>
                  <a:lnTo>
                    <a:pt x="5099304" y="169164"/>
                  </a:lnTo>
                  <a:lnTo>
                    <a:pt x="5099304" y="1490472"/>
                  </a:lnTo>
                  <a:lnTo>
                    <a:pt x="5269992" y="1490472"/>
                  </a:lnTo>
                  <a:lnTo>
                    <a:pt x="5269992" y="169164"/>
                  </a:lnTo>
                  <a:close/>
                </a:path>
                <a:path w="8669020" h="2621279">
                  <a:moveTo>
                    <a:pt x="5695188" y="292608"/>
                  </a:moveTo>
                  <a:lnTo>
                    <a:pt x="5524500" y="292608"/>
                  </a:lnTo>
                  <a:lnTo>
                    <a:pt x="5524500" y="1627632"/>
                  </a:lnTo>
                  <a:lnTo>
                    <a:pt x="5695188" y="1627632"/>
                  </a:lnTo>
                  <a:lnTo>
                    <a:pt x="5695188" y="292608"/>
                  </a:lnTo>
                  <a:close/>
                </a:path>
                <a:path w="8669020" h="2621279">
                  <a:moveTo>
                    <a:pt x="6118860" y="432816"/>
                  </a:moveTo>
                  <a:lnTo>
                    <a:pt x="5949696" y="432816"/>
                  </a:lnTo>
                  <a:lnTo>
                    <a:pt x="5949696" y="1790700"/>
                  </a:lnTo>
                  <a:lnTo>
                    <a:pt x="6118860" y="1790700"/>
                  </a:lnTo>
                  <a:lnTo>
                    <a:pt x="6118860" y="432816"/>
                  </a:lnTo>
                  <a:close/>
                </a:path>
                <a:path w="8669020" h="2621279">
                  <a:moveTo>
                    <a:pt x="6544056" y="586740"/>
                  </a:moveTo>
                  <a:lnTo>
                    <a:pt x="6374892" y="586740"/>
                  </a:lnTo>
                  <a:lnTo>
                    <a:pt x="6374892" y="1994916"/>
                  </a:lnTo>
                  <a:lnTo>
                    <a:pt x="6544056" y="1994916"/>
                  </a:lnTo>
                  <a:lnTo>
                    <a:pt x="6544056" y="586740"/>
                  </a:lnTo>
                  <a:close/>
                </a:path>
                <a:path w="8669020" h="2621279">
                  <a:moveTo>
                    <a:pt x="6969252" y="748284"/>
                  </a:moveTo>
                  <a:lnTo>
                    <a:pt x="6798564" y="748284"/>
                  </a:lnTo>
                  <a:lnTo>
                    <a:pt x="6798564" y="2156460"/>
                  </a:lnTo>
                  <a:lnTo>
                    <a:pt x="6969252" y="2156460"/>
                  </a:lnTo>
                  <a:lnTo>
                    <a:pt x="6969252" y="748284"/>
                  </a:lnTo>
                  <a:close/>
                </a:path>
                <a:path w="8669020" h="2621279">
                  <a:moveTo>
                    <a:pt x="7394448" y="909828"/>
                  </a:moveTo>
                  <a:lnTo>
                    <a:pt x="7223760" y="909828"/>
                  </a:lnTo>
                  <a:lnTo>
                    <a:pt x="7223760" y="2289048"/>
                  </a:lnTo>
                  <a:lnTo>
                    <a:pt x="7394448" y="2289048"/>
                  </a:lnTo>
                  <a:lnTo>
                    <a:pt x="7394448" y="909828"/>
                  </a:lnTo>
                  <a:close/>
                </a:path>
                <a:path w="8669020" h="2621279">
                  <a:moveTo>
                    <a:pt x="7819644" y="1071372"/>
                  </a:moveTo>
                  <a:lnTo>
                    <a:pt x="7648956" y="1071372"/>
                  </a:lnTo>
                  <a:lnTo>
                    <a:pt x="7648956" y="2401824"/>
                  </a:lnTo>
                  <a:lnTo>
                    <a:pt x="7819644" y="2401824"/>
                  </a:lnTo>
                  <a:lnTo>
                    <a:pt x="7819644" y="1071372"/>
                  </a:lnTo>
                  <a:close/>
                </a:path>
                <a:path w="8669020" h="2621279">
                  <a:moveTo>
                    <a:pt x="8244840" y="1235964"/>
                  </a:moveTo>
                  <a:lnTo>
                    <a:pt x="8074152" y="1235964"/>
                  </a:lnTo>
                  <a:lnTo>
                    <a:pt x="8074152" y="2508504"/>
                  </a:lnTo>
                  <a:lnTo>
                    <a:pt x="8244840" y="2508504"/>
                  </a:lnTo>
                  <a:lnTo>
                    <a:pt x="8244840" y="1235964"/>
                  </a:lnTo>
                  <a:close/>
                </a:path>
                <a:path w="8669020" h="2621279">
                  <a:moveTo>
                    <a:pt x="8668512" y="1408176"/>
                  </a:moveTo>
                  <a:lnTo>
                    <a:pt x="8499348" y="1408176"/>
                  </a:lnTo>
                  <a:lnTo>
                    <a:pt x="8499348" y="2621280"/>
                  </a:lnTo>
                  <a:lnTo>
                    <a:pt x="8668512" y="2621280"/>
                  </a:lnTo>
                  <a:lnTo>
                    <a:pt x="8668512" y="1408176"/>
                  </a:lnTo>
                  <a:close/>
                </a:path>
              </a:pathLst>
            </a:custGeom>
            <a:solidFill>
              <a:srgbClr val="DBE6F2"/>
            </a:solidFill>
          </p:spPr>
          <p:txBody>
            <a:bodyPr wrap="square" lIns="0" tIns="0" rIns="0" bIns="0" rtlCol="0"/>
            <a:lstStyle/>
            <a:p>
              <a:endParaRPr sz="1539"/>
            </a:p>
          </p:txBody>
        </p:sp>
        <p:sp>
          <p:nvSpPr>
            <p:cNvPr id="176" name="object 176"/>
            <p:cNvSpPr/>
            <p:nvPr/>
          </p:nvSpPr>
          <p:spPr>
            <a:xfrm>
              <a:off x="1085087" y="6192012"/>
              <a:ext cx="8923020" cy="9525"/>
            </a:xfrm>
            <a:custGeom>
              <a:avLst/>
              <a:gdLst/>
              <a:ahLst/>
              <a:cxnLst/>
              <a:rect l="l" t="t" r="r" b="b"/>
              <a:pathLst>
                <a:path w="8923020" h="9525">
                  <a:moveTo>
                    <a:pt x="8923019" y="0"/>
                  </a:moveTo>
                  <a:lnTo>
                    <a:pt x="0" y="0"/>
                  </a:lnTo>
                  <a:lnTo>
                    <a:pt x="0" y="9144"/>
                  </a:lnTo>
                  <a:lnTo>
                    <a:pt x="8923019" y="9144"/>
                  </a:lnTo>
                  <a:lnTo>
                    <a:pt x="8923019" y="0"/>
                  </a:lnTo>
                  <a:close/>
                </a:path>
              </a:pathLst>
            </a:custGeom>
            <a:solidFill>
              <a:srgbClr val="D8D8D8"/>
            </a:solidFill>
          </p:spPr>
          <p:txBody>
            <a:bodyPr wrap="square" lIns="0" tIns="0" rIns="0" bIns="0" rtlCol="0"/>
            <a:lstStyle/>
            <a:p>
              <a:endParaRPr sz="1539"/>
            </a:p>
          </p:txBody>
        </p:sp>
        <p:pic>
          <p:nvPicPr>
            <p:cNvPr id="177" name="object 177"/>
            <p:cNvPicPr/>
            <p:nvPr/>
          </p:nvPicPr>
          <p:blipFill>
            <a:blip r:embed="rId2" cstate="print"/>
            <a:stretch>
              <a:fillRect/>
            </a:stretch>
          </p:blipFill>
          <p:spPr>
            <a:xfrm>
              <a:off x="1095755" y="5594603"/>
              <a:ext cx="8052816" cy="530352"/>
            </a:xfrm>
            <a:prstGeom prst="rect">
              <a:avLst/>
            </a:prstGeom>
          </p:spPr>
        </p:pic>
      </p:grpSp>
      <p:sp>
        <p:nvSpPr>
          <p:cNvPr id="178" name="object 178"/>
          <p:cNvSpPr txBox="1"/>
          <p:nvPr/>
        </p:nvSpPr>
        <p:spPr>
          <a:xfrm>
            <a:off x="965223" y="501551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553</a:t>
            </a:r>
            <a:endParaRPr sz="898">
              <a:latin typeface="Calibri"/>
              <a:cs typeface="Calibri"/>
            </a:endParaRPr>
          </a:p>
        </p:txBody>
      </p:sp>
      <p:sp>
        <p:nvSpPr>
          <p:cNvPr id="179" name="object 179"/>
          <p:cNvSpPr txBox="1"/>
          <p:nvPr/>
        </p:nvSpPr>
        <p:spPr>
          <a:xfrm>
            <a:off x="1328812" y="502073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515</a:t>
            </a:r>
            <a:endParaRPr sz="898">
              <a:latin typeface="Calibri"/>
              <a:cs typeface="Calibri"/>
            </a:endParaRPr>
          </a:p>
        </p:txBody>
      </p:sp>
      <p:sp>
        <p:nvSpPr>
          <p:cNvPr id="180" name="object 180"/>
          <p:cNvSpPr txBox="1"/>
          <p:nvPr/>
        </p:nvSpPr>
        <p:spPr>
          <a:xfrm>
            <a:off x="1691097" y="4989453"/>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722</a:t>
            </a:r>
            <a:endParaRPr sz="898">
              <a:latin typeface="Calibri"/>
              <a:cs typeface="Calibri"/>
            </a:endParaRPr>
          </a:p>
        </p:txBody>
      </p:sp>
      <p:sp>
        <p:nvSpPr>
          <p:cNvPr id="181" name="object 181"/>
          <p:cNvSpPr txBox="1"/>
          <p:nvPr/>
        </p:nvSpPr>
        <p:spPr>
          <a:xfrm>
            <a:off x="2054684" y="498554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751</a:t>
            </a:r>
            <a:endParaRPr sz="898">
              <a:latin typeface="Calibri"/>
              <a:cs typeface="Calibri"/>
            </a:endParaRPr>
          </a:p>
        </p:txBody>
      </p:sp>
      <p:sp>
        <p:nvSpPr>
          <p:cNvPr id="182" name="object 182"/>
          <p:cNvSpPr txBox="1"/>
          <p:nvPr/>
        </p:nvSpPr>
        <p:spPr>
          <a:xfrm>
            <a:off x="2418272" y="500769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603</a:t>
            </a:r>
            <a:endParaRPr sz="898">
              <a:latin typeface="Calibri"/>
              <a:cs typeface="Calibri"/>
            </a:endParaRPr>
          </a:p>
        </p:txBody>
      </p:sp>
      <p:sp>
        <p:nvSpPr>
          <p:cNvPr id="183" name="object 183"/>
          <p:cNvSpPr txBox="1"/>
          <p:nvPr/>
        </p:nvSpPr>
        <p:spPr>
          <a:xfrm>
            <a:off x="2781861" y="506243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249</a:t>
            </a:r>
            <a:endParaRPr sz="898">
              <a:latin typeface="Calibri"/>
              <a:cs typeface="Calibri"/>
            </a:endParaRPr>
          </a:p>
        </p:txBody>
      </p:sp>
      <p:sp>
        <p:nvSpPr>
          <p:cNvPr id="184" name="object 184"/>
          <p:cNvSpPr txBox="1"/>
          <p:nvPr/>
        </p:nvSpPr>
        <p:spPr>
          <a:xfrm>
            <a:off x="3145449" y="510022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001</a:t>
            </a:r>
            <a:endParaRPr sz="898">
              <a:latin typeface="Calibri"/>
              <a:cs typeface="Calibri"/>
            </a:endParaRPr>
          </a:p>
        </p:txBody>
      </p:sp>
      <p:pic>
        <p:nvPicPr>
          <p:cNvPr id="185" name="object 185"/>
          <p:cNvPicPr/>
          <p:nvPr/>
        </p:nvPicPr>
        <p:blipFill>
          <a:blip r:embed="rId3" cstate="print"/>
          <a:stretch>
            <a:fillRect/>
          </a:stretch>
        </p:blipFill>
        <p:spPr>
          <a:xfrm>
            <a:off x="936988" y="1556000"/>
            <a:ext cx="7613194" cy="3371333"/>
          </a:xfrm>
          <a:prstGeom prst="rect">
            <a:avLst/>
          </a:prstGeom>
        </p:spPr>
      </p:pic>
      <p:sp>
        <p:nvSpPr>
          <p:cNvPr id="186" name="object 186"/>
          <p:cNvSpPr txBox="1"/>
          <p:nvPr/>
        </p:nvSpPr>
        <p:spPr>
          <a:xfrm>
            <a:off x="3507734" y="5123681"/>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847</a:t>
            </a:r>
            <a:endParaRPr sz="898">
              <a:latin typeface="Calibri"/>
              <a:cs typeface="Calibri"/>
            </a:endParaRPr>
          </a:p>
        </p:txBody>
      </p:sp>
      <p:sp>
        <p:nvSpPr>
          <p:cNvPr id="187" name="object 187"/>
          <p:cNvSpPr txBox="1"/>
          <p:nvPr/>
        </p:nvSpPr>
        <p:spPr>
          <a:xfrm>
            <a:off x="3871322" y="513801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752</a:t>
            </a:r>
            <a:endParaRPr sz="898">
              <a:latin typeface="Calibri"/>
              <a:cs typeface="Calibri"/>
            </a:endParaRPr>
          </a:p>
        </p:txBody>
      </p:sp>
      <p:sp>
        <p:nvSpPr>
          <p:cNvPr id="188" name="object 188"/>
          <p:cNvSpPr txBox="1"/>
          <p:nvPr/>
        </p:nvSpPr>
        <p:spPr>
          <a:xfrm>
            <a:off x="4234909" y="514974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680</a:t>
            </a:r>
            <a:endParaRPr sz="898">
              <a:latin typeface="Calibri"/>
              <a:cs typeface="Calibri"/>
            </a:endParaRPr>
          </a:p>
        </p:txBody>
      </p:sp>
      <p:sp>
        <p:nvSpPr>
          <p:cNvPr id="189" name="object 189"/>
          <p:cNvSpPr txBox="1"/>
          <p:nvPr/>
        </p:nvSpPr>
        <p:spPr>
          <a:xfrm>
            <a:off x="4598498" y="516407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586</a:t>
            </a:r>
            <a:endParaRPr sz="898">
              <a:latin typeface="Calibri"/>
              <a:cs typeface="Calibri"/>
            </a:endParaRPr>
          </a:p>
        </p:txBody>
      </p:sp>
      <p:sp>
        <p:nvSpPr>
          <p:cNvPr id="190" name="object 190"/>
          <p:cNvSpPr txBox="1"/>
          <p:nvPr/>
        </p:nvSpPr>
        <p:spPr>
          <a:xfrm>
            <a:off x="4962086" y="517580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508</a:t>
            </a:r>
            <a:endParaRPr sz="898">
              <a:latin typeface="Calibri"/>
              <a:cs typeface="Calibri"/>
            </a:endParaRPr>
          </a:p>
        </p:txBody>
      </p:sp>
      <p:sp>
        <p:nvSpPr>
          <p:cNvPr id="191" name="object 191"/>
          <p:cNvSpPr txBox="1"/>
          <p:nvPr/>
        </p:nvSpPr>
        <p:spPr>
          <a:xfrm>
            <a:off x="5325673" y="519144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408</a:t>
            </a:r>
            <a:endParaRPr sz="898">
              <a:latin typeface="Calibri"/>
              <a:cs typeface="Calibri"/>
            </a:endParaRPr>
          </a:p>
        </p:txBody>
      </p:sp>
      <p:sp>
        <p:nvSpPr>
          <p:cNvPr id="192" name="object 192"/>
          <p:cNvSpPr txBox="1"/>
          <p:nvPr/>
        </p:nvSpPr>
        <p:spPr>
          <a:xfrm>
            <a:off x="5687959" y="5204478"/>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322</a:t>
            </a:r>
            <a:endParaRPr sz="898">
              <a:latin typeface="Calibri"/>
              <a:cs typeface="Calibri"/>
            </a:endParaRPr>
          </a:p>
        </p:txBody>
      </p:sp>
      <p:sp>
        <p:nvSpPr>
          <p:cNvPr id="193" name="object 193"/>
          <p:cNvSpPr txBox="1"/>
          <p:nvPr/>
        </p:nvSpPr>
        <p:spPr>
          <a:xfrm>
            <a:off x="6051546" y="521620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246</a:t>
            </a:r>
            <a:endParaRPr sz="898">
              <a:latin typeface="Calibri"/>
              <a:cs typeface="Calibri"/>
            </a:endParaRPr>
          </a:p>
        </p:txBody>
      </p:sp>
      <p:sp>
        <p:nvSpPr>
          <p:cNvPr id="194" name="object 194"/>
          <p:cNvSpPr txBox="1"/>
          <p:nvPr/>
        </p:nvSpPr>
        <p:spPr>
          <a:xfrm>
            <a:off x="6415134" y="522402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194</a:t>
            </a:r>
            <a:endParaRPr sz="898">
              <a:latin typeface="Calibri"/>
              <a:cs typeface="Calibri"/>
            </a:endParaRPr>
          </a:p>
        </p:txBody>
      </p:sp>
      <p:sp>
        <p:nvSpPr>
          <p:cNvPr id="195" name="object 195"/>
          <p:cNvSpPr txBox="1"/>
          <p:nvPr/>
        </p:nvSpPr>
        <p:spPr>
          <a:xfrm>
            <a:off x="6778723" y="523184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139</a:t>
            </a:r>
            <a:endParaRPr sz="898">
              <a:latin typeface="Calibri"/>
              <a:cs typeface="Calibri"/>
            </a:endParaRPr>
          </a:p>
        </p:txBody>
      </p:sp>
      <p:sp>
        <p:nvSpPr>
          <p:cNvPr id="196" name="object 196"/>
          <p:cNvSpPr txBox="1"/>
          <p:nvPr/>
        </p:nvSpPr>
        <p:spPr>
          <a:xfrm>
            <a:off x="7142310" y="5242271"/>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077</a:t>
            </a:r>
            <a:endParaRPr sz="898">
              <a:latin typeface="Calibri"/>
              <a:cs typeface="Calibri"/>
            </a:endParaRPr>
          </a:p>
        </p:txBody>
      </p:sp>
      <p:sp>
        <p:nvSpPr>
          <p:cNvPr id="197" name="object 197"/>
          <p:cNvSpPr txBox="1"/>
          <p:nvPr/>
        </p:nvSpPr>
        <p:spPr>
          <a:xfrm>
            <a:off x="7505898" y="525139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013</a:t>
            </a:r>
            <a:endParaRPr sz="898">
              <a:latin typeface="Calibri"/>
              <a:cs typeface="Calibri"/>
            </a:endParaRPr>
          </a:p>
        </p:txBody>
      </p:sp>
      <p:sp>
        <p:nvSpPr>
          <p:cNvPr id="198" name="object 198"/>
          <p:cNvSpPr/>
          <p:nvPr/>
        </p:nvSpPr>
        <p:spPr>
          <a:xfrm>
            <a:off x="7884257" y="5255736"/>
            <a:ext cx="621727" cy="195477"/>
          </a:xfrm>
          <a:custGeom>
            <a:avLst/>
            <a:gdLst/>
            <a:ahLst/>
            <a:cxnLst/>
            <a:rect l="l" t="t" r="r" b="b"/>
            <a:pathLst>
              <a:path w="727075" h="228600">
                <a:moveTo>
                  <a:pt x="301752" y="3048"/>
                </a:moveTo>
                <a:lnTo>
                  <a:pt x="298704" y="0"/>
                </a:lnTo>
                <a:lnTo>
                  <a:pt x="291084" y="0"/>
                </a:lnTo>
                <a:lnTo>
                  <a:pt x="291084" y="10668"/>
                </a:lnTo>
                <a:lnTo>
                  <a:pt x="291084" y="208788"/>
                </a:lnTo>
                <a:lnTo>
                  <a:pt x="10668" y="208788"/>
                </a:lnTo>
                <a:lnTo>
                  <a:pt x="10668" y="10668"/>
                </a:lnTo>
                <a:lnTo>
                  <a:pt x="291084" y="10668"/>
                </a:lnTo>
                <a:lnTo>
                  <a:pt x="291084" y="0"/>
                </a:lnTo>
                <a:lnTo>
                  <a:pt x="3048" y="0"/>
                </a:lnTo>
                <a:lnTo>
                  <a:pt x="0" y="3048"/>
                </a:lnTo>
                <a:lnTo>
                  <a:pt x="0" y="216408"/>
                </a:lnTo>
                <a:lnTo>
                  <a:pt x="3048" y="219456"/>
                </a:lnTo>
                <a:lnTo>
                  <a:pt x="298704" y="219456"/>
                </a:lnTo>
                <a:lnTo>
                  <a:pt x="301752" y="216408"/>
                </a:lnTo>
                <a:lnTo>
                  <a:pt x="301752" y="213360"/>
                </a:lnTo>
                <a:lnTo>
                  <a:pt x="301752" y="208788"/>
                </a:lnTo>
                <a:lnTo>
                  <a:pt x="301752" y="10668"/>
                </a:lnTo>
                <a:lnTo>
                  <a:pt x="301752" y="6096"/>
                </a:lnTo>
                <a:lnTo>
                  <a:pt x="301752" y="3048"/>
                </a:lnTo>
                <a:close/>
              </a:path>
              <a:path w="727075" h="228600">
                <a:moveTo>
                  <a:pt x="726948" y="12192"/>
                </a:moveTo>
                <a:lnTo>
                  <a:pt x="723900" y="9144"/>
                </a:lnTo>
                <a:lnTo>
                  <a:pt x="716280" y="9144"/>
                </a:lnTo>
                <a:lnTo>
                  <a:pt x="716280" y="19812"/>
                </a:lnTo>
                <a:lnTo>
                  <a:pt x="716280" y="217932"/>
                </a:lnTo>
                <a:lnTo>
                  <a:pt x="435864" y="217932"/>
                </a:lnTo>
                <a:lnTo>
                  <a:pt x="435864" y="19812"/>
                </a:lnTo>
                <a:lnTo>
                  <a:pt x="716280" y="19812"/>
                </a:lnTo>
                <a:lnTo>
                  <a:pt x="716280" y="9144"/>
                </a:lnTo>
                <a:lnTo>
                  <a:pt x="428244" y="9144"/>
                </a:lnTo>
                <a:lnTo>
                  <a:pt x="425196" y="12192"/>
                </a:lnTo>
                <a:lnTo>
                  <a:pt x="425196" y="225552"/>
                </a:lnTo>
                <a:lnTo>
                  <a:pt x="428244" y="228600"/>
                </a:lnTo>
                <a:lnTo>
                  <a:pt x="723900" y="228600"/>
                </a:lnTo>
                <a:lnTo>
                  <a:pt x="726948" y="225552"/>
                </a:lnTo>
                <a:lnTo>
                  <a:pt x="726948" y="224028"/>
                </a:lnTo>
                <a:lnTo>
                  <a:pt x="726948" y="217932"/>
                </a:lnTo>
                <a:lnTo>
                  <a:pt x="726948" y="19812"/>
                </a:lnTo>
                <a:lnTo>
                  <a:pt x="726948" y="15240"/>
                </a:lnTo>
                <a:lnTo>
                  <a:pt x="726948" y="12192"/>
                </a:lnTo>
                <a:close/>
              </a:path>
            </a:pathLst>
          </a:custGeom>
          <a:solidFill>
            <a:srgbClr val="595959"/>
          </a:solidFill>
        </p:spPr>
        <p:txBody>
          <a:bodyPr wrap="square" lIns="0" tIns="0" rIns="0" bIns="0" rtlCol="0"/>
          <a:lstStyle/>
          <a:p>
            <a:endParaRPr sz="1539"/>
          </a:p>
        </p:txBody>
      </p:sp>
      <p:sp>
        <p:nvSpPr>
          <p:cNvPr id="199" name="object 199"/>
          <p:cNvSpPr txBox="1"/>
          <p:nvPr/>
        </p:nvSpPr>
        <p:spPr>
          <a:xfrm>
            <a:off x="7912491" y="5269637"/>
            <a:ext cx="564713" cy="152435"/>
          </a:xfrm>
          <a:prstGeom prst="rect">
            <a:avLst/>
          </a:prstGeom>
        </p:spPr>
        <p:txBody>
          <a:bodyPr vert="horz" wrap="square" lIns="0" tIns="14118" rIns="0" bIns="0" rtlCol="0">
            <a:spAutoFit/>
          </a:bodyPr>
          <a:lstStyle/>
          <a:p>
            <a:pPr marL="10860">
              <a:spcBef>
                <a:spcPts val="111"/>
              </a:spcBef>
              <a:tabLst>
                <a:tab pos="374119" algn="l"/>
              </a:tabLst>
            </a:pPr>
            <a:r>
              <a:rPr sz="1347" spc="-32" baseline="2645" dirty="0">
                <a:latin typeface="Calibri"/>
                <a:cs typeface="Calibri"/>
              </a:rPr>
              <a:t>951</a:t>
            </a:r>
            <a:r>
              <a:rPr sz="1347" baseline="2645" dirty="0">
                <a:latin typeface="Calibri"/>
                <a:cs typeface="Calibri"/>
              </a:rPr>
              <a:t>	</a:t>
            </a:r>
            <a:r>
              <a:rPr sz="898" spc="-21" dirty="0">
                <a:latin typeface="Calibri"/>
                <a:cs typeface="Calibri"/>
              </a:rPr>
              <a:t>898</a:t>
            </a:r>
            <a:endParaRPr sz="898">
              <a:latin typeface="Calibri"/>
              <a:cs typeface="Calibri"/>
            </a:endParaRPr>
          </a:p>
        </p:txBody>
      </p:sp>
      <p:sp>
        <p:nvSpPr>
          <p:cNvPr id="200" name="object 200"/>
          <p:cNvSpPr txBox="1"/>
          <p:nvPr/>
        </p:nvSpPr>
        <p:spPr>
          <a:xfrm>
            <a:off x="965223" y="358722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6,744</a:t>
            </a:r>
            <a:endParaRPr sz="898">
              <a:latin typeface="Calibri"/>
              <a:cs typeface="Calibri"/>
            </a:endParaRPr>
          </a:p>
        </p:txBody>
      </p:sp>
      <p:sp>
        <p:nvSpPr>
          <p:cNvPr id="201" name="object 201"/>
          <p:cNvSpPr txBox="1"/>
          <p:nvPr/>
        </p:nvSpPr>
        <p:spPr>
          <a:xfrm>
            <a:off x="1328812" y="352728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212</a:t>
            </a:r>
            <a:endParaRPr sz="898">
              <a:latin typeface="Calibri"/>
              <a:cs typeface="Calibri"/>
            </a:endParaRPr>
          </a:p>
        </p:txBody>
      </p:sp>
      <p:sp>
        <p:nvSpPr>
          <p:cNvPr id="202" name="object 202"/>
          <p:cNvSpPr txBox="1"/>
          <p:nvPr/>
        </p:nvSpPr>
        <p:spPr>
          <a:xfrm>
            <a:off x="1691097" y="340738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581</a:t>
            </a:r>
            <a:endParaRPr sz="898">
              <a:latin typeface="Calibri"/>
              <a:cs typeface="Calibri"/>
            </a:endParaRPr>
          </a:p>
        </p:txBody>
      </p:sp>
      <p:sp>
        <p:nvSpPr>
          <p:cNvPr id="203" name="object 203"/>
          <p:cNvSpPr txBox="1"/>
          <p:nvPr/>
        </p:nvSpPr>
        <p:spPr>
          <a:xfrm>
            <a:off x="2054684" y="335265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883</a:t>
            </a:r>
            <a:endParaRPr sz="898">
              <a:latin typeface="Calibri"/>
              <a:cs typeface="Calibri"/>
            </a:endParaRPr>
          </a:p>
        </p:txBody>
      </p:sp>
      <p:sp>
        <p:nvSpPr>
          <p:cNvPr id="204" name="object 204"/>
          <p:cNvSpPr txBox="1"/>
          <p:nvPr/>
        </p:nvSpPr>
        <p:spPr>
          <a:xfrm>
            <a:off x="2418272" y="334092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8,251</a:t>
            </a:r>
            <a:endParaRPr sz="898">
              <a:latin typeface="Calibri"/>
              <a:cs typeface="Calibri"/>
            </a:endParaRPr>
          </a:p>
        </p:txBody>
      </p:sp>
      <p:sp>
        <p:nvSpPr>
          <p:cNvPr id="205" name="object 205"/>
          <p:cNvSpPr txBox="1"/>
          <p:nvPr/>
        </p:nvSpPr>
        <p:spPr>
          <a:xfrm>
            <a:off x="2781861" y="339826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8,590</a:t>
            </a:r>
            <a:endParaRPr sz="898">
              <a:latin typeface="Calibri"/>
              <a:cs typeface="Calibri"/>
            </a:endParaRPr>
          </a:p>
        </p:txBody>
      </p:sp>
      <p:sp>
        <p:nvSpPr>
          <p:cNvPr id="206" name="object 206"/>
          <p:cNvSpPr txBox="1"/>
          <p:nvPr/>
        </p:nvSpPr>
        <p:spPr>
          <a:xfrm>
            <a:off x="3145449" y="345430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8,716</a:t>
            </a:r>
            <a:endParaRPr sz="898">
              <a:latin typeface="Calibri"/>
              <a:cs typeface="Calibri"/>
            </a:endParaRPr>
          </a:p>
        </p:txBody>
      </p:sp>
      <p:sp>
        <p:nvSpPr>
          <p:cNvPr id="207" name="object 207"/>
          <p:cNvSpPr txBox="1"/>
          <p:nvPr/>
        </p:nvSpPr>
        <p:spPr>
          <a:xfrm>
            <a:off x="4440813" y="3454304"/>
            <a:ext cx="263895" cy="152435"/>
          </a:xfrm>
          <a:prstGeom prst="rect">
            <a:avLst/>
          </a:prstGeom>
        </p:spPr>
        <p:txBody>
          <a:bodyPr vert="horz" wrap="square" lIns="0" tIns="14118" rIns="0" bIns="0" rtlCol="0">
            <a:spAutoFit/>
          </a:bodyPr>
          <a:lstStyle/>
          <a:p>
            <a:pPr marL="10860">
              <a:spcBef>
                <a:spcPts val="111"/>
              </a:spcBef>
              <a:tabLst>
                <a:tab pos="252490" algn="l"/>
              </a:tabLst>
            </a:pPr>
            <a:r>
              <a:rPr sz="898" u="sng" dirty="0">
                <a:uFill>
                  <a:solidFill>
                    <a:srgbClr val="D8D8D8"/>
                  </a:solidFill>
                </a:uFill>
                <a:latin typeface="Calibri"/>
                <a:cs typeface="Calibri"/>
              </a:rPr>
              <a:t>	</a:t>
            </a:r>
            <a:endParaRPr sz="898">
              <a:latin typeface="Calibri"/>
              <a:cs typeface="Calibri"/>
            </a:endParaRPr>
          </a:p>
        </p:txBody>
      </p:sp>
      <p:sp>
        <p:nvSpPr>
          <p:cNvPr id="208" name="object 208"/>
          <p:cNvSpPr txBox="1"/>
          <p:nvPr/>
        </p:nvSpPr>
        <p:spPr>
          <a:xfrm>
            <a:off x="3507734" y="329401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8,622</a:t>
            </a:r>
            <a:endParaRPr sz="898">
              <a:latin typeface="Calibri"/>
              <a:cs typeface="Calibri"/>
            </a:endParaRPr>
          </a:p>
        </p:txBody>
      </p:sp>
      <p:sp>
        <p:nvSpPr>
          <p:cNvPr id="209" name="object 209"/>
          <p:cNvSpPr txBox="1"/>
          <p:nvPr/>
        </p:nvSpPr>
        <p:spPr>
          <a:xfrm>
            <a:off x="4234909" y="364717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8,103</a:t>
            </a:r>
            <a:endParaRPr sz="898">
              <a:latin typeface="Calibri"/>
              <a:cs typeface="Calibri"/>
            </a:endParaRPr>
          </a:p>
        </p:txBody>
      </p:sp>
      <p:sp>
        <p:nvSpPr>
          <p:cNvPr id="210" name="object 210"/>
          <p:cNvSpPr txBox="1"/>
          <p:nvPr/>
        </p:nvSpPr>
        <p:spPr>
          <a:xfrm>
            <a:off x="4598498" y="375403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592</a:t>
            </a:r>
            <a:endParaRPr sz="898">
              <a:latin typeface="Calibri"/>
              <a:cs typeface="Calibri"/>
            </a:endParaRPr>
          </a:p>
        </p:txBody>
      </p:sp>
      <p:sp>
        <p:nvSpPr>
          <p:cNvPr id="211" name="object 211"/>
          <p:cNvSpPr txBox="1"/>
          <p:nvPr/>
        </p:nvSpPr>
        <p:spPr>
          <a:xfrm>
            <a:off x="4962086" y="380746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406</a:t>
            </a:r>
            <a:endParaRPr sz="898">
              <a:latin typeface="Calibri"/>
              <a:cs typeface="Calibri"/>
            </a:endParaRPr>
          </a:p>
        </p:txBody>
      </p:sp>
      <p:sp>
        <p:nvSpPr>
          <p:cNvPr id="212" name="object 212"/>
          <p:cNvSpPr txBox="1"/>
          <p:nvPr/>
        </p:nvSpPr>
        <p:spPr>
          <a:xfrm>
            <a:off x="5325673" y="387392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7,171</a:t>
            </a:r>
            <a:endParaRPr sz="898">
              <a:latin typeface="Calibri"/>
              <a:cs typeface="Calibri"/>
            </a:endParaRPr>
          </a:p>
        </p:txBody>
      </p:sp>
      <p:sp>
        <p:nvSpPr>
          <p:cNvPr id="213" name="object 213"/>
          <p:cNvSpPr txBox="1"/>
          <p:nvPr/>
        </p:nvSpPr>
        <p:spPr>
          <a:xfrm>
            <a:off x="5687959" y="394560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6,876</a:t>
            </a:r>
            <a:endParaRPr sz="898">
              <a:latin typeface="Calibri"/>
              <a:cs typeface="Calibri"/>
            </a:endParaRPr>
          </a:p>
        </p:txBody>
      </p:sp>
      <p:sp>
        <p:nvSpPr>
          <p:cNvPr id="214" name="object 214"/>
          <p:cNvSpPr txBox="1"/>
          <p:nvPr/>
        </p:nvSpPr>
        <p:spPr>
          <a:xfrm>
            <a:off x="6051546" y="402770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6,495</a:t>
            </a:r>
            <a:endParaRPr sz="898">
              <a:latin typeface="Calibri"/>
              <a:cs typeface="Calibri"/>
            </a:endParaRPr>
          </a:p>
        </p:txBody>
      </p:sp>
      <p:sp>
        <p:nvSpPr>
          <p:cNvPr id="215" name="object 215"/>
          <p:cNvSpPr txBox="1"/>
          <p:nvPr/>
        </p:nvSpPr>
        <p:spPr>
          <a:xfrm>
            <a:off x="6415134" y="4122837"/>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5,978</a:t>
            </a:r>
            <a:endParaRPr sz="898">
              <a:latin typeface="Calibri"/>
              <a:cs typeface="Calibri"/>
            </a:endParaRPr>
          </a:p>
        </p:txBody>
      </p:sp>
      <p:sp>
        <p:nvSpPr>
          <p:cNvPr id="216" name="object 216"/>
          <p:cNvSpPr txBox="1"/>
          <p:nvPr/>
        </p:nvSpPr>
        <p:spPr>
          <a:xfrm>
            <a:off x="6778723" y="419972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5,585</a:t>
            </a:r>
            <a:endParaRPr sz="898">
              <a:latin typeface="Calibri"/>
              <a:cs typeface="Calibri"/>
            </a:endParaRPr>
          </a:p>
        </p:txBody>
      </p:sp>
      <p:sp>
        <p:nvSpPr>
          <p:cNvPr id="217" name="object 217"/>
          <p:cNvSpPr txBox="1"/>
          <p:nvPr/>
        </p:nvSpPr>
        <p:spPr>
          <a:xfrm>
            <a:off x="7142310" y="426618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5,276</a:t>
            </a:r>
            <a:endParaRPr sz="898">
              <a:latin typeface="Calibri"/>
              <a:cs typeface="Calibri"/>
            </a:endParaRPr>
          </a:p>
        </p:txBody>
      </p:sp>
      <p:sp>
        <p:nvSpPr>
          <p:cNvPr id="218" name="object 218"/>
          <p:cNvSpPr txBox="1"/>
          <p:nvPr/>
        </p:nvSpPr>
        <p:spPr>
          <a:xfrm>
            <a:off x="7505898" y="432483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5,028</a:t>
            </a:r>
            <a:endParaRPr sz="898">
              <a:latin typeface="Calibri"/>
              <a:cs typeface="Calibri"/>
            </a:endParaRPr>
          </a:p>
        </p:txBody>
      </p:sp>
      <p:sp>
        <p:nvSpPr>
          <p:cNvPr id="219" name="object 219"/>
          <p:cNvSpPr txBox="1"/>
          <p:nvPr/>
        </p:nvSpPr>
        <p:spPr>
          <a:xfrm>
            <a:off x="7868184" y="4379563"/>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4,793</a:t>
            </a:r>
            <a:endParaRPr sz="898">
              <a:latin typeface="Calibri"/>
              <a:cs typeface="Calibri"/>
            </a:endParaRPr>
          </a:p>
        </p:txBody>
      </p:sp>
      <p:sp>
        <p:nvSpPr>
          <p:cNvPr id="220" name="object 220"/>
          <p:cNvSpPr txBox="1"/>
          <p:nvPr/>
        </p:nvSpPr>
        <p:spPr>
          <a:xfrm>
            <a:off x="8231772" y="4435601"/>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4,530</a:t>
            </a:r>
            <a:endParaRPr sz="898">
              <a:latin typeface="Calibri"/>
              <a:cs typeface="Calibri"/>
            </a:endParaRPr>
          </a:p>
        </p:txBody>
      </p:sp>
      <p:sp>
        <p:nvSpPr>
          <p:cNvPr id="221" name="object 221"/>
          <p:cNvSpPr txBox="1"/>
          <p:nvPr/>
        </p:nvSpPr>
        <p:spPr>
          <a:xfrm>
            <a:off x="1009532" y="2456065"/>
            <a:ext cx="201450"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624</a:t>
            </a:r>
            <a:endParaRPr sz="898">
              <a:latin typeface="Calibri"/>
              <a:cs typeface="Calibri"/>
            </a:endParaRPr>
          </a:p>
        </p:txBody>
      </p:sp>
      <p:sp>
        <p:nvSpPr>
          <p:cNvPr id="222" name="object 222"/>
          <p:cNvSpPr txBox="1"/>
          <p:nvPr/>
        </p:nvSpPr>
        <p:spPr>
          <a:xfrm>
            <a:off x="1371817" y="2306200"/>
            <a:ext cx="201450"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739</a:t>
            </a:r>
            <a:endParaRPr sz="898">
              <a:latin typeface="Calibri"/>
              <a:cs typeface="Calibri"/>
            </a:endParaRPr>
          </a:p>
        </p:txBody>
      </p:sp>
      <p:sp>
        <p:nvSpPr>
          <p:cNvPr id="223" name="object 223"/>
          <p:cNvSpPr txBox="1"/>
          <p:nvPr/>
        </p:nvSpPr>
        <p:spPr>
          <a:xfrm>
            <a:off x="1735406" y="2106812"/>
            <a:ext cx="201450"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887</a:t>
            </a:r>
            <a:endParaRPr sz="898">
              <a:latin typeface="Calibri"/>
              <a:cs typeface="Calibri"/>
            </a:endParaRPr>
          </a:p>
        </p:txBody>
      </p:sp>
      <p:sp>
        <p:nvSpPr>
          <p:cNvPr id="224" name="object 224"/>
          <p:cNvSpPr txBox="1"/>
          <p:nvPr/>
        </p:nvSpPr>
        <p:spPr>
          <a:xfrm>
            <a:off x="2054684" y="1977798"/>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065</a:t>
            </a:r>
            <a:endParaRPr sz="898">
              <a:latin typeface="Calibri"/>
              <a:cs typeface="Calibri"/>
            </a:endParaRPr>
          </a:p>
        </p:txBody>
      </p:sp>
      <p:sp>
        <p:nvSpPr>
          <p:cNvPr id="225" name="object 225"/>
          <p:cNvSpPr txBox="1"/>
          <p:nvPr/>
        </p:nvSpPr>
        <p:spPr>
          <a:xfrm>
            <a:off x="2418272" y="188266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247</a:t>
            </a:r>
            <a:endParaRPr sz="898">
              <a:latin typeface="Calibri"/>
              <a:cs typeface="Calibri"/>
            </a:endParaRPr>
          </a:p>
        </p:txBody>
      </p:sp>
      <p:sp>
        <p:nvSpPr>
          <p:cNvPr id="226" name="object 226"/>
          <p:cNvSpPr txBox="1"/>
          <p:nvPr/>
        </p:nvSpPr>
        <p:spPr>
          <a:xfrm>
            <a:off x="2781861" y="185008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489</a:t>
            </a:r>
            <a:endParaRPr sz="898">
              <a:latin typeface="Calibri"/>
              <a:cs typeface="Calibri"/>
            </a:endParaRPr>
          </a:p>
        </p:txBody>
      </p:sp>
      <p:sp>
        <p:nvSpPr>
          <p:cNvPr id="227" name="object 227"/>
          <p:cNvSpPr txBox="1"/>
          <p:nvPr/>
        </p:nvSpPr>
        <p:spPr>
          <a:xfrm>
            <a:off x="3145449" y="183575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1,826</a:t>
            </a:r>
            <a:endParaRPr sz="898">
              <a:latin typeface="Calibri"/>
              <a:cs typeface="Calibri"/>
            </a:endParaRPr>
          </a:p>
        </p:txBody>
      </p:sp>
      <p:sp>
        <p:nvSpPr>
          <p:cNvPr id="228" name="object 228"/>
          <p:cNvSpPr txBox="1"/>
          <p:nvPr/>
        </p:nvSpPr>
        <p:spPr>
          <a:xfrm>
            <a:off x="3507734" y="1853995"/>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201</a:t>
            </a:r>
            <a:endParaRPr sz="898">
              <a:latin typeface="Calibri"/>
              <a:cs typeface="Calibri"/>
            </a:endParaRPr>
          </a:p>
        </p:txBody>
      </p:sp>
      <p:sp>
        <p:nvSpPr>
          <p:cNvPr id="229" name="object 229"/>
          <p:cNvSpPr txBox="1"/>
          <p:nvPr/>
        </p:nvSpPr>
        <p:spPr>
          <a:xfrm>
            <a:off x="3871322" y="189309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567</a:t>
            </a:r>
            <a:endParaRPr sz="898">
              <a:latin typeface="Calibri"/>
              <a:cs typeface="Calibri"/>
            </a:endParaRPr>
          </a:p>
        </p:txBody>
      </p:sp>
      <p:sp>
        <p:nvSpPr>
          <p:cNvPr id="230" name="object 230"/>
          <p:cNvSpPr txBox="1"/>
          <p:nvPr/>
        </p:nvSpPr>
        <p:spPr>
          <a:xfrm>
            <a:off x="4234909" y="195434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2,925</a:t>
            </a:r>
            <a:endParaRPr sz="898">
              <a:latin typeface="Calibri"/>
              <a:cs typeface="Calibri"/>
            </a:endParaRPr>
          </a:p>
        </p:txBody>
      </p:sp>
      <p:sp>
        <p:nvSpPr>
          <p:cNvPr id="231" name="object 231"/>
          <p:cNvSpPr txBox="1"/>
          <p:nvPr/>
        </p:nvSpPr>
        <p:spPr>
          <a:xfrm>
            <a:off x="4598498" y="2075536"/>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342</a:t>
            </a:r>
            <a:endParaRPr sz="898">
              <a:latin typeface="Calibri"/>
              <a:cs typeface="Calibri"/>
            </a:endParaRPr>
          </a:p>
        </p:txBody>
      </p:sp>
      <p:sp>
        <p:nvSpPr>
          <p:cNvPr id="232" name="object 232"/>
          <p:cNvSpPr txBox="1"/>
          <p:nvPr/>
        </p:nvSpPr>
        <p:spPr>
          <a:xfrm>
            <a:off x="4962086" y="2113328"/>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620</a:t>
            </a:r>
            <a:endParaRPr sz="898">
              <a:latin typeface="Calibri"/>
              <a:cs typeface="Calibri"/>
            </a:endParaRPr>
          </a:p>
        </p:txBody>
      </p:sp>
      <p:sp>
        <p:nvSpPr>
          <p:cNvPr id="233" name="object 233"/>
          <p:cNvSpPr txBox="1"/>
          <p:nvPr/>
        </p:nvSpPr>
        <p:spPr>
          <a:xfrm>
            <a:off x="5362163" y="2020803"/>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678</a:t>
            </a:r>
            <a:endParaRPr sz="898">
              <a:latin typeface="Calibri"/>
              <a:cs typeface="Calibri"/>
            </a:endParaRPr>
          </a:p>
        </p:txBody>
      </p:sp>
      <p:sp>
        <p:nvSpPr>
          <p:cNvPr id="234" name="object 234"/>
          <p:cNvSpPr txBox="1"/>
          <p:nvPr/>
        </p:nvSpPr>
        <p:spPr>
          <a:xfrm>
            <a:off x="5700991" y="263590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716</a:t>
            </a:r>
            <a:endParaRPr sz="898">
              <a:latin typeface="Calibri"/>
              <a:cs typeface="Calibri"/>
            </a:endParaRPr>
          </a:p>
        </p:txBody>
      </p:sp>
      <p:sp>
        <p:nvSpPr>
          <p:cNvPr id="235" name="object 235"/>
          <p:cNvSpPr txBox="1"/>
          <p:nvPr/>
        </p:nvSpPr>
        <p:spPr>
          <a:xfrm>
            <a:off x="6051546" y="2449550"/>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782</a:t>
            </a:r>
            <a:endParaRPr sz="898">
              <a:latin typeface="Calibri"/>
              <a:cs typeface="Calibri"/>
            </a:endParaRPr>
          </a:p>
        </p:txBody>
      </p:sp>
      <p:sp>
        <p:nvSpPr>
          <p:cNvPr id="236" name="object 236"/>
          <p:cNvSpPr txBox="1"/>
          <p:nvPr/>
        </p:nvSpPr>
        <p:spPr>
          <a:xfrm>
            <a:off x="6415134" y="260202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921</a:t>
            </a:r>
            <a:endParaRPr sz="898">
              <a:latin typeface="Calibri"/>
              <a:cs typeface="Calibri"/>
            </a:endParaRPr>
          </a:p>
        </p:txBody>
      </p:sp>
      <p:sp>
        <p:nvSpPr>
          <p:cNvPr id="237" name="object 237"/>
          <p:cNvSpPr txBox="1"/>
          <p:nvPr/>
        </p:nvSpPr>
        <p:spPr>
          <a:xfrm>
            <a:off x="6778723" y="2740159"/>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920</a:t>
            </a:r>
            <a:endParaRPr sz="898">
              <a:latin typeface="Calibri"/>
              <a:cs typeface="Calibri"/>
            </a:endParaRPr>
          </a:p>
        </p:txBody>
      </p:sp>
      <p:sp>
        <p:nvSpPr>
          <p:cNvPr id="238" name="object 238"/>
          <p:cNvSpPr txBox="1"/>
          <p:nvPr/>
        </p:nvSpPr>
        <p:spPr>
          <a:xfrm>
            <a:off x="7142310" y="2866568"/>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841</a:t>
            </a:r>
            <a:endParaRPr sz="898">
              <a:latin typeface="Calibri"/>
              <a:cs typeface="Calibri"/>
            </a:endParaRPr>
          </a:p>
        </p:txBody>
      </p:sp>
      <p:sp>
        <p:nvSpPr>
          <p:cNvPr id="239" name="object 239"/>
          <p:cNvSpPr txBox="1"/>
          <p:nvPr/>
        </p:nvSpPr>
        <p:spPr>
          <a:xfrm>
            <a:off x="7505898" y="2982552"/>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705</a:t>
            </a:r>
            <a:endParaRPr sz="898">
              <a:latin typeface="Calibri"/>
              <a:cs typeface="Calibri"/>
            </a:endParaRPr>
          </a:p>
        </p:txBody>
      </p:sp>
      <p:sp>
        <p:nvSpPr>
          <p:cNvPr id="240" name="object 240"/>
          <p:cNvSpPr txBox="1"/>
          <p:nvPr/>
        </p:nvSpPr>
        <p:spPr>
          <a:xfrm>
            <a:off x="7868184" y="3099838"/>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541</a:t>
            </a:r>
            <a:endParaRPr sz="898">
              <a:latin typeface="Calibri"/>
              <a:cs typeface="Calibri"/>
            </a:endParaRPr>
          </a:p>
        </p:txBody>
      </p:sp>
      <p:sp>
        <p:nvSpPr>
          <p:cNvPr id="241" name="object 241"/>
          <p:cNvSpPr txBox="1"/>
          <p:nvPr/>
        </p:nvSpPr>
        <p:spPr>
          <a:xfrm>
            <a:off x="8231772" y="3221034"/>
            <a:ext cx="289958" cy="152435"/>
          </a:xfrm>
          <a:prstGeom prst="rect">
            <a:avLst/>
          </a:prstGeom>
        </p:spPr>
        <p:txBody>
          <a:bodyPr vert="horz" wrap="square" lIns="0" tIns="14118" rIns="0" bIns="0" rtlCol="0">
            <a:spAutoFit/>
          </a:bodyPr>
          <a:lstStyle/>
          <a:p>
            <a:pPr marL="10860">
              <a:spcBef>
                <a:spcPts val="111"/>
              </a:spcBef>
            </a:pPr>
            <a:r>
              <a:rPr sz="898" spc="-9" dirty="0">
                <a:latin typeface="Calibri"/>
                <a:cs typeface="Calibri"/>
              </a:rPr>
              <a:t>3,381</a:t>
            </a:r>
            <a:endParaRPr sz="898">
              <a:latin typeface="Calibri"/>
              <a:cs typeface="Calibri"/>
            </a:endParaRPr>
          </a:p>
        </p:txBody>
      </p:sp>
      <p:sp>
        <p:nvSpPr>
          <p:cNvPr id="242" name="object 242"/>
          <p:cNvSpPr txBox="1"/>
          <p:nvPr/>
        </p:nvSpPr>
        <p:spPr>
          <a:xfrm>
            <a:off x="1069479" y="4640200"/>
            <a:ext cx="81449" cy="152435"/>
          </a:xfrm>
          <a:prstGeom prst="rect">
            <a:avLst/>
          </a:prstGeom>
        </p:spPr>
        <p:txBody>
          <a:bodyPr vert="horz" wrap="square" lIns="0" tIns="14118" rIns="0" bIns="0" rtlCol="0">
            <a:spAutoFit/>
          </a:bodyPr>
          <a:lstStyle/>
          <a:p>
            <a:pPr marL="10860">
              <a:spcBef>
                <a:spcPts val="111"/>
              </a:spcBef>
            </a:pPr>
            <a:r>
              <a:rPr sz="898" spc="-43" dirty="0">
                <a:latin typeface="Calibri"/>
                <a:cs typeface="Calibri"/>
              </a:rPr>
              <a:t>6</a:t>
            </a:r>
            <a:endParaRPr sz="898">
              <a:latin typeface="Calibri"/>
              <a:cs typeface="Calibri"/>
            </a:endParaRPr>
          </a:p>
        </p:txBody>
      </p:sp>
      <p:sp>
        <p:nvSpPr>
          <p:cNvPr id="243" name="object 243"/>
          <p:cNvSpPr txBox="1"/>
          <p:nvPr/>
        </p:nvSpPr>
        <p:spPr>
          <a:xfrm>
            <a:off x="1433067" y="4567221"/>
            <a:ext cx="81449" cy="152435"/>
          </a:xfrm>
          <a:prstGeom prst="rect">
            <a:avLst/>
          </a:prstGeom>
        </p:spPr>
        <p:txBody>
          <a:bodyPr vert="horz" wrap="square" lIns="0" tIns="14118" rIns="0" bIns="0" rtlCol="0">
            <a:spAutoFit/>
          </a:bodyPr>
          <a:lstStyle/>
          <a:p>
            <a:pPr marL="10860">
              <a:spcBef>
                <a:spcPts val="111"/>
              </a:spcBef>
            </a:pPr>
            <a:r>
              <a:rPr sz="898" spc="-43" dirty="0">
                <a:latin typeface="Calibri"/>
                <a:cs typeface="Calibri"/>
              </a:rPr>
              <a:t>7</a:t>
            </a:r>
            <a:endParaRPr sz="898">
              <a:latin typeface="Calibri"/>
              <a:cs typeface="Calibri"/>
            </a:endParaRPr>
          </a:p>
        </p:txBody>
      </p:sp>
      <p:sp>
        <p:nvSpPr>
          <p:cNvPr id="244" name="object 244"/>
          <p:cNvSpPr txBox="1"/>
          <p:nvPr/>
        </p:nvSpPr>
        <p:spPr>
          <a:xfrm>
            <a:off x="1796655" y="4483818"/>
            <a:ext cx="81449" cy="152435"/>
          </a:xfrm>
          <a:prstGeom prst="rect">
            <a:avLst/>
          </a:prstGeom>
        </p:spPr>
        <p:txBody>
          <a:bodyPr vert="horz" wrap="square" lIns="0" tIns="14118" rIns="0" bIns="0" rtlCol="0">
            <a:spAutoFit/>
          </a:bodyPr>
          <a:lstStyle/>
          <a:p>
            <a:pPr marL="10860">
              <a:spcBef>
                <a:spcPts val="111"/>
              </a:spcBef>
            </a:pPr>
            <a:r>
              <a:rPr sz="898" spc="-43" dirty="0">
                <a:latin typeface="Calibri"/>
                <a:cs typeface="Calibri"/>
              </a:rPr>
              <a:t>8</a:t>
            </a:r>
            <a:endParaRPr sz="898">
              <a:latin typeface="Calibri"/>
              <a:cs typeface="Calibri"/>
            </a:endParaRPr>
          </a:p>
        </p:txBody>
      </p:sp>
      <p:sp>
        <p:nvSpPr>
          <p:cNvPr id="245" name="object 245"/>
          <p:cNvSpPr txBox="1"/>
          <p:nvPr/>
        </p:nvSpPr>
        <p:spPr>
          <a:xfrm>
            <a:off x="2158940" y="4371744"/>
            <a:ext cx="81449" cy="152435"/>
          </a:xfrm>
          <a:prstGeom prst="rect">
            <a:avLst/>
          </a:prstGeom>
        </p:spPr>
        <p:txBody>
          <a:bodyPr vert="horz" wrap="square" lIns="0" tIns="14118" rIns="0" bIns="0" rtlCol="0">
            <a:spAutoFit/>
          </a:bodyPr>
          <a:lstStyle/>
          <a:p>
            <a:pPr marL="10860">
              <a:spcBef>
                <a:spcPts val="111"/>
              </a:spcBef>
            </a:pPr>
            <a:r>
              <a:rPr sz="898" spc="-43" dirty="0">
                <a:latin typeface="Calibri"/>
                <a:cs typeface="Calibri"/>
              </a:rPr>
              <a:t>9</a:t>
            </a:r>
            <a:endParaRPr sz="898">
              <a:latin typeface="Calibri"/>
              <a:cs typeface="Calibri"/>
            </a:endParaRPr>
          </a:p>
        </p:txBody>
      </p:sp>
      <p:sp>
        <p:nvSpPr>
          <p:cNvPr id="246" name="object 246"/>
          <p:cNvSpPr txBox="1"/>
          <p:nvPr/>
        </p:nvSpPr>
        <p:spPr>
          <a:xfrm>
            <a:off x="2492555" y="4257065"/>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10</a:t>
            </a:r>
            <a:endParaRPr sz="898">
              <a:latin typeface="Calibri"/>
              <a:cs typeface="Calibri"/>
            </a:endParaRPr>
          </a:p>
        </p:txBody>
      </p:sp>
      <p:sp>
        <p:nvSpPr>
          <p:cNvPr id="247" name="object 247"/>
          <p:cNvSpPr txBox="1"/>
          <p:nvPr/>
        </p:nvSpPr>
        <p:spPr>
          <a:xfrm>
            <a:off x="2856143" y="4087650"/>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12</a:t>
            </a:r>
            <a:endParaRPr sz="898">
              <a:latin typeface="Calibri"/>
              <a:cs typeface="Calibri"/>
            </a:endParaRPr>
          </a:p>
        </p:txBody>
      </p:sp>
      <p:sp>
        <p:nvSpPr>
          <p:cNvPr id="248" name="object 248"/>
          <p:cNvSpPr txBox="1"/>
          <p:nvPr/>
        </p:nvSpPr>
        <p:spPr>
          <a:xfrm>
            <a:off x="3219731" y="3850471"/>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15</a:t>
            </a:r>
            <a:endParaRPr sz="898">
              <a:latin typeface="Calibri"/>
              <a:cs typeface="Calibri"/>
            </a:endParaRPr>
          </a:p>
        </p:txBody>
      </p:sp>
      <p:sp>
        <p:nvSpPr>
          <p:cNvPr id="249" name="object 249"/>
          <p:cNvSpPr txBox="1"/>
          <p:nvPr/>
        </p:nvSpPr>
        <p:spPr>
          <a:xfrm>
            <a:off x="3583318" y="3582016"/>
            <a:ext cx="577744" cy="152435"/>
          </a:xfrm>
          <a:prstGeom prst="rect">
            <a:avLst/>
          </a:prstGeom>
        </p:spPr>
        <p:txBody>
          <a:bodyPr vert="horz" wrap="square" lIns="0" tIns="14118" rIns="0" bIns="0" rtlCol="0">
            <a:spAutoFit/>
          </a:bodyPr>
          <a:lstStyle/>
          <a:p>
            <a:pPr marL="10860">
              <a:spcBef>
                <a:spcPts val="111"/>
              </a:spcBef>
              <a:tabLst>
                <a:tab pos="298644" algn="l"/>
              </a:tabLst>
            </a:pPr>
            <a:r>
              <a:rPr sz="898" spc="-21" dirty="0">
                <a:latin typeface="Calibri"/>
                <a:cs typeface="Calibri"/>
              </a:rPr>
              <a:t>17</a:t>
            </a:r>
            <a:r>
              <a:rPr sz="898" dirty="0">
                <a:latin typeface="Calibri"/>
                <a:cs typeface="Calibri"/>
              </a:rPr>
              <a:t>	</a:t>
            </a:r>
            <a:r>
              <a:rPr sz="1347" spc="-13" baseline="2645" dirty="0">
                <a:latin typeface="Calibri"/>
                <a:cs typeface="Calibri"/>
              </a:rPr>
              <a:t>8,409</a:t>
            </a:r>
            <a:endParaRPr sz="1347" baseline="2645">
              <a:latin typeface="Calibri"/>
              <a:cs typeface="Calibri"/>
            </a:endParaRPr>
          </a:p>
        </p:txBody>
      </p:sp>
      <p:sp>
        <p:nvSpPr>
          <p:cNvPr id="250" name="object 250"/>
          <p:cNvSpPr txBox="1"/>
          <p:nvPr/>
        </p:nvSpPr>
        <p:spPr>
          <a:xfrm>
            <a:off x="3946907" y="3314863"/>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20</a:t>
            </a:r>
            <a:endParaRPr sz="898">
              <a:latin typeface="Calibri"/>
              <a:cs typeface="Calibri"/>
            </a:endParaRPr>
          </a:p>
        </p:txBody>
      </p:sp>
      <p:sp>
        <p:nvSpPr>
          <p:cNvPr id="251" name="object 251"/>
          <p:cNvSpPr txBox="1"/>
          <p:nvPr/>
        </p:nvSpPr>
        <p:spPr>
          <a:xfrm>
            <a:off x="4309191" y="3042498"/>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23</a:t>
            </a:r>
            <a:endParaRPr sz="898">
              <a:latin typeface="Calibri"/>
              <a:cs typeface="Calibri"/>
            </a:endParaRPr>
          </a:p>
        </p:txBody>
      </p:sp>
      <p:sp>
        <p:nvSpPr>
          <p:cNvPr id="252" name="object 252"/>
          <p:cNvSpPr txBox="1"/>
          <p:nvPr/>
        </p:nvSpPr>
        <p:spPr>
          <a:xfrm>
            <a:off x="4672779" y="2690638"/>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27</a:t>
            </a:r>
            <a:endParaRPr sz="898">
              <a:latin typeface="Calibri"/>
              <a:cs typeface="Calibri"/>
            </a:endParaRPr>
          </a:p>
        </p:txBody>
      </p:sp>
      <p:sp>
        <p:nvSpPr>
          <p:cNvPr id="253" name="object 253"/>
          <p:cNvSpPr txBox="1"/>
          <p:nvPr/>
        </p:nvSpPr>
        <p:spPr>
          <a:xfrm>
            <a:off x="5036368" y="2482130"/>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29</a:t>
            </a:r>
            <a:endParaRPr sz="898">
              <a:latin typeface="Calibri"/>
              <a:cs typeface="Calibri"/>
            </a:endParaRPr>
          </a:p>
        </p:txBody>
      </p:sp>
      <p:sp>
        <p:nvSpPr>
          <p:cNvPr id="254" name="object 254"/>
          <p:cNvSpPr txBox="1"/>
          <p:nvPr/>
        </p:nvSpPr>
        <p:spPr>
          <a:xfrm>
            <a:off x="5399955" y="2373964"/>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0</a:t>
            </a:r>
            <a:endParaRPr sz="898">
              <a:latin typeface="Calibri"/>
              <a:cs typeface="Calibri"/>
            </a:endParaRPr>
          </a:p>
        </p:txBody>
      </p:sp>
      <p:sp>
        <p:nvSpPr>
          <p:cNvPr id="255" name="object 255"/>
          <p:cNvSpPr txBox="1"/>
          <p:nvPr/>
        </p:nvSpPr>
        <p:spPr>
          <a:xfrm>
            <a:off x="5763543" y="2260588"/>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1</a:t>
            </a:r>
            <a:endParaRPr sz="898">
              <a:latin typeface="Calibri"/>
              <a:cs typeface="Calibri"/>
            </a:endParaRPr>
          </a:p>
        </p:txBody>
      </p:sp>
      <p:sp>
        <p:nvSpPr>
          <p:cNvPr id="256" name="object 256"/>
          <p:cNvSpPr txBox="1"/>
          <p:nvPr/>
        </p:nvSpPr>
        <p:spPr>
          <a:xfrm>
            <a:off x="6127132" y="2105509"/>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3</a:t>
            </a:r>
            <a:endParaRPr sz="898">
              <a:latin typeface="Calibri"/>
              <a:cs typeface="Calibri"/>
            </a:endParaRPr>
          </a:p>
        </p:txBody>
      </p:sp>
      <p:sp>
        <p:nvSpPr>
          <p:cNvPr id="257" name="object 257"/>
          <p:cNvSpPr txBox="1"/>
          <p:nvPr/>
        </p:nvSpPr>
        <p:spPr>
          <a:xfrm>
            <a:off x="6489416" y="1864421"/>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5</a:t>
            </a:r>
            <a:endParaRPr sz="898">
              <a:latin typeface="Calibri"/>
              <a:cs typeface="Calibri"/>
            </a:endParaRPr>
          </a:p>
        </p:txBody>
      </p:sp>
      <p:sp>
        <p:nvSpPr>
          <p:cNvPr id="258" name="object 258"/>
          <p:cNvSpPr txBox="1"/>
          <p:nvPr/>
        </p:nvSpPr>
        <p:spPr>
          <a:xfrm>
            <a:off x="6853004" y="1722373"/>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7</a:t>
            </a:r>
            <a:endParaRPr sz="898">
              <a:latin typeface="Calibri"/>
              <a:cs typeface="Calibri"/>
            </a:endParaRPr>
          </a:p>
        </p:txBody>
      </p:sp>
      <p:sp>
        <p:nvSpPr>
          <p:cNvPr id="259" name="object 259"/>
          <p:cNvSpPr txBox="1"/>
          <p:nvPr/>
        </p:nvSpPr>
        <p:spPr>
          <a:xfrm>
            <a:off x="7216593" y="1641576"/>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8</a:t>
            </a:r>
            <a:endParaRPr sz="898">
              <a:latin typeface="Calibri"/>
              <a:cs typeface="Calibri"/>
            </a:endParaRPr>
          </a:p>
        </p:txBody>
      </p:sp>
      <p:sp>
        <p:nvSpPr>
          <p:cNvPr id="260" name="object 260"/>
          <p:cNvSpPr txBox="1"/>
          <p:nvPr/>
        </p:nvSpPr>
        <p:spPr>
          <a:xfrm>
            <a:off x="7580181" y="1608996"/>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8</a:t>
            </a:r>
            <a:endParaRPr sz="898">
              <a:latin typeface="Calibri"/>
              <a:cs typeface="Calibri"/>
            </a:endParaRPr>
          </a:p>
        </p:txBody>
      </p:sp>
      <p:sp>
        <p:nvSpPr>
          <p:cNvPr id="261" name="object 261"/>
          <p:cNvSpPr txBox="1"/>
          <p:nvPr/>
        </p:nvSpPr>
        <p:spPr>
          <a:xfrm>
            <a:off x="7943768" y="1597268"/>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8</a:t>
            </a:r>
            <a:endParaRPr sz="898">
              <a:latin typeface="Calibri"/>
              <a:cs typeface="Calibri"/>
            </a:endParaRPr>
          </a:p>
        </p:txBody>
      </p:sp>
      <p:sp>
        <p:nvSpPr>
          <p:cNvPr id="262" name="object 262"/>
          <p:cNvSpPr txBox="1"/>
          <p:nvPr/>
        </p:nvSpPr>
        <p:spPr>
          <a:xfrm>
            <a:off x="8307357" y="1573810"/>
            <a:ext cx="141178" cy="152435"/>
          </a:xfrm>
          <a:prstGeom prst="rect">
            <a:avLst/>
          </a:prstGeom>
        </p:spPr>
        <p:txBody>
          <a:bodyPr vert="horz" wrap="square" lIns="0" tIns="14118" rIns="0" bIns="0" rtlCol="0">
            <a:spAutoFit/>
          </a:bodyPr>
          <a:lstStyle/>
          <a:p>
            <a:pPr marL="10860">
              <a:spcBef>
                <a:spcPts val="111"/>
              </a:spcBef>
            </a:pPr>
            <a:r>
              <a:rPr sz="898" spc="-21" dirty="0">
                <a:latin typeface="Calibri"/>
                <a:cs typeface="Calibri"/>
              </a:rPr>
              <a:t>38</a:t>
            </a:r>
            <a:endParaRPr sz="898">
              <a:latin typeface="Calibri"/>
              <a:cs typeface="Calibri"/>
            </a:endParaRPr>
          </a:p>
        </p:txBody>
      </p:sp>
      <p:sp>
        <p:nvSpPr>
          <p:cNvPr id="263" name="object 263"/>
          <p:cNvSpPr txBox="1"/>
          <p:nvPr/>
        </p:nvSpPr>
        <p:spPr>
          <a:xfrm>
            <a:off x="8659215" y="4916475"/>
            <a:ext cx="92309" cy="181555"/>
          </a:xfrm>
          <a:prstGeom prst="rect">
            <a:avLst/>
          </a:prstGeom>
        </p:spPr>
        <p:txBody>
          <a:bodyPr vert="horz" wrap="square" lIns="0" tIns="10317" rIns="0" bIns="0" rtlCol="0">
            <a:spAutoFit/>
          </a:bodyPr>
          <a:lstStyle/>
          <a:p>
            <a:pPr marL="10860">
              <a:spcBef>
                <a:spcPts val="81"/>
              </a:spcBef>
            </a:pPr>
            <a:r>
              <a:rPr sz="1112" spc="-43" dirty="0">
                <a:latin typeface="ＭＳ Ｐゴシック"/>
                <a:cs typeface="ＭＳ Ｐゴシック"/>
              </a:rPr>
              <a:t>5</a:t>
            </a:r>
            <a:endParaRPr sz="1112">
              <a:latin typeface="ＭＳ Ｐゴシック"/>
              <a:cs typeface="ＭＳ Ｐゴシック"/>
            </a:endParaRPr>
          </a:p>
        </p:txBody>
      </p:sp>
      <p:sp>
        <p:nvSpPr>
          <p:cNvPr id="264" name="object 264"/>
          <p:cNvSpPr txBox="1"/>
          <p:nvPr/>
        </p:nvSpPr>
        <p:spPr>
          <a:xfrm>
            <a:off x="8659215" y="4438206"/>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10</a:t>
            </a:r>
            <a:endParaRPr sz="1112">
              <a:latin typeface="ＭＳ Ｐゴシック"/>
              <a:cs typeface="ＭＳ Ｐゴシック"/>
            </a:endParaRPr>
          </a:p>
        </p:txBody>
      </p:sp>
      <p:sp>
        <p:nvSpPr>
          <p:cNvPr id="265" name="object 265"/>
          <p:cNvSpPr txBox="1"/>
          <p:nvPr/>
        </p:nvSpPr>
        <p:spPr>
          <a:xfrm>
            <a:off x="8659215" y="3961242"/>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15</a:t>
            </a:r>
            <a:endParaRPr sz="1112">
              <a:latin typeface="ＭＳ Ｐゴシック"/>
              <a:cs typeface="ＭＳ Ｐゴシック"/>
            </a:endParaRPr>
          </a:p>
        </p:txBody>
      </p:sp>
      <p:sp>
        <p:nvSpPr>
          <p:cNvPr id="266" name="object 266"/>
          <p:cNvSpPr txBox="1"/>
          <p:nvPr/>
        </p:nvSpPr>
        <p:spPr>
          <a:xfrm>
            <a:off x="8659215" y="3482974"/>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20</a:t>
            </a:r>
            <a:endParaRPr sz="1112">
              <a:latin typeface="ＭＳ Ｐゴシック"/>
              <a:cs typeface="ＭＳ Ｐゴシック"/>
            </a:endParaRPr>
          </a:p>
        </p:txBody>
      </p:sp>
      <p:sp>
        <p:nvSpPr>
          <p:cNvPr id="267" name="object 267"/>
          <p:cNvSpPr txBox="1"/>
          <p:nvPr/>
        </p:nvSpPr>
        <p:spPr>
          <a:xfrm>
            <a:off x="8659215" y="3006009"/>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25</a:t>
            </a:r>
            <a:endParaRPr sz="1112">
              <a:latin typeface="ＭＳ Ｐゴシック"/>
              <a:cs typeface="ＭＳ Ｐゴシック"/>
            </a:endParaRPr>
          </a:p>
        </p:txBody>
      </p:sp>
      <p:sp>
        <p:nvSpPr>
          <p:cNvPr id="268" name="object 268"/>
          <p:cNvSpPr txBox="1"/>
          <p:nvPr/>
        </p:nvSpPr>
        <p:spPr>
          <a:xfrm>
            <a:off x="8659215" y="2527740"/>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30</a:t>
            </a:r>
            <a:endParaRPr sz="1112">
              <a:latin typeface="ＭＳ Ｐゴシック"/>
              <a:cs typeface="ＭＳ Ｐゴシック"/>
            </a:endParaRPr>
          </a:p>
        </p:txBody>
      </p:sp>
      <p:sp>
        <p:nvSpPr>
          <p:cNvPr id="269" name="object 269"/>
          <p:cNvSpPr txBox="1"/>
          <p:nvPr/>
        </p:nvSpPr>
        <p:spPr>
          <a:xfrm>
            <a:off x="8659215" y="2049472"/>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35</a:t>
            </a:r>
            <a:endParaRPr sz="1112">
              <a:latin typeface="ＭＳ Ｐゴシック"/>
              <a:cs typeface="ＭＳ Ｐゴシック"/>
            </a:endParaRPr>
          </a:p>
        </p:txBody>
      </p:sp>
      <p:sp>
        <p:nvSpPr>
          <p:cNvPr id="270" name="object 270"/>
          <p:cNvSpPr txBox="1"/>
          <p:nvPr/>
        </p:nvSpPr>
        <p:spPr>
          <a:xfrm>
            <a:off x="8659215" y="1572507"/>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40</a:t>
            </a:r>
            <a:endParaRPr sz="1112">
              <a:latin typeface="ＭＳ Ｐゴシック"/>
              <a:cs typeface="ＭＳ Ｐゴシック"/>
            </a:endParaRPr>
          </a:p>
        </p:txBody>
      </p:sp>
      <p:sp>
        <p:nvSpPr>
          <p:cNvPr id="271" name="object 271"/>
          <p:cNvSpPr txBox="1"/>
          <p:nvPr/>
        </p:nvSpPr>
        <p:spPr>
          <a:xfrm>
            <a:off x="8659215" y="1094239"/>
            <a:ext cx="162898"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45</a:t>
            </a:r>
            <a:endParaRPr sz="1112">
              <a:latin typeface="ＭＳ Ｐゴシック"/>
              <a:cs typeface="ＭＳ Ｐゴシック"/>
            </a:endParaRPr>
          </a:p>
        </p:txBody>
      </p:sp>
      <p:sp>
        <p:nvSpPr>
          <p:cNvPr id="272" name="object 272"/>
          <p:cNvSpPr txBox="1"/>
          <p:nvPr/>
        </p:nvSpPr>
        <p:spPr>
          <a:xfrm>
            <a:off x="694161" y="5394743"/>
            <a:ext cx="92309" cy="181555"/>
          </a:xfrm>
          <a:prstGeom prst="rect">
            <a:avLst/>
          </a:prstGeom>
        </p:spPr>
        <p:txBody>
          <a:bodyPr vert="horz" wrap="square" lIns="0" tIns="10317" rIns="0" bIns="0" rtlCol="0">
            <a:spAutoFit/>
          </a:bodyPr>
          <a:lstStyle/>
          <a:p>
            <a:pPr marL="10860">
              <a:spcBef>
                <a:spcPts val="81"/>
              </a:spcBef>
            </a:pPr>
            <a:r>
              <a:rPr sz="1112" spc="-43" dirty="0">
                <a:latin typeface="ＭＳ Ｐゴシック"/>
                <a:cs typeface="ＭＳ Ｐゴシック"/>
              </a:rPr>
              <a:t>0</a:t>
            </a:r>
            <a:endParaRPr sz="1112">
              <a:latin typeface="ＭＳ Ｐゴシック"/>
              <a:cs typeface="ＭＳ Ｐゴシック"/>
            </a:endParaRPr>
          </a:p>
        </p:txBody>
      </p:sp>
      <p:sp>
        <p:nvSpPr>
          <p:cNvPr id="273" name="object 273"/>
          <p:cNvSpPr txBox="1"/>
          <p:nvPr/>
        </p:nvSpPr>
        <p:spPr>
          <a:xfrm>
            <a:off x="454376" y="4779640"/>
            <a:ext cx="332312" cy="181555"/>
          </a:xfrm>
          <a:prstGeom prst="rect">
            <a:avLst/>
          </a:prstGeom>
        </p:spPr>
        <p:txBody>
          <a:bodyPr vert="horz" wrap="square" lIns="0" tIns="10317" rIns="0" bIns="0" rtlCol="0">
            <a:spAutoFit/>
          </a:bodyPr>
          <a:lstStyle/>
          <a:p>
            <a:pPr marL="10860">
              <a:spcBef>
                <a:spcPts val="81"/>
              </a:spcBef>
            </a:pPr>
            <a:r>
              <a:rPr sz="1112" spc="-17" dirty="0">
                <a:latin typeface="ＭＳ Ｐゴシック"/>
                <a:cs typeface="ＭＳ Ｐゴシック"/>
              </a:rPr>
              <a:t>2,000</a:t>
            </a:r>
            <a:endParaRPr sz="1112">
              <a:latin typeface="ＭＳ Ｐゴシック"/>
              <a:cs typeface="ＭＳ Ｐゴシック"/>
            </a:endParaRPr>
          </a:p>
        </p:txBody>
      </p:sp>
      <p:sp>
        <p:nvSpPr>
          <p:cNvPr id="274" name="object 274"/>
          <p:cNvSpPr txBox="1"/>
          <p:nvPr/>
        </p:nvSpPr>
        <p:spPr>
          <a:xfrm>
            <a:off x="454376" y="4165841"/>
            <a:ext cx="332312" cy="181555"/>
          </a:xfrm>
          <a:prstGeom prst="rect">
            <a:avLst/>
          </a:prstGeom>
        </p:spPr>
        <p:txBody>
          <a:bodyPr vert="horz" wrap="square" lIns="0" tIns="10317" rIns="0" bIns="0" rtlCol="0">
            <a:spAutoFit/>
          </a:bodyPr>
          <a:lstStyle/>
          <a:p>
            <a:pPr marL="10860">
              <a:spcBef>
                <a:spcPts val="81"/>
              </a:spcBef>
            </a:pPr>
            <a:r>
              <a:rPr sz="1112" spc="-17" dirty="0">
                <a:latin typeface="ＭＳ Ｐゴシック"/>
                <a:cs typeface="ＭＳ Ｐゴシック"/>
              </a:rPr>
              <a:t>4,000</a:t>
            </a:r>
            <a:endParaRPr sz="1112">
              <a:latin typeface="ＭＳ Ｐゴシック"/>
              <a:cs typeface="ＭＳ Ｐゴシック"/>
            </a:endParaRPr>
          </a:p>
        </p:txBody>
      </p:sp>
      <p:sp>
        <p:nvSpPr>
          <p:cNvPr id="275" name="object 275"/>
          <p:cNvSpPr txBox="1"/>
          <p:nvPr/>
        </p:nvSpPr>
        <p:spPr>
          <a:xfrm>
            <a:off x="454376" y="3552042"/>
            <a:ext cx="332312" cy="181555"/>
          </a:xfrm>
          <a:prstGeom prst="rect">
            <a:avLst/>
          </a:prstGeom>
        </p:spPr>
        <p:txBody>
          <a:bodyPr vert="horz" wrap="square" lIns="0" tIns="10317" rIns="0" bIns="0" rtlCol="0">
            <a:spAutoFit/>
          </a:bodyPr>
          <a:lstStyle/>
          <a:p>
            <a:pPr marL="10860">
              <a:spcBef>
                <a:spcPts val="81"/>
              </a:spcBef>
            </a:pPr>
            <a:r>
              <a:rPr sz="1112" spc="-17" dirty="0">
                <a:latin typeface="ＭＳ Ｐゴシック"/>
                <a:cs typeface="ＭＳ Ｐゴシック"/>
              </a:rPr>
              <a:t>6,000</a:t>
            </a:r>
            <a:endParaRPr sz="1112">
              <a:latin typeface="ＭＳ Ｐゴシック"/>
              <a:cs typeface="ＭＳ Ｐゴシック"/>
            </a:endParaRPr>
          </a:p>
        </p:txBody>
      </p:sp>
      <p:sp>
        <p:nvSpPr>
          <p:cNvPr id="276" name="object 276"/>
          <p:cNvSpPr txBox="1"/>
          <p:nvPr/>
        </p:nvSpPr>
        <p:spPr>
          <a:xfrm>
            <a:off x="454376" y="2936939"/>
            <a:ext cx="332312" cy="181555"/>
          </a:xfrm>
          <a:prstGeom prst="rect">
            <a:avLst/>
          </a:prstGeom>
        </p:spPr>
        <p:txBody>
          <a:bodyPr vert="horz" wrap="square" lIns="0" tIns="10317" rIns="0" bIns="0" rtlCol="0">
            <a:spAutoFit/>
          </a:bodyPr>
          <a:lstStyle/>
          <a:p>
            <a:pPr marL="10860">
              <a:spcBef>
                <a:spcPts val="81"/>
              </a:spcBef>
            </a:pPr>
            <a:r>
              <a:rPr sz="1112" spc="-17" dirty="0">
                <a:latin typeface="ＭＳ Ｐゴシック"/>
                <a:cs typeface="ＭＳ Ｐゴシック"/>
              </a:rPr>
              <a:t>8,000</a:t>
            </a:r>
            <a:endParaRPr sz="1112">
              <a:latin typeface="ＭＳ Ｐゴシック"/>
              <a:cs typeface="ＭＳ Ｐゴシック"/>
            </a:endParaRPr>
          </a:p>
        </p:txBody>
      </p:sp>
      <p:sp>
        <p:nvSpPr>
          <p:cNvPr id="277" name="object 277"/>
          <p:cNvSpPr txBox="1"/>
          <p:nvPr/>
        </p:nvSpPr>
        <p:spPr>
          <a:xfrm>
            <a:off x="384004" y="2323140"/>
            <a:ext cx="402357" cy="181555"/>
          </a:xfrm>
          <a:prstGeom prst="rect">
            <a:avLst/>
          </a:prstGeom>
        </p:spPr>
        <p:txBody>
          <a:bodyPr vert="horz" wrap="square" lIns="0" tIns="10317" rIns="0" bIns="0" rtlCol="0">
            <a:spAutoFit/>
          </a:bodyPr>
          <a:lstStyle/>
          <a:p>
            <a:pPr marL="10860">
              <a:spcBef>
                <a:spcPts val="81"/>
              </a:spcBef>
            </a:pPr>
            <a:r>
              <a:rPr sz="1112" spc="-9" dirty="0">
                <a:latin typeface="ＭＳ Ｐゴシック"/>
                <a:cs typeface="ＭＳ Ｐゴシック"/>
              </a:rPr>
              <a:t>10,000</a:t>
            </a:r>
            <a:endParaRPr sz="1112">
              <a:latin typeface="ＭＳ Ｐゴシック"/>
              <a:cs typeface="ＭＳ Ｐゴシック"/>
            </a:endParaRPr>
          </a:p>
        </p:txBody>
      </p:sp>
      <p:sp>
        <p:nvSpPr>
          <p:cNvPr id="278" name="object 278"/>
          <p:cNvSpPr txBox="1"/>
          <p:nvPr/>
        </p:nvSpPr>
        <p:spPr>
          <a:xfrm>
            <a:off x="384004" y="1709342"/>
            <a:ext cx="402357" cy="181555"/>
          </a:xfrm>
          <a:prstGeom prst="rect">
            <a:avLst/>
          </a:prstGeom>
        </p:spPr>
        <p:txBody>
          <a:bodyPr vert="horz" wrap="square" lIns="0" tIns="10317" rIns="0" bIns="0" rtlCol="0">
            <a:spAutoFit/>
          </a:bodyPr>
          <a:lstStyle/>
          <a:p>
            <a:pPr marL="10860">
              <a:spcBef>
                <a:spcPts val="81"/>
              </a:spcBef>
            </a:pPr>
            <a:r>
              <a:rPr sz="1112" spc="-9" dirty="0">
                <a:latin typeface="ＭＳ Ｐゴシック"/>
                <a:cs typeface="ＭＳ Ｐゴシック"/>
              </a:rPr>
              <a:t>12,000</a:t>
            </a:r>
            <a:endParaRPr sz="1112">
              <a:latin typeface="ＭＳ Ｐゴシック"/>
              <a:cs typeface="ＭＳ Ｐゴシック"/>
            </a:endParaRPr>
          </a:p>
        </p:txBody>
      </p:sp>
      <p:sp>
        <p:nvSpPr>
          <p:cNvPr id="279" name="object 279"/>
          <p:cNvSpPr txBox="1"/>
          <p:nvPr/>
        </p:nvSpPr>
        <p:spPr>
          <a:xfrm>
            <a:off x="384004" y="1094239"/>
            <a:ext cx="402357" cy="181555"/>
          </a:xfrm>
          <a:prstGeom prst="rect">
            <a:avLst/>
          </a:prstGeom>
        </p:spPr>
        <p:txBody>
          <a:bodyPr vert="horz" wrap="square" lIns="0" tIns="10317" rIns="0" bIns="0" rtlCol="0">
            <a:spAutoFit/>
          </a:bodyPr>
          <a:lstStyle/>
          <a:p>
            <a:pPr marL="10860">
              <a:spcBef>
                <a:spcPts val="81"/>
              </a:spcBef>
            </a:pPr>
            <a:r>
              <a:rPr sz="1112" spc="-9" dirty="0">
                <a:latin typeface="ＭＳ Ｐゴシック"/>
                <a:cs typeface="ＭＳ Ｐゴシック"/>
              </a:rPr>
              <a:t>14,000</a:t>
            </a:r>
            <a:endParaRPr sz="1112">
              <a:latin typeface="ＭＳ Ｐゴシック"/>
              <a:cs typeface="ＭＳ Ｐゴシック"/>
            </a:endParaRPr>
          </a:p>
        </p:txBody>
      </p:sp>
      <p:sp>
        <p:nvSpPr>
          <p:cNvPr id="280" name="object 280"/>
          <p:cNvSpPr txBox="1"/>
          <p:nvPr/>
        </p:nvSpPr>
        <p:spPr>
          <a:xfrm>
            <a:off x="8564083" y="851847"/>
            <a:ext cx="259008" cy="152435"/>
          </a:xfrm>
          <a:prstGeom prst="rect">
            <a:avLst/>
          </a:prstGeom>
        </p:spPr>
        <p:txBody>
          <a:bodyPr vert="horz" wrap="square" lIns="0" tIns="14118" rIns="0" bIns="0" rtlCol="0">
            <a:spAutoFit/>
          </a:bodyPr>
          <a:lstStyle/>
          <a:p>
            <a:pPr marL="10860">
              <a:spcBef>
                <a:spcPts val="111"/>
              </a:spcBef>
            </a:pPr>
            <a:r>
              <a:rPr sz="898" b="1" spc="-21" dirty="0">
                <a:latin typeface="ＭＳ Ｐゴシック"/>
                <a:cs typeface="ＭＳ Ｐゴシック"/>
              </a:rPr>
              <a:t>（％）</a:t>
            </a:r>
            <a:endParaRPr sz="898">
              <a:latin typeface="ＭＳ Ｐゴシック"/>
              <a:cs typeface="ＭＳ Ｐゴシック"/>
            </a:endParaRPr>
          </a:p>
        </p:txBody>
      </p:sp>
      <p:sp>
        <p:nvSpPr>
          <p:cNvPr id="281" name="object 281"/>
          <p:cNvSpPr txBox="1"/>
          <p:nvPr/>
        </p:nvSpPr>
        <p:spPr>
          <a:xfrm>
            <a:off x="304511" y="844029"/>
            <a:ext cx="377922" cy="152435"/>
          </a:xfrm>
          <a:prstGeom prst="rect">
            <a:avLst/>
          </a:prstGeom>
        </p:spPr>
        <p:txBody>
          <a:bodyPr vert="horz" wrap="square" lIns="0" tIns="14118" rIns="0" bIns="0" rtlCol="0">
            <a:spAutoFit/>
          </a:bodyPr>
          <a:lstStyle/>
          <a:p>
            <a:pPr marL="10860">
              <a:spcBef>
                <a:spcPts val="111"/>
              </a:spcBef>
            </a:pPr>
            <a:r>
              <a:rPr sz="898" b="1" dirty="0">
                <a:latin typeface="ＭＳ Ｐゴシック"/>
                <a:cs typeface="ＭＳ Ｐゴシック"/>
              </a:rPr>
              <a:t>（万人</a:t>
            </a:r>
            <a:r>
              <a:rPr sz="898" b="1" spc="-43" dirty="0">
                <a:latin typeface="ＭＳ Ｐゴシック"/>
                <a:cs typeface="ＭＳ Ｐゴシック"/>
              </a:rPr>
              <a:t>）</a:t>
            </a:r>
            <a:endParaRPr sz="898">
              <a:latin typeface="ＭＳ Ｐゴシック"/>
              <a:cs typeface="ＭＳ Ｐゴシック"/>
            </a:endParaRPr>
          </a:p>
        </p:txBody>
      </p:sp>
      <p:sp>
        <p:nvSpPr>
          <p:cNvPr id="282" name="object 282"/>
          <p:cNvSpPr txBox="1"/>
          <p:nvPr/>
        </p:nvSpPr>
        <p:spPr>
          <a:xfrm>
            <a:off x="8659215" y="5306538"/>
            <a:ext cx="268238" cy="485501"/>
          </a:xfrm>
          <a:prstGeom prst="rect">
            <a:avLst/>
          </a:prstGeom>
        </p:spPr>
        <p:txBody>
          <a:bodyPr vert="horz" wrap="square" lIns="0" tIns="98282" rIns="0" bIns="0" rtlCol="0">
            <a:spAutoFit/>
          </a:bodyPr>
          <a:lstStyle/>
          <a:p>
            <a:pPr marL="10860">
              <a:spcBef>
                <a:spcPts val="774"/>
              </a:spcBef>
            </a:pPr>
            <a:r>
              <a:rPr sz="1112" spc="-43" dirty="0">
                <a:latin typeface="ＭＳ Ｐゴシック"/>
                <a:cs typeface="ＭＳ Ｐゴシック"/>
              </a:rPr>
              <a:t>0</a:t>
            </a:r>
            <a:endParaRPr sz="1112">
              <a:latin typeface="ＭＳ Ｐゴシック"/>
              <a:cs typeface="ＭＳ Ｐゴシック"/>
            </a:endParaRPr>
          </a:p>
          <a:p>
            <a:pPr marL="19548">
              <a:spcBef>
                <a:spcPts val="607"/>
              </a:spcBef>
            </a:pPr>
            <a:r>
              <a:rPr sz="898" b="1" dirty="0">
                <a:latin typeface="ＭＳ Ｐゴシック"/>
                <a:cs typeface="ＭＳ Ｐゴシック"/>
              </a:rPr>
              <a:t>（年</a:t>
            </a:r>
            <a:r>
              <a:rPr sz="898" b="1" spc="-43" dirty="0">
                <a:latin typeface="ＭＳ Ｐゴシック"/>
                <a:cs typeface="ＭＳ Ｐゴシック"/>
              </a:rPr>
              <a:t>）</a:t>
            </a:r>
            <a:endParaRPr sz="898">
              <a:latin typeface="ＭＳ Ｐゴシック"/>
              <a:cs typeface="ＭＳ Ｐゴシック"/>
            </a:endParaRPr>
          </a:p>
        </p:txBody>
      </p:sp>
      <p:grpSp>
        <p:nvGrpSpPr>
          <p:cNvPr id="283" name="object 283"/>
          <p:cNvGrpSpPr/>
          <p:nvPr/>
        </p:nvGrpSpPr>
        <p:grpSpPr>
          <a:xfrm>
            <a:off x="2274054" y="5860417"/>
            <a:ext cx="4119687" cy="65159"/>
            <a:chOff x="2659379" y="6624832"/>
            <a:chExt cx="4817745" cy="76200"/>
          </a:xfrm>
        </p:grpSpPr>
        <p:sp>
          <p:nvSpPr>
            <p:cNvPr id="284" name="object 284"/>
            <p:cNvSpPr/>
            <p:nvPr/>
          </p:nvSpPr>
          <p:spPr>
            <a:xfrm>
              <a:off x="2659379" y="6624832"/>
              <a:ext cx="262255" cy="73660"/>
            </a:xfrm>
            <a:custGeom>
              <a:avLst/>
              <a:gdLst/>
              <a:ahLst/>
              <a:cxnLst/>
              <a:rect l="l" t="t" r="r" b="b"/>
              <a:pathLst>
                <a:path w="262255" h="73659">
                  <a:moveTo>
                    <a:pt x="262128" y="0"/>
                  </a:moveTo>
                  <a:lnTo>
                    <a:pt x="0" y="0"/>
                  </a:lnTo>
                  <a:lnTo>
                    <a:pt x="0" y="73152"/>
                  </a:lnTo>
                  <a:lnTo>
                    <a:pt x="262128" y="73152"/>
                  </a:lnTo>
                  <a:lnTo>
                    <a:pt x="262128" y="0"/>
                  </a:lnTo>
                  <a:close/>
                </a:path>
              </a:pathLst>
            </a:custGeom>
            <a:solidFill>
              <a:srgbClr val="E6B8B8"/>
            </a:solidFill>
          </p:spPr>
          <p:txBody>
            <a:bodyPr wrap="square" lIns="0" tIns="0" rIns="0" bIns="0" rtlCol="0"/>
            <a:lstStyle/>
            <a:p>
              <a:endParaRPr sz="1539"/>
            </a:p>
          </p:txBody>
        </p:sp>
        <p:sp>
          <p:nvSpPr>
            <p:cNvPr id="285" name="object 285"/>
            <p:cNvSpPr/>
            <p:nvPr/>
          </p:nvSpPr>
          <p:spPr>
            <a:xfrm>
              <a:off x="4172711" y="6624832"/>
              <a:ext cx="262255" cy="73660"/>
            </a:xfrm>
            <a:custGeom>
              <a:avLst/>
              <a:gdLst/>
              <a:ahLst/>
              <a:cxnLst/>
              <a:rect l="l" t="t" r="r" b="b"/>
              <a:pathLst>
                <a:path w="262254" h="73659">
                  <a:moveTo>
                    <a:pt x="262127" y="0"/>
                  </a:moveTo>
                  <a:lnTo>
                    <a:pt x="0" y="0"/>
                  </a:lnTo>
                  <a:lnTo>
                    <a:pt x="0" y="73152"/>
                  </a:lnTo>
                  <a:lnTo>
                    <a:pt x="262127" y="73152"/>
                  </a:lnTo>
                  <a:lnTo>
                    <a:pt x="262127" y="0"/>
                  </a:lnTo>
                  <a:close/>
                </a:path>
              </a:pathLst>
            </a:custGeom>
            <a:solidFill>
              <a:srgbClr val="D6E4BC"/>
            </a:solidFill>
          </p:spPr>
          <p:txBody>
            <a:bodyPr wrap="square" lIns="0" tIns="0" rIns="0" bIns="0" rtlCol="0"/>
            <a:lstStyle/>
            <a:p>
              <a:endParaRPr sz="1539"/>
            </a:p>
          </p:txBody>
        </p:sp>
        <p:sp>
          <p:nvSpPr>
            <p:cNvPr id="286" name="object 286"/>
            <p:cNvSpPr/>
            <p:nvPr/>
          </p:nvSpPr>
          <p:spPr>
            <a:xfrm>
              <a:off x="5686044" y="6624832"/>
              <a:ext cx="262255" cy="73660"/>
            </a:xfrm>
            <a:custGeom>
              <a:avLst/>
              <a:gdLst/>
              <a:ahLst/>
              <a:cxnLst/>
              <a:rect l="l" t="t" r="r" b="b"/>
              <a:pathLst>
                <a:path w="262254" h="73659">
                  <a:moveTo>
                    <a:pt x="262127" y="0"/>
                  </a:moveTo>
                  <a:lnTo>
                    <a:pt x="0" y="0"/>
                  </a:lnTo>
                  <a:lnTo>
                    <a:pt x="0" y="73152"/>
                  </a:lnTo>
                  <a:lnTo>
                    <a:pt x="262127" y="73152"/>
                  </a:lnTo>
                  <a:lnTo>
                    <a:pt x="262127" y="0"/>
                  </a:lnTo>
                  <a:close/>
                </a:path>
              </a:pathLst>
            </a:custGeom>
            <a:solidFill>
              <a:srgbClr val="DBE6F2"/>
            </a:solidFill>
          </p:spPr>
          <p:txBody>
            <a:bodyPr wrap="square" lIns="0" tIns="0" rIns="0" bIns="0" rtlCol="0"/>
            <a:lstStyle/>
            <a:p>
              <a:endParaRPr sz="1539"/>
            </a:p>
          </p:txBody>
        </p:sp>
        <p:sp>
          <p:nvSpPr>
            <p:cNvPr id="287" name="object 287"/>
            <p:cNvSpPr/>
            <p:nvPr/>
          </p:nvSpPr>
          <p:spPr>
            <a:xfrm>
              <a:off x="7184135" y="6646168"/>
              <a:ext cx="292735" cy="30480"/>
            </a:xfrm>
            <a:custGeom>
              <a:avLst/>
              <a:gdLst/>
              <a:ahLst/>
              <a:cxnLst/>
              <a:rect l="l" t="t" r="r" b="b"/>
              <a:pathLst>
                <a:path w="292734" h="30479">
                  <a:moveTo>
                    <a:pt x="284988" y="0"/>
                  </a:moveTo>
                  <a:lnTo>
                    <a:pt x="15240" y="0"/>
                  </a:lnTo>
                  <a:lnTo>
                    <a:pt x="6096" y="0"/>
                  </a:lnTo>
                  <a:lnTo>
                    <a:pt x="0" y="6096"/>
                  </a:lnTo>
                  <a:lnTo>
                    <a:pt x="0" y="22859"/>
                  </a:lnTo>
                  <a:lnTo>
                    <a:pt x="6096" y="30480"/>
                  </a:lnTo>
                  <a:lnTo>
                    <a:pt x="284988" y="30480"/>
                  </a:lnTo>
                  <a:lnTo>
                    <a:pt x="292608" y="22859"/>
                  </a:lnTo>
                  <a:lnTo>
                    <a:pt x="292608" y="6096"/>
                  </a:lnTo>
                  <a:lnTo>
                    <a:pt x="284988" y="0"/>
                  </a:lnTo>
                  <a:close/>
                </a:path>
              </a:pathLst>
            </a:custGeom>
            <a:solidFill>
              <a:srgbClr val="548ED4"/>
            </a:solidFill>
          </p:spPr>
          <p:txBody>
            <a:bodyPr wrap="square" lIns="0" tIns="0" rIns="0" bIns="0" rtlCol="0"/>
            <a:lstStyle/>
            <a:p>
              <a:endParaRPr sz="1539"/>
            </a:p>
          </p:txBody>
        </p:sp>
        <p:pic>
          <p:nvPicPr>
            <p:cNvPr id="288" name="object 288"/>
            <p:cNvPicPr/>
            <p:nvPr/>
          </p:nvPicPr>
          <p:blipFill>
            <a:blip r:embed="rId4" cstate="print"/>
            <a:stretch>
              <a:fillRect/>
            </a:stretch>
          </p:blipFill>
          <p:spPr>
            <a:xfrm>
              <a:off x="7293864" y="6624832"/>
              <a:ext cx="76200" cy="76200"/>
            </a:xfrm>
            <a:prstGeom prst="rect">
              <a:avLst/>
            </a:prstGeom>
          </p:spPr>
        </p:pic>
      </p:grpSp>
      <p:sp>
        <p:nvSpPr>
          <p:cNvPr id="289" name="object 289"/>
          <p:cNvSpPr txBox="1"/>
          <p:nvPr/>
        </p:nvSpPr>
        <p:spPr>
          <a:xfrm>
            <a:off x="958707" y="5467204"/>
            <a:ext cx="7571493" cy="507493"/>
          </a:xfrm>
          <a:prstGeom prst="rect">
            <a:avLst/>
          </a:prstGeom>
        </p:spPr>
        <p:txBody>
          <a:bodyPr vert="horz" wrap="square" lIns="0" tIns="87422" rIns="0" bIns="0" rtlCol="0">
            <a:spAutoFit/>
          </a:bodyPr>
          <a:lstStyle/>
          <a:p>
            <a:pPr algn="ctr">
              <a:spcBef>
                <a:spcPts val="688"/>
              </a:spcBef>
            </a:pPr>
            <a:r>
              <a:rPr sz="1112" dirty="0">
                <a:latin typeface="ＭＳ Ｐゴシック"/>
                <a:cs typeface="ＭＳ Ｐゴシック"/>
              </a:rPr>
              <a:t>1965</a:t>
            </a:r>
            <a:r>
              <a:rPr sz="1112" spc="282" dirty="0">
                <a:latin typeface="ＭＳ Ｐゴシック"/>
                <a:cs typeface="ＭＳ Ｐゴシック"/>
              </a:rPr>
              <a:t> </a:t>
            </a:r>
            <a:r>
              <a:rPr sz="1112" dirty="0">
                <a:latin typeface="ＭＳ Ｐゴシック"/>
                <a:cs typeface="ＭＳ Ｐゴシック"/>
              </a:rPr>
              <a:t>1970</a:t>
            </a:r>
            <a:r>
              <a:rPr sz="1112" spc="286" dirty="0">
                <a:latin typeface="ＭＳ Ｐゴシック"/>
                <a:cs typeface="ＭＳ Ｐゴシック"/>
              </a:rPr>
              <a:t> </a:t>
            </a:r>
            <a:r>
              <a:rPr sz="1112" dirty="0">
                <a:latin typeface="ＭＳ Ｐゴシック"/>
                <a:cs typeface="ＭＳ Ｐゴシック"/>
              </a:rPr>
              <a:t>1975</a:t>
            </a:r>
            <a:r>
              <a:rPr sz="1112" spc="278" dirty="0">
                <a:latin typeface="ＭＳ Ｐゴシック"/>
                <a:cs typeface="ＭＳ Ｐゴシック"/>
              </a:rPr>
              <a:t> </a:t>
            </a:r>
            <a:r>
              <a:rPr sz="1112" dirty="0">
                <a:latin typeface="ＭＳ Ｐゴシック"/>
                <a:cs typeface="ＭＳ Ｐゴシック"/>
              </a:rPr>
              <a:t>1980</a:t>
            </a:r>
            <a:r>
              <a:rPr sz="1112" spc="286" dirty="0">
                <a:latin typeface="ＭＳ Ｐゴシック"/>
                <a:cs typeface="ＭＳ Ｐゴシック"/>
              </a:rPr>
              <a:t> </a:t>
            </a:r>
            <a:r>
              <a:rPr sz="1112" dirty="0">
                <a:latin typeface="ＭＳ Ｐゴシック"/>
                <a:cs typeface="ＭＳ Ｐゴシック"/>
              </a:rPr>
              <a:t>1985</a:t>
            </a:r>
            <a:r>
              <a:rPr sz="1112" spc="286" dirty="0">
                <a:latin typeface="ＭＳ Ｐゴシック"/>
                <a:cs typeface="ＭＳ Ｐゴシック"/>
              </a:rPr>
              <a:t> </a:t>
            </a:r>
            <a:r>
              <a:rPr sz="1112" dirty="0">
                <a:latin typeface="ＭＳ Ｐゴシック"/>
                <a:cs typeface="ＭＳ Ｐゴシック"/>
              </a:rPr>
              <a:t>1990</a:t>
            </a:r>
            <a:r>
              <a:rPr sz="1112" spc="282" dirty="0">
                <a:latin typeface="ＭＳ Ｐゴシック"/>
                <a:cs typeface="ＭＳ Ｐゴシック"/>
              </a:rPr>
              <a:t> </a:t>
            </a:r>
            <a:r>
              <a:rPr sz="1112" dirty="0">
                <a:latin typeface="ＭＳ Ｐゴシック"/>
                <a:cs typeface="ＭＳ Ｐゴシック"/>
              </a:rPr>
              <a:t>1995</a:t>
            </a:r>
            <a:r>
              <a:rPr sz="1112" spc="286" dirty="0">
                <a:latin typeface="ＭＳ Ｐゴシック"/>
                <a:cs typeface="ＭＳ Ｐゴシック"/>
              </a:rPr>
              <a:t> </a:t>
            </a:r>
            <a:r>
              <a:rPr sz="1112" dirty="0">
                <a:latin typeface="ＭＳ Ｐゴシック"/>
                <a:cs typeface="ＭＳ Ｐゴシック"/>
              </a:rPr>
              <a:t>2000</a:t>
            </a:r>
            <a:r>
              <a:rPr sz="1112" spc="286" dirty="0">
                <a:latin typeface="ＭＳ Ｐゴシック"/>
                <a:cs typeface="ＭＳ Ｐゴシック"/>
              </a:rPr>
              <a:t> </a:t>
            </a:r>
            <a:r>
              <a:rPr sz="1112" dirty="0">
                <a:latin typeface="ＭＳ Ｐゴシック"/>
                <a:cs typeface="ＭＳ Ｐゴシック"/>
              </a:rPr>
              <a:t>2005</a:t>
            </a:r>
            <a:r>
              <a:rPr sz="1112" spc="278" dirty="0">
                <a:latin typeface="ＭＳ Ｐゴシック"/>
                <a:cs typeface="ＭＳ Ｐゴシック"/>
              </a:rPr>
              <a:t> </a:t>
            </a:r>
            <a:r>
              <a:rPr sz="1112" dirty="0">
                <a:latin typeface="ＭＳ Ｐゴシック"/>
                <a:cs typeface="ＭＳ Ｐゴシック"/>
              </a:rPr>
              <a:t>2010</a:t>
            </a:r>
            <a:r>
              <a:rPr sz="1112" spc="286" dirty="0">
                <a:latin typeface="ＭＳ Ｐゴシック"/>
                <a:cs typeface="ＭＳ Ｐゴシック"/>
              </a:rPr>
              <a:t> </a:t>
            </a:r>
            <a:r>
              <a:rPr sz="1112" dirty="0">
                <a:latin typeface="ＭＳ Ｐゴシック"/>
                <a:cs typeface="ＭＳ Ｐゴシック"/>
              </a:rPr>
              <a:t>2015</a:t>
            </a:r>
            <a:r>
              <a:rPr sz="1112" spc="282" dirty="0">
                <a:latin typeface="ＭＳ Ｐゴシック"/>
                <a:cs typeface="ＭＳ Ｐゴシック"/>
              </a:rPr>
              <a:t> </a:t>
            </a:r>
            <a:r>
              <a:rPr sz="1112" dirty="0">
                <a:latin typeface="ＭＳ Ｐゴシック"/>
                <a:cs typeface="ＭＳ Ｐゴシック"/>
              </a:rPr>
              <a:t>2020</a:t>
            </a:r>
            <a:r>
              <a:rPr sz="1112" spc="286" dirty="0">
                <a:latin typeface="ＭＳ Ｐゴシック"/>
                <a:cs typeface="ＭＳ Ｐゴシック"/>
              </a:rPr>
              <a:t> </a:t>
            </a:r>
            <a:r>
              <a:rPr sz="1112" dirty="0">
                <a:latin typeface="ＭＳ Ｐゴシック"/>
                <a:cs typeface="ＭＳ Ｐゴシック"/>
              </a:rPr>
              <a:t>2025</a:t>
            </a:r>
            <a:r>
              <a:rPr sz="1112" spc="286" dirty="0">
                <a:latin typeface="ＭＳ Ｐゴシック"/>
                <a:cs typeface="ＭＳ Ｐゴシック"/>
              </a:rPr>
              <a:t> </a:t>
            </a:r>
            <a:r>
              <a:rPr sz="1112" dirty="0">
                <a:latin typeface="ＭＳ Ｐゴシック"/>
                <a:cs typeface="ＭＳ Ｐゴシック"/>
              </a:rPr>
              <a:t>2030</a:t>
            </a:r>
            <a:r>
              <a:rPr sz="1112" spc="286" dirty="0">
                <a:latin typeface="ＭＳ Ｐゴシック"/>
                <a:cs typeface="ＭＳ Ｐゴシック"/>
              </a:rPr>
              <a:t> </a:t>
            </a:r>
            <a:r>
              <a:rPr sz="1112" dirty="0">
                <a:latin typeface="ＭＳ Ｐゴシック"/>
                <a:cs typeface="ＭＳ Ｐゴシック"/>
              </a:rPr>
              <a:t>2035</a:t>
            </a:r>
            <a:r>
              <a:rPr sz="1112" spc="278" dirty="0">
                <a:latin typeface="ＭＳ Ｐゴシック"/>
                <a:cs typeface="ＭＳ Ｐゴシック"/>
              </a:rPr>
              <a:t> </a:t>
            </a:r>
            <a:r>
              <a:rPr sz="1112" dirty="0">
                <a:latin typeface="ＭＳ Ｐゴシック"/>
                <a:cs typeface="ＭＳ Ｐゴシック"/>
              </a:rPr>
              <a:t>2040</a:t>
            </a:r>
            <a:r>
              <a:rPr sz="1112" spc="282" dirty="0">
                <a:latin typeface="ＭＳ Ｐゴシック"/>
                <a:cs typeface="ＭＳ Ｐゴシック"/>
              </a:rPr>
              <a:t> </a:t>
            </a:r>
            <a:r>
              <a:rPr sz="1112" dirty="0">
                <a:latin typeface="ＭＳ Ｐゴシック"/>
                <a:cs typeface="ＭＳ Ｐゴシック"/>
              </a:rPr>
              <a:t>2045</a:t>
            </a:r>
            <a:r>
              <a:rPr sz="1112" spc="286" dirty="0">
                <a:latin typeface="ＭＳ Ｐゴシック"/>
                <a:cs typeface="ＭＳ Ｐゴシック"/>
              </a:rPr>
              <a:t> </a:t>
            </a:r>
            <a:r>
              <a:rPr sz="1112" dirty="0">
                <a:latin typeface="ＭＳ Ｐゴシック"/>
                <a:cs typeface="ＭＳ Ｐゴシック"/>
              </a:rPr>
              <a:t>2050</a:t>
            </a:r>
            <a:r>
              <a:rPr sz="1112" spc="286" dirty="0">
                <a:latin typeface="ＭＳ Ｐゴシック"/>
                <a:cs typeface="ＭＳ Ｐゴシック"/>
              </a:rPr>
              <a:t> </a:t>
            </a:r>
            <a:r>
              <a:rPr sz="1112" dirty="0">
                <a:latin typeface="ＭＳ Ｐゴシック"/>
                <a:cs typeface="ＭＳ Ｐゴシック"/>
              </a:rPr>
              <a:t>2055</a:t>
            </a:r>
            <a:r>
              <a:rPr sz="1112" spc="286" dirty="0">
                <a:latin typeface="ＭＳ Ｐゴシック"/>
                <a:cs typeface="ＭＳ Ｐゴシック"/>
              </a:rPr>
              <a:t> </a:t>
            </a:r>
            <a:r>
              <a:rPr sz="1112" dirty="0">
                <a:latin typeface="ＭＳ Ｐゴシック"/>
                <a:cs typeface="ＭＳ Ｐゴシック"/>
              </a:rPr>
              <a:t>2060</a:t>
            </a:r>
            <a:r>
              <a:rPr sz="1112" spc="286" dirty="0">
                <a:latin typeface="ＭＳ Ｐゴシック"/>
                <a:cs typeface="ＭＳ Ｐゴシック"/>
              </a:rPr>
              <a:t> </a:t>
            </a:r>
            <a:r>
              <a:rPr sz="1112" spc="-17" dirty="0">
                <a:latin typeface="ＭＳ Ｐゴシック"/>
                <a:cs typeface="ＭＳ Ｐゴシック"/>
              </a:rPr>
              <a:t>2065</a:t>
            </a:r>
            <a:endParaRPr sz="1112">
              <a:latin typeface="ＭＳ Ｐゴシック"/>
              <a:cs typeface="ＭＳ Ｐゴシック"/>
            </a:endParaRPr>
          </a:p>
          <a:p>
            <a:pPr marL="4887" algn="ctr">
              <a:spcBef>
                <a:spcPts val="607"/>
              </a:spcBef>
              <a:tabLst>
                <a:tab pos="1298828" algn="l"/>
                <a:tab pos="2592770" algn="l"/>
                <a:tab pos="3887255" algn="l"/>
              </a:tabLst>
            </a:pPr>
            <a:r>
              <a:rPr sz="1112" spc="-9" dirty="0">
                <a:latin typeface="ＭＳ Ｐゴシック"/>
                <a:cs typeface="ＭＳ Ｐゴシック"/>
              </a:rPr>
              <a:t>14</a:t>
            </a:r>
            <a:r>
              <a:rPr sz="1112" spc="-17" dirty="0">
                <a:latin typeface="ＭＳ Ｐゴシック"/>
                <a:cs typeface="ＭＳ Ｐゴシック"/>
              </a:rPr>
              <a:t>歳以下人</a:t>
            </a:r>
            <a:r>
              <a:rPr sz="1112" spc="-43" dirty="0">
                <a:latin typeface="ＭＳ Ｐゴシック"/>
                <a:cs typeface="ＭＳ Ｐゴシック"/>
              </a:rPr>
              <a:t>口</a:t>
            </a:r>
            <a:r>
              <a:rPr sz="1112" dirty="0">
                <a:latin typeface="ＭＳ Ｐゴシック"/>
                <a:cs typeface="ＭＳ Ｐゴシック"/>
              </a:rPr>
              <a:t>	</a:t>
            </a:r>
            <a:r>
              <a:rPr sz="1112" spc="-9" dirty="0">
                <a:latin typeface="ＭＳ Ｐゴシック"/>
                <a:cs typeface="ＭＳ Ｐゴシック"/>
              </a:rPr>
              <a:t>15～64</a:t>
            </a:r>
            <a:r>
              <a:rPr sz="1112" spc="-17" dirty="0">
                <a:latin typeface="ＭＳ Ｐゴシック"/>
                <a:cs typeface="ＭＳ Ｐゴシック"/>
              </a:rPr>
              <a:t>歳人</a:t>
            </a:r>
            <a:r>
              <a:rPr sz="1112" spc="-43" dirty="0">
                <a:latin typeface="ＭＳ Ｐゴシック"/>
                <a:cs typeface="ＭＳ Ｐゴシック"/>
              </a:rPr>
              <a:t>口</a:t>
            </a:r>
            <a:r>
              <a:rPr sz="1112" dirty="0">
                <a:latin typeface="ＭＳ Ｐゴシック"/>
                <a:cs typeface="ＭＳ Ｐゴシック"/>
              </a:rPr>
              <a:t>	</a:t>
            </a:r>
            <a:r>
              <a:rPr sz="1112" spc="-9" dirty="0">
                <a:latin typeface="ＭＳ Ｐゴシック"/>
                <a:cs typeface="ＭＳ Ｐゴシック"/>
              </a:rPr>
              <a:t>65</a:t>
            </a:r>
            <a:r>
              <a:rPr sz="1112" spc="-17" dirty="0">
                <a:latin typeface="ＭＳ Ｐゴシック"/>
                <a:cs typeface="ＭＳ Ｐゴシック"/>
              </a:rPr>
              <a:t>歳以上人</a:t>
            </a:r>
            <a:r>
              <a:rPr sz="1112" spc="-43" dirty="0">
                <a:latin typeface="ＭＳ Ｐゴシック"/>
                <a:cs typeface="ＭＳ Ｐゴシック"/>
              </a:rPr>
              <a:t>口</a:t>
            </a:r>
            <a:r>
              <a:rPr sz="1112" dirty="0">
                <a:latin typeface="ＭＳ Ｐゴシック"/>
                <a:cs typeface="ＭＳ Ｐゴシック"/>
              </a:rPr>
              <a:t>	</a:t>
            </a:r>
            <a:r>
              <a:rPr sz="1112" spc="-17" dirty="0">
                <a:latin typeface="ＭＳ Ｐゴシック"/>
                <a:cs typeface="ＭＳ Ｐゴシック"/>
              </a:rPr>
              <a:t>高齢化</a:t>
            </a:r>
            <a:r>
              <a:rPr sz="1112" spc="-43" dirty="0">
                <a:latin typeface="ＭＳ Ｐゴシック"/>
                <a:cs typeface="ＭＳ Ｐゴシック"/>
              </a:rPr>
              <a:t>率</a:t>
            </a:r>
            <a:endParaRPr sz="1112">
              <a:latin typeface="ＭＳ Ｐゴシック"/>
              <a:cs typeface="ＭＳ Ｐゴシック"/>
            </a:endParaRPr>
          </a:p>
        </p:txBody>
      </p:sp>
      <p:grpSp>
        <p:nvGrpSpPr>
          <p:cNvPr id="290" name="object 290"/>
          <p:cNvGrpSpPr/>
          <p:nvPr/>
        </p:nvGrpSpPr>
        <p:grpSpPr>
          <a:xfrm>
            <a:off x="170717" y="819701"/>
            <a:ext cx="8860558" cy="5251827"/>
            <a:chOff x="199644" y="729995"/>
            <a:chExt cx="10361930" cy="6141720"/>
          </a:xfrm>
        </p:grpSpPr>
        <p:sp>
          <p:nvSpPr>
            <p:cNvPr id="291" name="object 291"/>
            <p:cNvSpPr/>
            <p:nvPr/>
          </p:nvSpPr>
          <p:spPr>
            <a:xfrm>
              <a:off x="199644" y="729995"/>
              <a:ext cx="10361930" cy="6141720"/>
            </a:xfrm>
            <a:custGeom>
              <a:avLst/>
              <a:gdLst/>
              <a:ahLst/>
              <a:cxnLst/>
              <a:rect l="l" t="t" r="r" b="b"/>
              <a:pathLst>
                <a:path w="10361930" h="6141720">
                  <a:moveTo>
                    <a:pt x="9144" y="6132581"/>
                  </a:moveTo>
                  <a:lnTo>
                    <a:pt x="4571" y="6132581"/>
                  </a:lnTo>
                  <a:lnTo>
                    <a:pt x="4571" y="6141725"/>
                  </a:lnTo>
                  <a:lnTo>
                    <a:pt x="12191" y="6141725"/>
                  </a:lnTo>
                  <a:lnTo>
                    <a:pt x="12191" y="6137153"/>
                  </a:lnTo>
                  <a:lnTo>
                    <a:pt x="9144" y="6137153"/>
                  </a:lnTo>
                  <a:lnTo>
                    <a:pt x="9144" y="6132581"/>
                  </a:lnTo>
                  <a:close/>
                </a:path>
                <a:path w="10361930" h="6141720">
                  <a:moveTo>
                    <a:pt x="9144" y="6126485"/>
                  </a:moveTo>
                  <a:lnTo>
                    <a:pt x="0" y="6126485"/>
                  </a:lnTo>
                  <a:lnTo>
                    <a:pt x="0" y="6137153"/>
                  </a:lnTo>
                  <a:lnTo>
                    <a:pt x="4571" y="6137153"/>
                  </a:lnTo>
                  <a:lnTo>
                    <a:pt x="4571" y="6132581"/>
                  </a:lnTo>
                  <a:lnTo>
                    <a:pt x="9144" y="6132581"/>
                  </a:lnTo>
                  <a:lnTo>
                    <a:pt x="9144" y="6126485"/>
                  </a:lnTo>
                  <a:close/>
                </a:path>
                <a:path w="10361930" h="6141720">
                  <a:moveTo>
                    <a:pt x="12191" y="6132581"/>
                  </a:moveTo>
                  <a:lnTo>
                    <a:pt x="9144" y="6132581"/>
                  </a:lnTo>
                  <a:lnTo>
                    <a:pt x="9144" y="6137153"/>
                  </a:lnTo>
                  <a:lnTo>
                    <a:pt x="12191" y="6137153"/>
                  </a:lnTo>
                  <a:lnTo>
                    <a:pt x="12191" y="6132581"/>
                  </a:lnTo>
                  <a:close/>
                </a:path>
                <a:path w="10361930" h="6141720">
                  <a:moveTo>
                    <a:pt x="9144" y="6106673"/>
                  </a:moveTo>
                  <a:lnTo>
                    <a:pt x="0" y="6106673"/>
                  </a:lnTo>
                  <a:lnTo>
                    <a:pt x="0" y="6117341"/>
                  </a:lnTo>
                  <a:lnTo>
                    <a:pt x="9144" y="6117341"/>
                  </a:lnTo>
                  <a:lnTo>
                    <a:pt x="9144" y="6106673"/>
                  </a:lnTo>
                  <a:close/>
                </a:path>
                <a:path w="10361930" h="6141720">
                  <a:moveTo>
                    <a:pt x="9144" y="6085337"/>
                  </a:moveTo>
                  <a:lnTo>
                    <a:pt x="0" y="6085337"/>
                  </a:lnTo>
                  <a:lnTo>
                    <a:pt x="0" y="6096005"/>
                  </a:lnTo>
                  <a:lnTo>
                    <a:pt x="9144" y="6096005"/>
                  </a:lnTo>
                  <a:lnTo>
                    <a:pt x="9144" y="6085337"/>
                  </a:lnTo>
                  <a:close/>
                </a:path>
                <a:path w="10361930" h="6141720">
                  <a:moveTo>
                    <a:pt x="9144" y="6065525"/>
                  </a:moveTo>
                  <a:lnTo>
                    <a:pt x="0" y="6065525"/>
                  </a:lnTo>
                  <a:lnTo>
                    <a:pt x="0" y="6076193"/>
                  </a:lnTo>
                  <a:lnTo>
                    <a:pt x="9144" y="6076193"/>
                  </a:lnTo>
                  <a:lnTo>
                    <a:pt x="9144" y="6065525"/>
                  </a:lnTo>
                  <a:close/>
                </a:path>
                <a:path w="10361930" h="6141720">
                  <a:moveTo>
                    <a:pt x="9144" y="6044189"/>
                  </a:moveTo>
                  <a:lnTo>
                    <a:pt x="0" y="6044189"/>
                  </a:lnTo>
                  <a:lnTo>
                    <a:pt x="0" y="6054857"/>
                  </a:lnTo>
                  <a:lnTo>
                    <a:pt x="9144" y="6054857"/>
                  </a:lnTo>
                  <a:lnTo>
                    <a:pt x="9144" y="6044189"/>
                  </a:lnTo>
                  <a:close/>
                </a:path>
                <a:path w="10361930" h="6141720">
                  <a:moveTo>
                    <a:pt x="9144" y="6024377"/>
                  </a:moveTo>
                  <a:lnTo>
                    <a:pt x="0" y="6024377"/>
                  </a:lnTo>
                  <a:lnTo>
                    <a:pt x="0" y="6035045"/>
                  </a:lnTo>
                  <a:lnTo>
                    <a:pt x="9144" y="6035045"/>
                  </a:lnTo>
                  <a:lnTo>
                    <a:pt x="9144" y="6024377"/>
                  </a:lnTo>
                  <a:close/>
                </a:path>
                <a:path w="10361930" h="6141720">
                  <a:moveTo>
                    <a:pt x="9144" y="6003041"/>
                  </a:moveTo>
                  <a:lnTo>
                    <a:pt x="0" y="6003041"/>
                  </a:lnTo>
                  <a:lnTo>
                    <a:pt x="0" y="6013709"/>
                  </a:lnTo>
                  <a:lnTo>
                    <a:pt x="9144" y="6013709"/>
                  </a:lnTo>
                  <a:lnTo>
                    <a:pt x="9144" y="6003041"/>
                  </a:lnTo>
                  <a:close/>
                </a:path>
                <a:path w="10361930" h="6141720">
                  <a:moveTo>
                    <a:pt x="9144" y="5983229"/>
                  </a:moveTo>
                  <a:lnTo>
                    <a:pt x="0" y="5983229"/>
                  </a:lnTo>
                  <a:lnTo>
                    <a:pt x="0" y="5993897"/>
                  </a:lnTo>
                  <a:lnTo>
                    <a:pt x="9144" y="5993897"/>
                  </a:lnTo>
                  <a:lnTo>
                    <a:pt x="9144" y="5983229"/>
                  </a:lnTo>
                  <a:close/>
                </a:path>
                <a:path w="10361930" h="6141720">
                  <a:moveTo>
                    <a:pt x="9144" y="5961893"/>
                  </a:moveTo>
                  <a:lnTo>
                    <a:pt x="0" y="5961893"/>
                  </a:lnTo>
                  <a:lnTo>
                    <a:pt x="0" y="5972561"/>
                  </a:lnTo>
                  <a:lnTo>
                    <a:pt x="9144" y="5972561"/>
                  </a:lnTo>
                  <a:lnTo>
                    <a:pt x="9144" y="5961893"/>
                  </a:lnTo>
                  <a:close/>
                </a:path>
                <a:path w="10361930" h="6141720">
                  <a:moveTo>
                    <a:pt x="9144" y="5942081"/>
                  </a:moveTo>
                  <a:lnTo>
                    <a:pt x="0" y="5942081"/>
                  </a:lnTo>
                  <a:lnTo>
                    <a:pt x="0" y="5952749"/>
                  </a:lnTo>
                  <a:lnTo>
                    <a:pt x="9144" y="5952749"/>
                  </a:lnTo>
                  <a:lnTo>
                    <a:pt x="9144" y="5942081"/>
                  </a:lnTo>
                  <a:close/>
                </a:path>
                <a:path w="10361930" h="6141720">
                  <a:moveTo>
                    <a:pt x="9144" y="5920745"/>
                  </a:moveTo>
                  <a:lnTo>
                    <a:pt x="0" y="5920745"/>
                  </a:lnTo>
                  <a:lnTo>
                    <a:pt x="0" y="5931413"/>
                  </a:lnTo>
                  <a:lnTo>
                    <a:pt x="9144" y="5931413"/>
                  </a:lnTo>
                  <a:lnTo>
                    <a:pt x="9144" y="5920745"/>
                  </a:lnTo>
                  <a:close/>
                </a:path>
                <a:path w="10361930" h="6141720">
                  <a:moveTo>
                    <a:pt x="9144" y="5900933"/>
                  </a:moveTo>
                  <a:lnTo>
                    <a:pt x="0" y="5900933"/>
                  </a:lnTo>
                  <a:lnTo>
                    <a:pt x="0" y="5911601"/>
                  </a:lnTo>
                  <a:lnTo>
                    <a:pt x="9144" y="5911601"/>
                  </a:lnTo>
                  <a:lnTo>
                    <a:pt x="9144" y="5900933"/>
                  </a:lnTo>
                  <a:close/>
                </a:path>
                <a:path w="10361930" h="6141720">
                  <a:moveTo>
                    <a:pt x="9144" y="5879597"/>
                  </a:moveTo>
                  <a:lnTo>
                    <a:pt x="0" y="5879597"/>
                  </a:lnTo>
                  <a:lnTo>
                    <a:pt x="0" y="5890265"/>
                  </a:lnTo>
                  <a:lnTo>
                    <a:pt x="9144" y="5890265"/>
                  </a:lnTo>
                  <a:lnTo>
                    <a:pt x="9144" y="5879597"/>
                  </a:lnTo>
                  <a:close/>
                </a:path>
                <a:path w="10361930" h="6141720">
                  <a:moveTo>
                    <a:pt x="9144" y="5859785"/>
                  </a:moveTo>
                  <a:lnTo>
                    <a:pt x="0" y="5859785"/>
                  </a:lnTo>
                  <a:lnTo>
                    <a:pt x="0" y="5870453"/>
                  </a:lnTo>
                  <a:lnTo>
                    <a:pt x="9144" y="5870453"/>
                  </a:lnTo>
                  <a:lnTo>
                    <a:pt x="9144" y="5859785"/>
                  </a:lnTo>
                  <a:close/>
                </a:path>
                <a:path w="10361930" h="6141720">
                  <a:moveTo>
                    <a:pt x="9144" y="5838449"/>
                  </a:moveTo>
                  <a:lnTo>
                    <a:pt x="0" y="5838449"/>
                  </a:lnTo>
                  <a:lnTo>
                    <a:pt x="0" y="5849117"/>
                  </a:lnTo>
                  <a:lnTo>
                    <a:pt x="9144" y="5849117"/>
                  </a:lnTo>
                  <a:lnTo>
                    <a:pt x="9144" y="5838449"/>
                  </a:lnTo>
                  <a:close/>
                </a:path>
                <a:path w="10361930" h="6141720">
                  <a:moveTo>
                    <a:pt x="9144" y="5818637"/>
                  </a:moveTo>
                  <a:lnTo>
                    <a:pt x="0" y="5818637"/>
                  </a:lnTo>
                  <a:lnTo>
                    <a:pt x="0" y="5829305"/>
                  </a:lnTo>
                  <a:lnTo>
                    <a:pt x="9144" y="5829305"/>
                  </a:lnTo>
                  <a:lnTo>
                    <a:pt x="9144" y="5818637"/>
                  </a:lnTo>
                  <a:close/>
                </a:path>
                <a:path w="10361930" h="6141720">
                  <a:moveTo>
                    <a:pt x="9144" y="5797301"/>
                  </a:moveTo>
                  <a:lnTo>
                    <a:pt x="0" y="5797301"/>
                  </a:lnTo>
                  <a:lnTo>
                    <a:pt x="0" y="5807969"/>
                  </a:lnTo>
                  <a:lnTo>
                    <a:pt x="9144" y="5807969"/>
                  </a:lnTo>
                  <a:lnTo>
                    <a:pt x="9144" y="5797301"/>
                  </a:lnTo>
                  <a:close/>
                </a:path>
                <a:path w="10361930" h="6141720">
                  <a:moveTo>
                    <a:pt x="9144" y="5777489"/>
                  </a:moveTo>
                  <a:lnTo>
                    <a:pt x="0" y="5777489"/>
                  </a:lnTo>
                  <a:lnTo>
                    <a:pt x="0" y="5788157"/>
                  </a:lnTo>
                  <a:lnTo>
                    <a:pt x="9144" y="5788157"/>
                  </a:lnTo>
                  <a:lnTo>
                    <a:pt x="9144" y="5777489"/>
                  </a:lnTo>
                  <a:close/>
                </a:path>
                <a:path w="10361930" h="6141720">
                  <a:moveTo>
                    <a:pt x="9144" y="5756153"/>
                  </a:moveTo>
                  <a:lnTo>
                    <a:pt x="0" y="5756153"/>
                  </a:lnTo>
                  <a:lnTo>
                    <a:pt x="0" y="5766821"/>
                  </a:lnTo>
                  <a:lnTo>
                    <a:pt x="9144" y="5766821"/>
                  </a:lnTo>
                  <a:lnTo>
                    <a:pt x="9144" y="5756153"/>
                  </a:lnTo>
                  <a:close/>
                </a:path>
                <a:path w="10361930" h="6141720">
                  <a:moveTo>
                    <a:pt x="9144" y="5736341"/>
                  </a:moveTo>
                  <a:lnTo>
                    <a:pt x="0" y="5736341"/>
                  </a:lnTo>
                  <a:lnTo>
                    <a:pt x="0" y="5747009"/>
                  </a:lnTo>
                  <a:lnTo>
                    <a:pt x="9144" y="5747009"/>
                  </a:lnTo>
                  <a:lnTo>
                    <a:pt x="9144" y="5736341"/>
                  </a:lnTo>
                  <a:close/>
                </a:path>
                <a:path w="10361930" h="6141720">
                  <a:moveTo>
                    <a:pt x="9144" y="5715005"/>
                  </a:moveTo>
                  <a:lnTo>
                    <a:pt x="0" y="5715005"/>
                  </a:lnTo>
                  <a:lnTo>
                    <a:pt x="0" y="5725673"/>
                  </a:lnTo>
                  <a:lnTo>
                    <a:pt x="9144" y="5725673"/>
                  </a:lnTo>
                  <a:lnTo>
                    <a:pt x="9144" y="5715005"/>
                  </a:lnTo>
                  <a:close/>
                </a:path>
                <a:path w="10361930" h="6141720">
                  <a:moveTo>
                    <a:pt x="9144" y="5695193"/>
                  </a:moveTo>
                  <a:lnTo>
                    <a:pt x="0" y="5695193"/>
                  </a:lnTo>
                  <a:lnTo>
                    <a:pt x="0" y="5705861"/>
                  </a:lnTo>
                  <a:lnTo>
                    <a:pt x="9144" y="5705861"/>
                  </a:lnTo>
                  <a:lnTo>
                    <a:pt x="9144" y="5695193"/>
                  </a:lnTo>
                  <a:close/>
                </a:path>
                <a:path w="10361930" h="6141720">
                  <a:moveTo>
                    <a:pt x="9144" y="5673857"/>
                  </a:moveTo>
                  <a:lnTo>
                    <a:pt x="0" y="5673857"/>
                  </a:lnTo>
                  <a:lnTo>
                    <a:pt x="0" y="5684525"/>
                  </a:lnTo>
                  <a:lnTo>
                    <a:pt x="9144" y="5684525"/>
                  </a:lnTo>
                  <a:lnTo>
                    <a:pt x="9144" y="5673857"/>
                  </a:lnTo>
                  <a:close/>
                </a:path>
                <a:path w="10361930" h="6141720">
                  <a:moveTo>
                    <a:pt x="9144" y="5654045"/>
                  </a:moveTo>
                  <a:lnTo>
                    <a:pt x="0" y="5654045"/>
                  </a:lnTo>
                  <a:lnTo>
                    <a:pt x="0" y="5664713"/>
                  </a:lnTo>
                  <a:lnTo>
                    <a:pt x="9144" y="5664713"/>
                  </a:lnTo>
                  <a:lnTo>
                    <a:pt x="9144" y="5654045"/>
                  </a:lnTo>
                  <a:close/>
                </a:path>
                <a:path w="10361930" h="6141720">
                  <a:moveTo>
                    <a:pt x="9144" y="5632709"/>
                  </a:moveTo>
                  <a:lnTo>
                    <a:pt x="0" y="5632709"/>
                  </a:lnTo>
                  <a:lnTo>
                    <a:pt x="0" y="5643377"/>
                  </a:lnTo>
                  <a:lnTo>
                    <a:pt x="9144" y="5643377"/>
                  </a:lnTo>
                  <a:lnTo>
                    <a:pt x="9144" y="5632709"/>
                  </a:lnTo>
                  <a:close/>
                </a:path>
                <a:path w="10361930" h="6141720">
                  <a:moveTo>
                    <a:pt x="9144" y="5612897"/>
                  </a:moveTo>
                  <a:lnTo>
                    <a:pt x="0" y="5612897"/>
                  </a:lnTo>
                  <a:lnTo>
                    <a:pt x="0" y="5623565"/>
                  </a:lnTo>
                  <a:lnTo>
                    <a:pt x="9144" y="5623565"/>
                  </a:lnTo>
                  <a:lnTo>
                    <a:pt x="9144" y="5612897"/>
                  </a:lnTo>
                  <a:close/>
                </a:path>
                <a:path w="10361930" h="6141720">
                  <a:moveTo>
                    <a:pt x="9144" y="5593085"/>
                  </a:moveTo>
                  <a:lnTo>
                    <a:pt x="0" y="5593085"/>
                  </a:lnTo>
                  <a:lnTo>
                    <a:pt x="0" y="5602229"/>
                  </a:lnTo>
                  <a:lnTo>
                    <a:pt x="9144" y="5602229"/>
                  </a:lnTo>
                  <a:lnTo>
                    <a:pt x="9144" y="5593085"/>
                  </a:lnTo>
                  <a:close/>
                </a:path>
                <a:path w="10361930" h="6141720">
                  <a:moveTo>
                    <a:pt x="9144" y="5571749"/>
                  </a:moveTo>
                  <a:lnTo>
                    <a:pt x="0" y="5571749"/>
                  </a:lnTo>
                  <a:lnTo>
                    <a:pt x="0" y="5582417"/>
                  </a:lnTo>
                  <a:lnTo>
                    <a:pt x="9144" y="5582417"/>
                  </a:lnTo>
                  <a:lnTo>
                    <a:pt x="9144" y="5571749"/>
                  </a:lnTo>
                  <a:close/>
                </a:path>
                <a:path w="10361930" h="6141720">
                  <a:moveTo>
                    <a:pt x="9144" y="5551932"/>
                  </a:moveTo>
                  <a:lnTo>
                    <a:pt x="0" y="5551932"/>
                  </a:lnTo>
                  <a:lnTo>
                    <a:pt x="0" y="5561081"/>
                  </a:lnTo>
                  <a:lnTo>
                    <a:pt x="9144" y="5561081"/>
                  </a:lnTo>
                  <a:lnTo>
                    <a:pt x="9144" y="5551932"/>
                  </a:lnTo>
                  <a:close/>
                </a:path>
                <a:path w="10361930" h="6141720">
                  <a:moveTo>
                    <a:pt x="9144" y="5530596"/>
                  </a:moveTo>
                  <a:lnTo>
                    <a:pt x="0" y="5530596"/>
                  </a:lnTo>
                  <a:lnTo>
                    <a:pt x="0" y="5541264"/>
                  </a:lnTo>
                  <a:lnTo>
                    <a:pt x="9144" y="5541264"/>
                  </a:lnTo>
                  <a:lnTo>
                    <a:pt x="9144" y="5530596"/>
                  </a:lnTo>
                  <a:close/>
                </a:path>
                <a:path w="10361930" h="6141720">
                  <a:moveTo>
                    <a:pt x="9144" y="5510784"/>
                  </a:moveTo>
                  <a:lnTo>
                    <a:pt x="0" y="5510784"/>
                  </a:lnTo>
                  <a:lnTo>
                    <a:pt x="0" y="5519928"/>
                  </a:lnTo>
                  <a:lnTo>
                    <a:pt x="9144" y="5519928"/>
                  </a:lnTo>
                  <a:lnTo>
                    <a:pt x="9144" y="5510784"/>
                  </a:lnTo>
                  <a:close/>
                </a:path>
                <a:path w="10361930" h="6141720">
                  <a:moveTo>
                    <a:pt x="9144" y="5489448"/>
                  </a:moveTo>
                  <a:lnTo>
                    <a:pt x="0" y="5489448"/>
                  </a:lnTo>
                  <a:lnTo>
                    <a:pt x="0" y="5500116"/>
                  </a:lnTo>
                  <a:lnTo>
                    <a:pt x="9144" y="5500116"/>
                  </a:lnTo>
                  <a:lnTo>
                    <a:pt x="9144" y="5489448"/>
                  </a:lnTo>
                  <a:close/>
                </a:path>
                <a:path w="10361930" h="6141720">
                  <a:moveTo>
                    <a:pt x="9144" y="5469636"/>
                  </a:moveTo>
                  <a:lnTo>
                    <a:pt x="0" y="5469636"/>
                  </a:lnTo>
                  <a:lnTo>
                    <a:pt x="0" y="5478780"/>
                  </a:lnTo>
                  <a:lnTo>
                    <a:pt x="9144" y="5478780"/>
                  </a:lnTo>
                  <a:lnTo>
                    <a:pt x="9144" y="5469636"/>
                  </a:lnTo>
                  <a:close/>
                </a:path>
                <a:path w="10361930" h="6141720">
                  <a:moveTo>
                    <a:pt x="9144" y="5448300"/>
                  </a:moveTo>
                  <a:lnTo>
                    <a:pt x="0" y="5448300"/>
                  </a:lnTo>
                  <a:lnTo>
                    <a:pt x="0" y="5458968"/>
                  </a:lnTo>
                  <a:lnTo>
                    <a:pt x="9144" y="5458968"/>
                  </a:lnTo>
                  <a:lnTo>
                    <a:pt x="9144" y="5448300"/>
                  </a:lnTo>
                  <a:close/>
                </a:path>
                <a:path w="10361930" h="6141720">
                  <a:moveTo>
                    <a:pt x="9144" y="5428488"/>
                  </a:moveTo>
                  <a:lnTo>
                    <a:pt x="0" y="5428488"/>
                  </a:lnTo>
                  <a:lnTo>
                    <a:pt x="0" y="5437632"/>
                  </a:lnTo>
                  <a:lnTo>
                    <a:pt x="9144" y="5437632"/>
                  </a:lnTo>
                  <a:lnTo>
                    <a:pt x="9144" y="5428488"/>
                  </a:lnTo>
                  <a:close/>
                </a:path>
                <a:path w="10361930" h="6141720">
                  <a:moveTo>
                    <a:pt x="9144" y="5407152"/>
                  </a:moveTo>
                  <a:lnTo>
                    <a:pt x="0" y="5407152"/>
                  </a:lnTo>
                  <a:lnTo>
                    <a:pt x="0" y="5417820"/>
                  </a:lnTo>
                  <a:lnTo>
                    <a:pt x="9144" y="5417820"/>
                  </a:lnTo>
                  <a:lnTo>
                    <a:pt x="9144" y="5407152"/>
                  </a:lnTo>
                  <a:close/>
                </a:path>
                <a:path w="10361930" h="6141720">
                  <a:moveTo>
                    <a:pt x="9144" y="5387340"/>
                  </a:moveTo>
                  <a:lnTo>
                    <a:pt x="0" y="5387340"/>
                  </a:lnTo>
                  <a:lnTo>
                    <a:pt x="0" y="5396484"/>
                  </a:lnTo>
                  <a:lnTo>
                    <a:pt x="9144" y="5396484"/>
                  </a:lnTo>
                  <a:lnTo>
                    <a:pt x="9144" y="5387340"/>
                  </a:lnTo>
                  <a:close/>
                </a:path>
                <a:path w="10361930" h="6141720">
                  <a:moveTo>
                    <a:pt x="9144" y="5366004"/>
                  </a:moveTo>
                  <a:lnTo>
                    <a:pt x="0" y="5366004"/>
                  </a:lnTo>
                  <a:lnTo>
                    <a:pt x="0" y="5376672"/>
                  </a:lnTo>
                  <a:lnTo>
                    <a:pt x="9144" y="5376672"/>
                  </a:lnTo>
                  <a:lnTo>
                    <a:pt x="9144" y="5366004"/>
                  </a:lnTo>
                  <a:close/>
                </a:path>
                <a:path w="10361930" h="6141720">
                  <a:moveTo>
                    <a:pt x="9144" y="5346192"/>
                  </a:moveTo>
                  <a:lnTo>
                    <a:pt x="0" y="5346192"/>
                  </a:lnTo>
                  <a:lnTo>
                    <a:pt x="0" y="5355336"/>
                  </a:lnTo>
                  <a:lnTo>
                    <a:pt x="9144" y="5355336"/>
                  </a:lnTo>
                  <a:lnTo>
                    <a:pt x="9144" y="5346192"/>
                  </a:lnTo>
                  <a:close/>
                </a:path>
                <a:path w="10361930" h="6141720">
                  <a:moveTo>
                    <a:pt x="9144" y="5324856"/>
                  </a:moveTo>
                  <a:lnTo>
                    <a:pt x="0" y="5324856"/>
                  </a:lnTo>
                  <a:lnTo>
                    <a:pt x="0" y="5335524"/>
                  </a:lnTo>
                  <a:lnTo>
                    <a:pt x="9144" y="5335524"/>
                  </a:lnTo>
                  <a:lnTo>
                    <a:pt x="9144" y="5324856"/>
                  </a:lnTo>
                  <a:close/>
                </a:path>
                <a:path w="10361930" h="6141720">
                  <a:moveTo>
                    <a:pt x="9144" y="5305044"/>
                  </a:moveTo>
                  <a:lnTo>
                    <a:pt x="0" y="5305044"/>
                  </a:lnTo>
                  <a:lnTo>
                    <a:pt x="0" y="5314188"/>
                  </a:lnTo>
                  <a:lnTo>
                    <a:pt x="9144" y="5314188"/>
                  </a:lnTo>
                  <a:lnTo>
                    <a:pt x="9144" y="5305044"/>
                  </a:lnTo>
                  <a:close/>
                </a:path>
                <a:path w="10361930" h="6141720">
                  <a:moveTo>
                    <a:pt x="9144" y="5283708"/>
                  </a:moveTo>
                  <a:lnTo>
                    <a:pt x="0" y="5283708"/>
                  </a:lnTo>
                  <a:lnTo>
                    <a:pt x="0" y="5294376"/>
                  </a:lnTo>
                  <a:lnTo>
                    <a:pt x="9144" y="5294376"/>
                  </a:lnTo>
                  <a:lnTo>
                    <a:pt x="9144" y="5283708"/>
                  </a:lnTo>
                  <a:close/>
                </a:path>
                <a:path w="10361930" h="6141720">
                  <a:moveTo>
                    <a:pt x="9144" y="5263896"/>
                  </a:moveTo>
                  <a:lnTo>
                    <a:pt x="0" y="5263896"/>
                  </a:lnTo>
                  <a:lnTo>
                    <a:pt x="0" y="5273040"/>
                  </a:lnTo>
                  <a:lnTo>
                    <a:pt x="9144" y="5273040"/>
                  </a:lnTo>
                  <a:lnTo>
                    <a:pt x="9144" y="5263896"/>
                  </a:lnTo>
                  <a:close/>
                </a:path>
                <a:path w="10361930" h="6141720">
                  <a:moveTo>
                    <a:pt x="9144" y="5242560"/>
                  </a:moveTo>
                  <a:lnTo>
                    <a:pt x="0" y="5242560"/>
                  </a:lnTo>
                  <a:lnTo>
                    <a:pt x="0" y="5253228"/>
                  </a:lnTo>
                  <a:lnTo>
                    <a:pt x="9144" y="5253228"/>
                  </a:lnTo>
                  <a:lnTo>
                    <a:pt x="9144" y="5242560"/>
                  </a:lnTo>
                  <a:close/>
                </a:path>
                <a:path w="10361930" h="6141720">
                  <a:moveTo>
                    <a:pt x="9144" y="5222748"/>
                  </a:moveTo>
                  <a:lnTo>
                    <a:pt x="0" y="5222748"/>
                  </a:lnTo>
                  <a:lnTo>
                    <a:pt x="0" y="5231892"/>
                  </a:lnTo>
                  <a:lnTo>
                    <a:pt x="9144" y="5231892"/>
                  </a:lnTo>
                  <a:lnTo>
                    <a:pt x="9144" y="5222748"/>
                  </a:lnTo>
                  <a:close/>
                </a:path>
                <a:path w="10361930" h="6141720">
                  <a:moveTo>
                    <a:pt x="9144" y="5201412"/>
                  </a:moveTo>
                  <a:lnTo>
                    <a:pt x="0" y="5201412"/>
                  </a:lnTo>
                  <a:lnTo>
                    <a:pt x="0" y="5212080"/>
                  </a:lnTo>
                  <a:lnTo>
                    <a:pt x="9144" y="5212080"/>
                  </a:lnTo>
                  <a:lnTo>
                    <a:pt x="9144" y="5201412"/>
                  </a:lnTo>
                  <a:close/>
                </a:path>
                <a:path w="10361930" h="6141720">
                  <a:moveTo>
                    <a:pt x="9144" y="5181600"/>
                  </a:moveTo>
                  <a:lnTo>
                    <a:pt x="0" y="5181600"/>
                  </a:lnTo>
                  <a:lnTo>
                    <a:pt x="0" y="5190744"/>
                  </a:lnTo>
                  <a:lnTo>
                    <a:pt x="9144" y="5190744"/>
                  </a:lnTo>
                  <a:lnTo>
                    <a:pt x="9144" y="5181600"/>
                  </a:lnTo>
                  <a:close/>
                </a:path>
                <a:path w="10361930" h="6141720">
                  <a:moveTo>
                    <a:pt x="9144" y="5160264"/>
                  </a:moveTo>
                  <a:lnTo>
                    <a:pt x="0" y="5160264"/>
                  </a:lnTo>
                  <a:lnTo>
                    <a:pt x="0" y="5170932"/>
                  </a:lnTo>
                  <a:lnTo>
                    <a:pt x="9144" y="5170932"/>
                  </a:lnTo>
                  <a:lnTo>
                    <a:pt x="9144" y="5160264"/>
                  </a:lnTo>
                  <a:close/>
                </a:path>
                <a:path w="10361930" h="6141720">
                  <a:moveTo>
                    <a:pt x="9144" y="5140452"/>
                  </a:moveTo>
                  <a:lnTo>
                    <a:pt x="0" y="5140452"/>
                  </a:lnTo>
                  <a:lnTo>
                    <a:pt x="0" y="5149596"/>
                  </a:lnTo>
                  <a:lnTo>
                    <a:pt x="9144" y="5149596"/>
                  </a:lnTo>
                  <a:lnTo>
                    <a:pt x="9144" y="5140452"/>
                  </a:lnTo>
                  <a:close/>
                </a:path>
                <a:path w="10361930" h="6141720">
                  <a:moveTo>
                    <a:pt x="9144" y="5119116"/>
                  </a:moveTo>
                  <a:lnTo>
                    <a:pt x="0" y="5119116"/>
                  </a:lnTo>
                  <a:lnTo>
                    <a:pt x="0" y="5129784"/>
                  </a:lnTo>
                  <a:lnTo>
                    <a:pt x="9144" y="5129784"/>
                  </a:lnTo>
                  <a:lnTo>
                    <a:pt x="9144" y="5119116"/>
                  </a:lnTo>
                  <a:close/>
                </a:path>
                <a:path w="10361930" h="6141720">
                  <a:moveTo>
                    <a:pt x="9144" y="5099304"/>
                  </a:moveTo>
                  <a:lnTo>
                    <a:pt x="0" y="5099304"/>
                  </a:lnTo>
                  <a:lnTo>
                    <a:pt x="0" y="5108448"/>
                  </a:lnTo>
                  <a:lnTo>
                    <a:pt x="9144" y="5108448"/>
                  </a:lnTo>
                  <a:lnTo>
                    <a:pt x="9144" y="5099304"/>
                  </a:lnTo>
                  <a:close/>
                </a:path>
                <a:path w="10361930" h="6141720">
                  <a:moveTo>
                    <a:pt x="9144" y="5077968"/>
                  </a:moveTo>
                  <a:lnTo>
                    <a:pt x="0" y="5077968"/>
                  </a:lnTo>
                  <a:lnTo>
                    <a:pt x="0" y="5088636"/>
                  </a:lnTo>
                  <a:lnTo>
                    <a:pt x="9144" y="5088636"/>
                  </a:lnTo>
                  <a:lnTo>
                    <a:pt x="9144" y="5077968"/>
                  </a:lnTo>
                  <a:close/>
                </a:path>
                <a:path w="10361930" h="6141720">
                  <a:moveTo>
                    <a:pt x="9144" y="5058156"/>
                  </a:moveTo>
                  <a:lnTo>
                    <a:pt x="0" y="5058156"/>
                  </a:lnTo>
                  <a:lnTo>
                    <a:pt x="0" y="5067300"/>
                  </a:lnTo>
                  <a:lnTo>
                    <a:pt x="9144" y="5067300"/>
                  </a:lnTo>
                  <a:lnTo>
                    <a:pt x="9144" y="5058156"/>
                  </a:lnTo>
                  <a:close/>
                </a:path>
                <a:path w="10361930" h="6141720">
                  <a:moveTo>
                    <a:pt x="9144" y="5036820"/>
                  </a:moveTo>
                  <a:lnTo>
                    <a:pt x="0" y="5036820"/>
                  </a:lnTo>
                  <a:lnTo>
                    <a:pt x="0" y="5047488"/>
                  </a:lnTo>
                  <a:lnTo>
                    <a:pt x="9144" y="5047488"/>
                  </a:lnTo>
                  <a:lnTo>
                    <a:pt x="9144" y="5036820"/>
                  </a:lnTo>
                  <a:close/>
                </a:path>
                <a:path w="10361930" h="6141720">
                  <a:moveTo>
                    <a:pt x="9144" y="5017008"/>
                  </a:moveTo>
                  <a:lnTo>
                    <a:pt x="0" y="5017008"/>
                  </a:lnTo>
                  <a:lnTo>
                    <a:pt x="0" y="5026152"/>
                  </a:lnTo>
                  <a:lnTo>
                    <a:pt x="9144" y="5026152"/>
                  </a:lnTo>
                  <a:lnTo>
                    <a:pt x="9144" y="5017008"/>
                  </a:lnTo>
                  <a:close/>
                </a:path>
                <a:path w="10361930" h="6141720">
                  <a:moveTo>
                    <a:pt x="9144" y="4995672"/>
                  </a:moveTo>
                  <a:lnTo>
                    <a:pt x="0" y="4995672"/>
                  </a:lnTo>
                  <a:lnTo>
                    <a:pt x="0" y="5006340"/>
                  </a:lnTo>
                  <a:lnTo>
                    <a:pt x="9144" y="5006340"/>
                  </a:lnTo>
                  <a:lnTo>
                    <a:pt x="9144" y="4995672"/>
                  </a:lnTo>
                  <a:close/>
                </a:path>
                <a:path w="10361930" h="6141720">
                  <a:moveTo>
                    <a:pt x="9144" y="4975860"/>
                  </a:moveTo>
                  <a:lnTo>
                    <a:pt x="0" y="4975860"/>
                  </a:lnTo>
                  <a:lnTo>
                    <a:pt x="0" y="4986528"/>
                  </a:lnTo>
                  <a:lnTo>
                    <a:pt x="9144" y="4986528"/>
                  </a:lnTo>
                  <a:lnTo>
                    <a:pt x="9144" y="4975860"/>
                  </a:lnTo>
                  <a:close/>
                </a:path>
                <a:path w="10361930" h="6141720">
                  <a:moveTo>
                    <a:pt x="9144" y="4954524"/>
                  </a:moveTo>
                  <a:lnTo>
                    <a:pt x="0" y="4954524"/>
                  </a:lnTo>
                  <a:lnTo>
                    <a:pt x="0" y="4965192"/>
                  </a:lnTo>
                  <a:lnTo>
                    <a:pt x="9144" y="4965192"/>
                  </a:lnTo>
                  <a:lnTo>
                    <a:pt x="9144" y="4954524"/>
                  </a:lnTo>
                  <a:close/>
                </a:path>
                <a:path w="10361930" h="6141720">
                  <a:moveTo>
                    <a:pt x="9144" y="4934712"/>
                  </a:moveTo>
                  <a:lnTo>
                    <a:pt x="0" y="4934712"/>
                  </a:lnTo>
                  <a:lnTo>
                    <a:pt x="0" y="4945380"/>
                  </a:lnTo>
                  <a:lnTo>
                    <a:pt x="9144" y="4945380"/>
                  </a:lnTo>
                  <a:lnTo>
                    <a:pt x="9144" y="4934712"/>
                  </a:lnTo>
                  <a:close/>
                </a:path>
                <a:path w="10361930" h="6141720">
                  <a:moveTo>
                    <a:pt x="9144" y="4913376"/>
                  </a:moveTo>
                  <a:lnTo>
                    <a:pt x="0" y="4913376"/>
                  </a:lnTo>
                  <a:lnTo>
                    <a:pt x="0" y="4924044"/>
                  </a:lnTo>
                  <a:lnTo>
                    <a:pt x="9144" y="4924044"/>
                  </a:lnTo>
                  <a:lnTo>
                    <a:pt x="9144" y="4913376"/>
                  </a:lnTo>
                  <a:close/>
                </a:path>
                <a:path w="10361930" h="6141720">
                  <a:moveTo>
                    <a:pt x="9144" y="4893564"/>
                  </a:moveTo>
                  <a:lnTo>
                    <a:pt x="0" y="4893564"/>
                  </a:lnTo>
                  <a:lnTo>
                    <a:pt x="0" y="4904232"/>
                  </a:lnTo>
                  <a:lnTo>
                    <a:pt x="9144" y="4904232"/>
                  </a:lnTo>
                  <a:lnTo>
                    <a:pt x="9144" y="4893564"/>
                  </a:lnTo>
                  <a:close/>
                </a:path>
                <a:path w="10361930" h="6141720">
                  <a:moveTo>
                    <a:pt x="9144" y="4872228"/>
                  </a:moveTo>
                  <a:lnTo>
                    <a:pt x="0" y="4872228"/>
                  </a:lnTo>
                  <a:lnTo>
                    <a:pt x="0" y="4882896"/>
                  </a:lnTo>
                  <a:lnTo>
                    <a:pt x="9144" y="4882896"/>
                  </a:lnTo>
                  <a:lnTo>
                    <a:pt x="9144" y="4872228"/>
                  </a:lnTo>
                  <a:close/>
                </a:path>
                <a:path w="10361930" h="6141720">
                  <a:moveTo>
                    <a:pt x="9144" y="4852416"/>
                  </a:moveTo>
                  <a:lnTo>
                    <a:pt x="0" y="4852416"/>
                  </a:lnTo>
                  <a:lnTo>
                    <a:pt x="0" y="4863084"/>
                  </a:lnTo>
                  <a:lnTo>
                    <a:pt x="9144" y="4863084"/>
                  </a:lnTo>
                  <a:lnTo>
                    <a:pt x="9144" y="4852416"/>
                  </a:lnTo>
                  <a:close/>
                </a:path>
                <a:path w="10361930" h="6141720">
                  <a:moveTo>
                    <a:pt x="9144" y="4831080"/>
                  </a:moveTo>
                  <a:lnTo>
                    <a:pt x="0" y="4831080"/>
                  </a:lnTo>
                  <a:lnTo>
                    <a:pt x="0" y="4841748"/>
                  </a:lnTo>
                  <a:lnTo>
                    <a:pt x="9144" y="4841748"/>
                  </a:lnTo>
                  <a:lnTo>
                    <a:pt x="9144" y="4831080"/>
                  </a:lnTo>
                  <a:close/>
                </a:path>
                <a:path w="10361930" h="6141720">
                  <a:moveTo>
                    <a:pt x="9144" y="4811268"/>
                  </a:moveTo>
                  <a:lnTo>
                    <a:pt x="0" y="4811268"/>
                  </a:lnTo>
                  <a:lnTo>
                    <a:pt x="0" y="4821936"/>
                  </a:lnTo>
                  <a:lnTo>
                    <a:pt x="9144" y="4821936"/>
                  </a:lnTo>
                  <a:lnTo>
                    <a:pt x="9144" y="4811268"/>
                  </a:lnTo>
                  <a:close/>
                </a:path>
                <a:path w="10361930" h="6141720">
                  <a:moveTo>
                    <a:pt x="9144" y="4789932"/>
                  </a:moveTo>
                  <a:lnTo>
                    <a:pt x="0" y="4789932"/>
                  </a:lnTo>
                  <a:lnTo>
                    <a:pt x="0" y="4800600"/>
                  </a:lnTo>
                  <a:lnTo>
                    <a:pt x="9144" y="4800600"/>
                  </a:lnTo>
                  <a:lnTo>
                    <a:pt x="9144" y="4789932"/>
                  </a:lnTo>
                  <a:close/>
                </a:path>
                <a:path w="10361930" h="6141720">
                  <a:moveTo>
                    <a:pt x="9144" y="4770120"/>
                  </a:moveTo>
                  <a:lnTo>
                    <a:pt x="0" y="4770120"/>
                  </a:lnTo>
                  <a:lnTo>
                    <a:pt x="0" y="4780788"/>
                  </a:lnTo>
                  <a:lnTo>
                    <a:pt x="9144" y="4780788"/>
                  </a:lnTo>
                  <a:lnTo>
                    <a:pt x="9144" y="4770120"/>
                  </a:lnTo>
                  <a:close/>
                </a:path>
                <a:path w="10361930" h="6141720">
                  <a:moveTo>
                    <a:pt x="9144" y="4748784"/>
                  </a:moveTo>
                  <a:lnTo>
                    <a:pt x="0" y="4748784"/>
                  </a:lnTo>
                  <a:lnTo>
                    <a:pt x="0" y="4759452"/>
                  </a:lnTo>
                  <a:lnTo>
                    <a:pt x="9144" y="4759452"/>
                  </a:lnTo>
                  <a:lnTo>
                    <a:pt x="9144" y="4748784"/>
                  </a:lnTo>
                  <a:close/>
                </a:path>
                <a:path w="10361930" h="6141720">
                  <a:moveTo>
                    <a:pt x="9144" y="4728972"/>
                  </a:moveTo>
                  <a:lnTo>
                    <a:pt x="0" y="4728972"/>
                  </a:lnTo>
                  <a:lnTo>
                    <a:pt x="0" y="4739640"/>
                  </a:lnTo>
                  <a:lnTo>
                    <a:pt x="9144" y="4739640"/>
                  </a:lnTo>
                  <a:lnTo>
                    <a:pt x="9144" y="4728972"/>
                  </a:lnTo>
                  <a:close/>
                </a:path>
                <a:path w="10361930" h="6141720">
                  <a:moveTo>
                    <a:pt x="9144" y="4707636"/>
                  </a:moveTo>
                  <a:lnTo>
                    <a:pt x="0" y="4707636"/>
                  </a:lnTo>
                  <a:lnTo>
                    <a:pt x="0" y="4718304"/>
                  </a:lnTo>
                  <a:lnTo>
                    <a:pt x="9144" y="4718304"/>
                  </a:lnTo>
                  <a:lnTo>
                    <a:pt x="9144" y="4707636"/>
                  </a:lnTo>
                  <a:close/>
                </a:path>
                <a:path w="10361930" h="6141720">
                  <a:moveTo>
                    <a:pt x="9144" y="4687824"/>
                  </a:moveTo>
                  <a:lnTo>
                    <a:pt x="0" y="4687824"/>
                  </a:lnTo>
                  <a:lnTo>
                    <a:pt x="0" y="4698492"/>
                  </a:lnTo>
                  <a:lnTo>
                    <a:pt x="9144" y="4698492"/>
                  </a:lnTo>
                  <a:lnTo>
                    <a:pt x="9144" y="4687824"/>
                  </a:lnTo>
                  <a:close/>
                </a:path>
                <a:path w="10361930" h="6141720">
                  <a:moveTo>
                    <a:pt x="9144" y="4666488"/>
                  </a:moveTo>
                  <a:lnTo>
                    <a:pt x="0" y="4666488"/>
                  </a:lnTo>
                  <a:lnTo>
                    <a:pt x="0" y="4677156"/>
                  </a:lnTo>
                  <a:lnTo>
                    <a:pt x="9144" y="4677156"/>
                  </a:lnTo>
                  <a:lnTo>
                    <a:pt x="9144" y="4666488"/>
                  </a:lnTo>
                  <a:close/>
                </a:path>
                <a:path w="10361930" h="6141720">
                  <a:moveTo>
                    <a:pt x="9144" y="4646676"/>
                  </a:moveTo>
                  <a:lnTo>
                    <a:pt x="0" y="4646676"/>
                  </a:lnTo>
                  <a:lnTo>
                    <a:pt x="0" y="4657344"/>
                  </a:lnTo>
                  <a:lnTo>
                    <a:pt x="9144" y="4657344"/>
                  </a:lnTo>
                  <a:lnTo>
                    <a:pt x="9144" y="4646676"/>
                  </a:lnTo>
                  <a:close/>
                </a:path>
                <a:path w="10361930" h="6141720">
                  <a:moveTo>
                    <a:pt x="9144" y="4625340"/>
                  </a:moveTo>
                  <a:lnTo>
                    <a:pt x="0" y="4625340"/>
                  </a:lnTo>
                  <a:lnTo>
                    <a:pt x="0" y="4636008"/>
                  </a:lnTo>
                  <a:lnTo>
                    <a:pt x="9144" y="4636008"/>
                  </a:lnTo>
                  <a:lnTo>
                    <a:pt x="9144" y="4625340"/>
                  </a:lnTo>
                  <a:close/>
                </a:path>
                <a:path w="10361930" h="6141720">
                  <a:moveTo>
                    <a:pt x="9144" y="4605528"/>
                  </a:moveTo>
                  <a:lnTo>
                    <a:pt x="0" y="4605528"/>
                  </a:lnTo>
                  <a:lnTo>
                    <a:pt x="0" y="4616196"/>
                  </a:lnTo>
                  <a:lnTo>
                    <a:pt x="9144" y="4616196"/>
                  </a:lnTo>
                  <a:lnTo>
                    <a:pt x="9144" y="4605528"/>
                  </a:lnTo>
                  <a:close/>
                </a:path>
                <a:path w="10361930" h="6141720">
                  <a:moveTo>
                    <a:pt x="9144" y="4584192"/>
                  </a:moveTo>
                  <a:lnTo>
                    <a:pt x="0" y="4584192"/>
                  </a:lnTo>
                  <a:lnTo>
                    <a:pt x="0" y="4594860"/>
                  </a:lnTo>
                  <a:lnTo>
                    <a:pt x="9144" y="4594860"/>
                  </a:lnTo>
                  <a:lnTo>
                    <a:pt x="9144" y="4584192"/>
                  </a:lnTo>
                  <a:close/>
                </a:path>
                <a:path w="10361930" h="6141720">
                  <a:moveTo>
                    <a:pt x="9144" y="4564380"/>
                  </a:moveTo>
                  <a:lnTo>
                    <a:pt x="0" y="4564380"/>
                  </a:lnTo>
                  <a:lnTo>
                    <a:pt x="0" y="4575048"/>
                  </a:lnTo>
                  <a:lnTo>
                    <a:pt x="9144" y="4575048"/>
                  </a:lnTo>
                  <a:lnTo>
                    <a:pt x="9144" y="4564380"/>
                  </a:lnTo>
                  <a:close/>
                </a:path>
                <a:path w="10361930" h="6141720">
                  <a:moveTo>
                    <a:pt x="9144" y="4543044"/>
                  </a:moveTo>
                  <a:lnTo>
                    <a:pt x="0" y="4543044"/>
                  </a:lnTo>
                  <a:lnTo>
                    <a:pt x="0" y="4553712"/>
                  </a:lnTo>
                  <a:lnTo>
                    <a:pt x="9144" y="4553712"/>
                  </a:lnTo>
                  <a:lnTo>
                    <a:pt x="9144" y="4543044"/>
                  </a:lnTo>
                  <a:close/>
                </a:path>
                <a:path w="10361930" h="6141720">
                  <a:moveTo>
                    <a:pt x="9144" y="4523232"/>
                  </a:moveTo>
                  <a:lnTo>
                    <a:pt x="0" y="4523232"/>
                  </a:lnTo>
                  <a:lnTo>
                    <a:pt x="0" y="4533900"/>
                  </a:lnTo>
                  <a:lnTo>
                    <a:pt x="9144" y="4533900"/>
                  </a:lnTo>
                  <a:lnTo>
                    <a:pt x="9144" y="4523232"/>
                  </a:lnTo>
                  <a:close/>
                </a:path>
                <a:path w="10361930" h="6141720">
                  <a:moveTo>
                    <a:pt x="9144" y="4501896"/>
                  </a:moveTo>
                  <a:lnTo>
                    <a:pt x="0" y="4501896"/>
                  </a:lnTo>
                  <a:lnTo>
                    <a:pt x="0" y="4512564"/>
                  </a:lnTo>
                  <a:lnTo>
                    <a:pt x="9144" y="4512564"/>
                  </a:lnTo>
                  <a:lnTo>
                    <a:pt x="9144" y="4501896"/>
                  </a:lnTo>
                  <a:close/>
                </a:path>
                <a:path w="10361930" h="6141720">
                  <a:moveTo>
                    <a:pt x="9144" y="4482084"/>
                  </a:moveTo>
                  <a:lnTo>
                    <a:pt x="0" y="4482084"/>
                  </a:lnTo>
                  <a:lnTo>
                    <a:pt x="0" y="4492752"/>
                  </a:lnTo>
                  <a:lnTo>
                    <a:pt x="9144" y="4492752"/>
                  </a:lnTo>
                  <a:lnTo>
                    <a:pt x="9144" y="4482084"/>
                  </a:lnTo>
                  <a:close/>
                </a:path>
                <a:path w="10361930" h="6141720">
                  <a:moveTo>
                    <a:pt x="9144" y="4460748"/>
                  </a:moveTo>
                  <a:lnTo>
                    <a:pt x="0" y="4460748"/>
                  </a:lnTo>
                  <a:lnTo>
                    <a:pt x="0" y="4471416"/>
                  </a:lnTo>
                  <a:lnTo>
                    <a:pt x="9144" y="4471416"/>
                  </a:lnTo>
                  <a:lnTo>
                    <a:pt x="9144" y="4460748"/>
                  </a:lnTo>
                  <a:close/>
                </a:path>
                <a:path w="10361930" h="6141720">
                  <a:moveTo>
                    <a:pt x="9144" y="4440936"/>
                  </a:moveTo>
                  <a:lnTo>
                    <a:pt x="0" y="4440936"/>
                  </a:lnTo>
                  <a:lnTo>
                    <a:pt x="0" y="4451604"/>
                  </a:lnTo>
                  <a:lnTo>
                    <a:pt x="9144" y="4451604"/>
                  </a:lnTo>
                  <a:lnTo>
                    <a:pt x="9144" y="4440936"/>
                  </a:lnTo>
                  <a:close/>
                </a:path>
                <a:path w="10361930" h="6141720">
                  <a:moveTo>
                    <a:pt x="9144" y="4419600"/>
                  </a:moveTo>
                  <a:lnTo>
                    <a:pt x="0" y="4419600"/>
                  </a:lnTo>
                  <a:lnTo>
                    <a:pt x="0" y="4430268"/>
                  </a:lnTo>
                  <a:lnTo>
                    <a:pt x="9144" y="4430268"/>
                  </a:lnTo>
                  <a:lnTo>
                    <a:pt x="9144" y="4419600"/>
                  </a:lnTo>
                  <a:close/>
                </a:path>
                <a:path w="10361930" h="6141720">
                  <a:moveTo>
                    <a:pt x="9144" y="4399788"/>
                  </a:moveTo>
                  <a:lnTo>
                    <a:pt x="0" y="4399788"/>
                  </a:lnTo>
                  <a:lnTo>
                    <a:pt x="0" y="4410456"/>
                  </a:lnTo>
                  <a:lnTo>
                    <a:pt x="9144" y="4410456"/>
                  </a:lnTo>
                  <a:lnTo>
                    <a:pt x="9144" y="4399788"/>
                  </a:lnTo>
                  <a:close/>
                </a:path>
                <a:path w="10361930" h="6141720">
                  <a:moveTo>
                    <a:pt x="9144" y="4379976"/>
                  </a:moveTo>
                  <a:lnTo>
                    <a:pt x="0" y="4379976"/>
                  </a:lnTo>
                  <a:lnTo>
                    <a:pt x="0" y="4389120"/>
                  </a:lnTo>
                  <a:lnTo>
                    <a:pt x="9144" y="4389120"/>
                  </a:lnTo>
                  <a:lnTo>
                    <a:pt x="9144" y="4379976"/>
                  </a:lnTo>
                  <a:close/>
                </a:path>
                <a:path w="10361930" h="6141720">
                  <a:moveTo>
                    <a:pt x="9144" y="4358640"/>
                  </a:moveTo>
                  <a:lnTo>
                    <a:pt x="0" y="4358640"/>
                  </a:lnTo>
                  <a:lnTo>
                    <a:pt x="0" y="4369308"/>
                  </a:lnTo>
                  <a:lnTo>
                    <a:pt x="9144" y="4369308"/>
                  </a:lnTo>
                  <a:lnTo>
                    <a:pt x="9144" y="4358640"/>
                  </a:lnTo>
                  <a:close/>
                </a:path>
                <a:path w="10361930" h="6141720">
                  <a:moveTo>
                    <a:pt x="9144" y="4338828"/>
                  </a:moveTo>
                  <a:lnTo>
                    <a:pt x="0" y="4338828"/>
                  </a:lnTo>
                  <a:lnTo>
                    <a:pt x="0" y="4347972"/>
                  </a:lnTo>
                  <a:lnTo>
                    <a:pt x="9144" y="4347972"/>
                  </a:lnTo>
                  <a:lnTo>
                    <a:pt x="9144" y="4338828"/>
                  </a:lnTo>
                  <a:close/>
                </a:path>
                <a:path w="10361930" h="6141720">
                  <a:moveTo>
                    <a:pt x="9144" y="4317492"/>
                  </a:moveTo>
                  <a:lnTo>
                    <a:pt x="0" y="4317492"/>
                  </a:lnTo>
                  <a:lnTo>
                    <a:pt x="0" y="4328160"/>
                  </a:lnTo>
                  <a:lnTo>
                    <a:pt x="9144" y="4328160"/>
                  </a:lnTo>
                  <a:lnTo>
                    <a:pt x="9144" y="4317492"/>
                  </a:lnTo>
                  <a:close/>
                </a:path>
                <a:path w="10361930" h="6141720">
                  <a:moveTo>
                    <a:pt x="9144" y="4297680"/>
                  </a:moveTo>
                  <a:lnTo>
                    <a:pt x="0" y="4297680"/>
                  </a:lnTo>
                  <a:lnTo>
                    <a:pt x="0" y="4306824"/>
                  </a:lnTo>
                  <a:lnTo>
                    <a:pt x="9144" y="4306824"/>
                  </a:lnTo>
                  <a:lnTo>
                    <a:pt x="9144" y="4297680"/>
                  </a:lnTo>
                  <a:close/>
                </a:path>
                <a:path w="10361930" h="6141720">
                  <a:moveTo>
                    <a:pt x="9144" y="4276344"/>
                  </a:moveTo>
                  <a:lnTo>
                    <a:pt x="0" y="4276344"/>
                  </a:lnTo>
                  <a:lnTo>
                    <a:pt x="0" y="4287012"/>
                  </a:lnTo>
                  <a:lnTo>
                    <a:pt x="9144" y="4287012"/>
                  </a:lnTo>
                  <a:lnTo>
                    <a:pt x="9144" y="4276344"/>
                  </a:lnTo>
                  <a:close/>
                </a:path>
                <a:path w="10361930" h="6141720">
                  <a:moveTo>
                    <a:pt x="9144" y="4256532"/>
                  </a:moveTo>
                  <a:lnTo>
                    <a:pt x="0" y="4256532"/>
                  </a:lnTo>
                  <a:lnTo>
                    <a:pt x="0" y="4265676"/>
                  </a:lnTo>
                  <a:lnTo>
                    <a:pt x="9144" y="4265676"/>
                  </a:lnTo>
                  <a:lnTo>
                    <a:pt x="9144" y="4256532"/>
                  </a:lnTo>
                  <a:close/>
                </a:path>
                <a:path w="10361930" h="6141720">
                  <a:moveTo>
                    <a:pt x="9144" y="4235196"/>
                  </a:moveTo>
                  <a:lnTo>
                    <a:pt x="0" y="4235196"/>
                  </a:lnTo>
                  <a:lnTo>
                    <a:pt x="0" y="4245864"/>
                  </a:lnTo>
                  <a:lnTo>
                    <a:pt x="9144" y="4245864"/>
                  </a:lnTo>
                  <a:lnTo>
                    <a:pt x="9144" y="4235196"/>
                  </a:lnTo>
                  <a:close/>
                </a:path>
                <a:path w="10361930" h="6141720">
                  <a:moveTo>
                    <a:pt x="9144" y="4215384"/>
                  </a:moveTo>
                  <a:lnTo>
                    <a:pt x="0" y="4215384"/>
                  </a:lnTo>
                  <a:lnTo>
                    <a:pt x="0" y="4224528"/>
                  </a:lnTo>
                  <a:lnTo>
                    <a:pt x="9144" y="4224528"/>
                  </a:lnTo>
                  <a:lnTo>
                    <a:pt x="9144" y="4215384"/>
                  </a:lnTo>
                  <a:close/>
                </a:path>
                <a:path w="10361930" h="6141720">
                  <a:moveTo>
                    <a:pt x="9144" y="4194048"/>
                  </a:moveTo>
                  <a:lnTo>
                    <a:pt x="0" y="4194048"/>
                  </a:lnTo>
                  <a:lnTo>
                    <a:pt x="0" y="4204716"/>
                  </a:lnTo>
                  <a:lnTo>
                    <a:pt x="9144" y="4204716"/>
                  </a:lnTo>
                  <a:lnTo>
                    <a:pt x="9144" y="4194048"/>
                  </a:lnTo>
                  <a:close/>
                </a:path>
                <a:path w="10361930" h="6141720">
                  <a:moveTo>
                    <a:pt x="9144" y="4174236"/>
                  </a:moveTo>
                  <a:lnTo>
                    <a:pt x="0" y="4174236"/>
                  </a:lnTo>
                  <a:lnTo>
                    <a:pt x="0" y="4183380"/>
                  </a:lnTo>
                  <a:lnTo>
                    <a:pt x="9144" y="4183380"/>
                  </a:lnTo>
                  <a:lnTo>
                    <a:pt x="9144" y="4174236"/>
                  </a:lnTo>
                  <a:close/>
                </a:path>
                <a:path w="10361930" h="6141720">
                  <a:moveTo>
                    <a:pt x="9144" y="4152900"/>
                  </a:moveTo>
                  <a:lnTo>
                    <a:pt x="0" y="4152900"/>
                  </a:lnTo>
                  <a:lnTo>
                    <a:pt x="0" y="4163568"/>
                  </a:lnTo>
                  <a:lnTo>
                    <a:pt x="9144" y="4163568"/>
                  </a:lnTo>
                  <a:lnTo>
                    <a:pt x="9144" y="4152900"/>
                  </a:lnTo>
                  <a:close/>
                </a:path>
                <a:path w="10361930" h="6141720">
                  <a:moveTo>
                    <a:pt x="9144" y="4133088"/>
                  </a:moveTo>
                  <a:lnTo>
                    <a:pt x="0" y="4133088"/>
                  </a:lnTo>
                  <a:lnTo>
                    <a:pt x="0" y="4142232"/>
                  </a:lnTo>
                  <a:lnTo>
                    <a:pt x="9144" y="4142232"/>
                  </a:lnTo>
                  <a:lnTo>
                    <a:pt x="9144" y="4133088"/>
                  </a:lnTo>
                  <a:close/>
                </a:path>
                <a:path w="10361930" h="6141720">
                  <a:moveTo>
                    <a:pt x="9144" y="4111752"/>
                  </a:moveTo>
                  <a:lnTo>
                    <a:pt x="0" y="4111752"/>
                  </a:lnTo>
                  <a:lnTo>
                    <a:pt x="0" y="4122420"/>
                  </a:lnTo>
                  <a:lnTo>
                    <a:pt x="9144" y="4122420"/>
                  </a:lnTo>
                  <a:lnTo>
                    <a:pt x="9144" y="4111752"/>
                  </a:lnTo>
                  <a:close/>
                </a:path>
                <a:path w="10361930" h="6141720">
                  <a:moveTo>
                    <a:pt x="9144" y="4091940"/>
                  </a:moveTo>
                  <a:lnTo>
                    <a:pt x="0" y="4091940"/>
                  </a:lnTo>
                  <a:lnTo>
                    <a:pt x="0" y="4101084"/>
                  </a:lnTo>
                  <a:lnTo>
                    <a:pt x="9144" y="4101084"/>
                  </a:lnTo>
                  <a:lnTo>
                    <a:pt x="9144" y="4091940"/>
                  </a:lnTo>
                  <a:close/>
                </a:path>
                <a:path w="10361930" h="6141720">
                  <a:moveTo>
                    <a:pt x="9144" y="4070604"/>
                  </a:moveTo>
                  <a:lnTo>
                    <a:pt x="0" y="4070604"/>
                  </a:lnTo>
                  <a:lnTo>
                    <a:pt x="0" y="4081272"/>
                  </a:lnTo>
                  <a:lnTo>
                    <a:pt x="9144" y="4081272"/>
                  </a:lnTo>
                  <a:lnTo>
                    <a:pt x="9144" y="4070604"/>
                  </a:lnTo>
                  <a:close/>
                </a:path>
                <a:path w="10361930" h="6141720">
                  <a:moveTo>
                    <a:pt x="9144" y="4050792"/>
                  </a:moveTo>
                  <a:lnTo>
                    <a:pt x="0" y="4050792"/>
                  </a:lnTo>
                  <a:lnTo>
                    <a:pt x="0" y="4059936"/>
                  </a:lnTo>
                  <a:lnTo>
                    <a:pt x="9144" y="4059936"/>
                  </a:lnTo>
                  <a:lnTo>
                    <a:pt x="9144" y="4050792"/>
                  </a:lnTo>
                  <a:close/>
                </a:path>
                <a:path w="10361930" h="6141720">
                  <a:moveTo>
                    <a:pt x="9144" y="4029456"/>
                  </a:moveTo>
                  <a:lnTo>
                    <a:pt x="0" y="4029456"/>
                  </a:lnTo>
                  <a:lnTo>
                    <a:pt x="0" y="4040124"/>
                  </a:lnTo>
                  <a:lnTo>
                    <a:pt x="9144" y="4040124"/>
                  </a:lnTo>
                  <a:lnTo>
                    <a:pt x="9144" y="4029456"/>
                  </a:lnTo>
                  <a:close/>
                </a:path>
                <a:path w="10361930" h="6141720">
                  <a:moveTo>
                    <a:pt x="9144" y="4009644"/>
                  </a:moveTo>
                  <a:lnTo>
                    <a:pt x="0" y="4009644"/>
                  </a:lnTo>
                  <a:lnTo>
                    <a:pt x="0" y="4018788"/>
                  </a:lnTo>
                  <a:lnTo>
                    <a:pt x="9144" y="4018788"/>
                  </a:lnTo>
                  <a:lnTo>
                    <a:pt x="9144" y="4009644"/>
                  </a:lnTo>
                  <a:close/>
                </a:path>
                <a:path w="10361930" h="6141720">
                  <a:moveTo>
                    <a:pt x="9144" y="3988308"/>
                  </a:moveTo>
                  <a:lnTo>
                    <a:pt x="0" y="3988308"/>
                  </a:lnTo>
                  <a:lnTo>
                    <a:pt x="0" y="3998976"/>
                  </a:lnTo>
                  <a:lnTo>
                    <a:pt x="9144" y="3998976"/>
                  </a:lnTo>
                  <a:lnTo>
                    <a:pt x="9144" y="3988308"/>
                  </a:lnTo>
                  <a:close/>
                </a:path>
                <a:path w="10361930" h="6141720">
                  <a:moveTo>
                    <a:pt x="9144" y="3968496"/>
                  </a:moveTo>
                  <a:lnTo>
                    <a:pt x="0" y="3968496"/>
                  </a:lnTo>
                  <a:lnTo>
                    <a:pt x="0" y="3977640"/>
                  </a:lnTo>
                  <a:lnTo>
                    <a:pt x="9144" y="3977640"/>
                  </a:lnTo>
                  <a:lnTo>
                    <a:pt x="9144" y="3968496"/>
                  </a:lnTo>
                  <a:close/>
                </a:path>
                <a:path w="10361930" h="6141720">
                  <a:moveTo>
                    <a:pt x="9144" y="3947160"/>
                  </a:moveTo>
                  <a:lnTo>
                    <a:pt x="0" y="3947160"/>
                  </a:lnTo>
                  <a:lnTo>
                    <a:pt x="0" y="3957828"/>
                  </a:lnTo>
                  <a:lnTo>
                    <a:pt x="9144" y="3957828"/>
                  </a:lnTo>
                  <a:lnTo>
                    <a:pt x="9144" y="3947160"/>
                  </a:lnTo>
                  <a:close/>
                </a:path>
                <a:path w="10361930" h="6141720">
                  <a:moveTo>
                    <a:pt x="9144" y="3927348"/>
                  </a:moveTo>
                  <a:lnTo>
                    <a:pt x="0" y="3927348"/>
                  </a:lnTo>
                  <a:lnTo>
                    <a:pt x="0" y="3936492"/>
                  </a:lnTo>
                  <a:lnTo>
                    <a:pt x="9144" y="3936492"/>
                  </a:lnTo>
                  <a:lnTo>
                    <a:pt x="9144" y="3927348"/>
                  </a:lnTo>
                  <a:close/>
                </a:path>
                <a:path w="10361930" h="6141720">
                  <a:moveTo>
                    <a:pt x="9144" y="3906012"/>
                  </a:moveTo>
                  <a:lnTo>
                    <a:pt x="0" y="3906012"/>
                  </a:lnTo>
                  <a:lnTo>
                    <a:pt x="0" y="3916680"/>
                  </a:lnTo>
                  <a:lnTo>
                    <a:pt x="9144" y="3916680"/>
                  </a:lnTo>
                  <a:lnTo>
                    <a:pt x="9144" y="3906012"/>
                  </a:lnTo>
                  <a:close/>
                </a:path>
                <a:path w="10361930" h="6141720">
                  <a:moveTo>
                    <a:pt x="9144" y="3886200"/>
                  </a:moveTo>
                  <a:lnTo>
                    <a:pt x="0" y="3886200"/>
                  </a:lnTo>
                  <a:lnTo>
                    <a:pt x="0" y="3895344"/>
                  </a:lnTo>
                  <a:lnTo>
                    <a:pt x="9144" y="3895344"/>
                  </a:lnTo>
                  <a:lnTo>
                    <a:pt x="9144" y="3886200"/>
                  </a:lnTo>
                  <a:close/>
                </a:path>
                <a:path w="10361930" h="6141720">
                  <a:moveTo>
                    <a:pt x="9144" y="3864864"/>
                  </a:moveTo>
                  <a:lnTo>
                    <a:pt x="0" y="3864864"/>
                  </a:lnTo>
                  <a:lnTo>
                    <a:pt x="0" y="3875532"/>
                  </a:lnTo>
                  <a:lnTo>
                    <a:pt x="9144" y="3875532"/>
                  </a:lnTo>
                  <a:lnTo>
                    <a:pt x="9144" y="3864864"/>
                  </a:lnTo>
                  <a:close/>
                </a:path>
                <a:path w="10361930" h="6141720">
                  <a:moveTo>
                    <a:pt x="9144" y="3845052"/>
                  </a:moveTo>
                  <a:lnTo>
                    <a:pt x="0" y="3845052"/>
                  </a:lnTo>
                  <a:lnTo>
                    <a:pt x="0" y="3854196"/>
                  </a:lnTo>
                  <a:lnTo>
                    <a:pt x="9144" y="3854196"/>
                  </a:lnTo>
                  <a:lnTo>
                    <a:pt x="9144" y="3845052"/>
                  </a:lnTo>
                  <a:close/>
                </a:path>
                <a:path w="10361930" h="6141720">
                  <a:moveTo>
                    <a:pt x="9144" y="3823716"/>
                  </a:moveTo>
                  <a:lnTo>
                    <a:pt x="0" y="3823716"/>
                  </a:lnTo>
                  <a:lnTo>
                    <a:pt x="0" y="3834384"/>
                  </a:lnTo>
                  <a:lnTo>
                    <a:pt x="9144" y="3834384"/>
                  </a:lnTo>
                  <a:lnTo>
                    <a:pt x="9144" y="3823716"/>
                  </a:lnTo>
                  <a:close/>
                </a:path>
                <a:path w="10361930" h="6141720">
                  <a:moveTo>
                    <a:pt x="9144" y="3803904"/>
                  </a:moveTo>
                  <a:lnTo>
                    <a:pt x="0" y="3803904"/>
                  </a:lnTo>
                  <a:lnTo>
                    <a:pt x="0" y="3813048"/>
                  </a:lnTo>
                  <a:lnTo>
                    <a:pt x="9144" y="3813048"/>
                  </a:lnTo>
                  <a:lnTo>
                    <a:pt x="9144" y="3803904"/>
                  </a:lnTo>
                  <a:close/>
                </a:path>
                <a:path w="10361930" h="6141720">
                  <a:moveTo>
                    <a:pt x="9144" y="3782568"/>
                  </a:moveTo>
                  <a:lnTo>
                    <a:pt x="0" y="3782568"/>
                  </a:lnTo>
                  <a:lnTo>
                    <a:pt x="0" y="3793236"/>
                  </a:lnTo>
                  <a:lnTo>
                    <a:pt x="9144" y="3793236"/>
                  </a:lnTo>
                  <a:lnTo>
                    <a:pt x="9144" y="3782568"/>
                  </a:lnTo>
                  <a:close/>
                </a:path>
                <a:path w="10361930" h="6141720">
                  <a:moveTo>
                    <a:pt x="9144" y="3762756"/>
                  </a:moveTo>
                  <a:lnTo>
                    <a:pt x="0" y="3762756"/>
                  </a:lnTo>
                  <a:lnTo>
                    <a:pt x="0" y="3771900"/>
                  </a:lnTo>
                  <a:lnTo>
                    <a:pt x="9144" y="3771900"/>
                  </a:lnTo>
                  <a:lnTo>
                    <a:pt x="9144" y="3762756"/>
                  </a:lnTo>
                  <a:close/>
                </a:path>
                <a:path w="10361930" h="6141720">
                  <a:moveTo>
                    <a:pt x="9144" y="3741420"/>
                  </a:moveTo>
                  <a:lnTo>
                    <a:pt x="0" y="3741420"/>
                  </a:lnTo>
                  <a:lnTo>
                    <a:pt x="0" y="3752088"/>
                  </a:lnTo>
                  <a:lnTo>
                    <a:pt x="9144" y="3752088"/>
                  </a:lnTo>
                  <a:lnTo>
                    <a:pt x="9144" y="3741420"/>
                  </a:lnTo>
                  <a:close/>
                </a:path>
                <a:path w="10361930" h="6141720">
                  <a:moveTo>
                    <a:pt x="9144" y="3721608"/>
                  </a:moveTo>
                  <a:lnTo>
                    <a:pt x="0" y="3721608"/>
                  </a:lnTo>
                  <a:lnTo>
                    <a:pt x="0" y="3732276"/>
                  </a:lnTo>
                  <a:lnTo>
                    <a:pt x="9144" y="3732276"/>
                  </a:lnTo>
                  <a:lnTo>
                    <a:pt x="9144" y="3721608"/>
                  </a:lnTo>
                  <a:close/>
                </a:path>
                <a:path w="10361930" h="6141720">
                  <a:moveTo>
                    <a:pt x="9144" y="3700272"/>
                  </a:moveTo>
                  <a:lnTo>
                    <a:pt x="0" y="3700272"/>
                  </a:lnTo>
                  <a:lnTo>
                    <a:pt x="0" y="3710940"/>
                  </a:lnTo>
                  <a:lnTo>
                    <a:pt x="9144" y="3710940"/>
                  </a:lnTo>
                  <a:lnTo>
                    <a:pt x="9144" y="3700272"/>
                  </a:lnTo>
                  <a:close/>
                </a:path>
                <a:path w="10361930" h="6141720">
                  <a:moveTo>
                    <a:pt x="9144" y="3680460"/>
                  </a:moveTo>
                  <a:lnTo>
                    <a:pt x="0" y="3680460"/>
                  </a:lnTo>
                  <a:lnTo>
                    <a:pt x="0" y="3691128"/>
                  </a:lnTo>
                  <a:lnTo>
                    <a:pt x="9144" y="3691128"/>
                  </a:lnTo>
                  <a:lnTo>
                    <a:pt x="9144" y="3680460"/>
                  </a:lnTo>
                  <a:close/>
                </a:path>
                <a:path w="10361930" h="6141720">
                  <a:moveTo>
                    <a:pt x="9144" y="3659124"/>
                  </a:moveTo>
                  <a:lnTo>
                    <a:pt x="0" y="3659124"/>
                  </a:lnTo>
                  <a:lnTo>
                    <a:pt x="0" y="3669792"/>
                  </a:lnTo>
                  <a:lnTo>
                    <a:pt x="9144" y="3669792"/>
                  </a:lnTo>
                  <a:lnTo>
                    <a:pt x="9144" y="3659124"/>
                  </a:lnTo>
                  <a:close/>
                </a:path>
                <a:path w="10361930" h="6141720">
                  <a:moveTo>
                    <a:pt x="9144" y="3639312"/>
                  </a:moveTo>
                  <a:lnTo>
                    <a:pt x="0" y="3639312"/>
                  </a:lnTo>
                  <a:lnTo>
                    <a:pt x="0" y="3649980"/>
                  </a:lnTo>
                  <a:lnTo>
                    <a:pt x="9144" y="3649980"/>
                  </a:lnTo>
                  <a:lnTo>
                    <a:pt x="9144" y="3639312"/>
                  </a:lnTo>
                  <a:close/>
                </a:path>
                <a:path w="10361930" h="6141720">
                  <a:moveTo>
                    <a:pt x="9144" y="3617976"/>
                  </a:moveTo>
                  <a:lnTo>
                    <a:pt x="0" y="3617976"/>
                  </a:lnTo>
                  <a:lnTo>
                    <a:pt x="0" y="3628644"/>
                  </a:lnTo>
                  <a:lnTo>
                    <a:pt x="9144" y="3628644"/>
                  </a:lnTo>
                  <a:lnTo>
                    <a:pt x="9144" y="3617976"/>
                  </a:lnTo>
                  <a:close/>
                </a:path>
                <a:path w="10361930" h="6141720">
                  <a:moveTo>
                    <a:pt x="9144" y="3598164"/>
                  </a:moveTo>
                  <a:lnTo>
                    <a:pt x="0" y="3598164"/>
                  </a:lnTo>
                  <a:lnTo>
                    <a:pt x="0" y="3608832"/>
                  </a:lnTo>
                  <a:lnTo>
                    <a:pt x="9144" y="3608832"/>
                  </a:lnTo>
                  <a:lnTo>
                    <a:pt x="9144" y="3598164"/>
                  </a:lnTo>
                  <a:close/>
                </a:path>
                <a:path w="10361930" h="6141720">
                  <a:moveTo>
                    <a:pt x="9144" y="3576828"/>
                  </a:moveTo>
                  <a:lnTo>
                    <a:pt x="0" y="3576828"/>
                  </a:lnTo>
                  <a:lnTo>
                    <a:pt x="0" y="3587496"/>
                  </a:lnTo>
                  <a:lnTo>
                    <a:pt x="9144" y="3587496"/>
                  </a:lnTo>
                  <a:lnTo>
                    <a:pt x="9144" y="3576828"/>
                  </a:lnTo>
                  <a:close/>
                </a:path>
                <a:path w="10361930" h="6141720">
                  <a:moveTo>
                    <a:pt x="9144" y="3557016"/>
                  </a:moveTo>
                  <a:lnTo>
                    <a:pt x="0" y="3557016"/>
                  </a:lnTo>
                  <a:lnTo>
                    <a:pt x="0" y="3567684"/>
                  </a:lnTo>
                  <a:lnTo>
                    <a:pt x="9144" y="3567684"/>
                  </a:lnTo>
                  <a:lnTo>
                    <a:pt x="9144" y="3557016"/>
                  </a:lnTo>
                  <a:close/>
                </a:path>
                <a:path w="10361930" h="6141720">
                  <a:moveTo>
                    <a:pt x="9144" y="3535680"/>
                  </a:moveTo>
                  <a:lnTo>
                    <a:pt x="0" y="3535680"/>
                  </a:lnTo>
                  <a:lnTo>
                    <a:pt x="0" y="3546348"/>
                  </a:lnTo>
                  <a:lnTo>
                    <a:pt x="9144" y="3546348"/>
                  </a:lnTo>
                  <a:lnTo>
                    <a:pt x="9144" y="3535680"/>
                  </a:lnTo>
                  <a:close/>
                </a:path>
                <a:path w="10361930" h="6141720">
                  <a:moveTo>
                    <a:pt x="9144" y="3515868"/>
                  </a:moveTo>
                  <a:lnTo>
                    <a:pt x="0" y="3515868"/>
                  </a:lnTo>
                  <a:lnTo>
                    <a:pt x="0" y="3526536"/>
                  </a:lnTo>
                  <a:lnTo>
                    <a:pt x="9144" y="3526536"/>
                  </a:lnTo>
                  <a:lnTo>
                    <a:pt x="9144" y="3515868"/>
                  </a:lnTo>
                  <a:close/>
                </a:path>
                <a:path w="10361930" h="6141720">
                  <a:moveTo>
                    <a:pt x="9144" y="3494532"/>
                  </a:moveTo>
                  <a:lnTo>
                    <a:pt x="0" y="3494532"/>
                  </a:lnTo>
                  <a:lnTo>
                    <a:pt x="0" y="3505200"/>
                  </a:lnTo>
                  <a:lnTo>
                    <a:pt x="9144" y="3505200"/>
                  </a:lnTo>
                  <a:lnTo>
                    <a:pt x="9144" y="3494532"/>
                  </a:lnTo>
                  <a:close/>
                </a:path>
                <a:path w="10361930" h="6141720">
                  <a:moveTo>
                    <a:pt x="9144" y="3474720"/>
                  </a:moveTo>
                  <a:lnTo>
                    <a:pt x="0" y="3474720"/>
                  </a:lnTo>
                  <a:lnTo>
                    <a:pt x="0" y="3485388"/>
                  </a:lnTo>
                  <a:lnTo>
                    <a:pt x="9144" y="3485388"/>
                  </a:lnTo>
                  <a:lnTo>
                    <a:pt x="9144" y="3474720"/>
                  </a:lnTo>
                  <a:close/>
                </a:path>
                <a:path w="10361930" h="6141720">
                  <a:moveTo>
                    <a:pt x="9144" y="3453384"/>
                  </a:moveTo>
                  <a:lnTo>
                    <a:pt x="0" y="3453384"/>
                  </a:lnTo>
                  <a:lnTo>
                    <a:pt x="0" y="3464052"/>
                  </a:lnTo>
                  <a:lnTo>
                    <a:pt x="9144" y="3464052"/>
                  </a:lnTo>
                  <a:lnTo>
                    <a:pt x="9144" y="3453384"/>
                  </a:lnTo>
                  <a:close/>
                </a:path>
                <a:path w="10361930" h="6141720">
                  <a:moveTo>
                    <a:pt x="9144" y="3433572"/>
                  </a:moveTo>
                  <a:lnTo>
                    <a:pt x="0" y="3433572"/>
                  </a:lnTo>
                  <a:lnTo>
                    <a:pt x="0" y="3444240"/>
                  </a:lnTo>
                  <a:lnTo>
                    <a:pt x="9144" y="3444240"/>
                  </a:lnTo>
                  <a:lnTo>
                    <a:pt x="9144" y="3433572"/>
                  </a:lnTo>
                  <a:close/>
                </a:path>
                <a:path w="10361930" h="6141720">
                  <a:moveTo>
                    <a:pt x="9144" y="3412236"/>
                  </a:moveTo>
                  <a:lnTo>
                    <a:pt x="0" y="3412236"/>
                  </a:lnTo>
                  <a:lnTo>
                    <a:pt x="0" y="3422904"/>
                  </a:lnTo>
                  <a:lnTo>
                    <a:pt x="9144" y="3422904"/>
                  </a:lnTo>
                  <a:lnTo>
                    <a:pt x="9144" y="3412236"/>
                  </a:lnTo>
                  <a:close/>
                </a:path>
                <a:path w="10361930" h="6141720">
                  <a:moveTo>
                    <a:pt x="9144" y="3392424"/>
                  </a:moveTo>
                  <a:lnTo>
                    <a:pt x="0" y="3392424"/>
                  </a:lnTo>
                  <a:lnTo>
                    <a:pt x="0" y="3403092"/>
                  </a:lnTo>
                  <a:lnTo>
                    <a:pt x="9144" y="3403092"/>
                  </a:lnTo>
                  <a:lnTo>
                    <a:pt x="9144" y="3392424"/>
                  </a:lnTo>
                  <a:close/>
                </a:path>
                <a:path w="10361930" h="6141720">
                  <a:moveTo>
                    <a:pt x="9144" y="3371088"/>
                  </a:moveTo>
                  <a:lnTo>
                    <a:pt x="0" y="3371088"/>
                  </a:lnTo>
                  <a:lnTo>
                    <a:pt x="0" y="3381756"/>
                  </a:lnTo>
                  <a:lnTo>
                    <a:pt x="9144" y="3381756"/>
                  </a:lnTo>
                  <a:lnTo>
                    <a:pt x="9144" y="3371088"/>
                  </a:lnTo>
                  <a:close/>
                </a:path>
                <a:path w="10361930" h="6141720">
                  <a:moveTo>
                    <a:pt x="9144" y="3351276"/>
                  </a:moveTo>
                  <a:lnTo>
                    <a:pt x="0" y="3351276"/>
                  </a:lnTo>
                  <a:lnTo>
                    <a:pt x="0" y="3361944"/>
                  </a:lnTo>
                  <a:lnTo>
                    <a:pt x="9144" y="3361944"/>
                  </a:lnTo>
                  <a:lnTo>
                    <a:pt x="9144" y="3351276"/>
                  </a:lnTo>
                  <a:close/>
                </a:path>
                <a:path w="10361930" h="6141720">
                  <a:moveTo>
                    <a:pt x="9144" y="3329940"/>
                  </a:moveTo>
                  <a:lnTo>
                    <a:pt x="0" y="3329940"/>
                  </a:lnTo>
                  <a:lnTo>
                    <a:pt x="0" y="3340608"/>
                  </a:lnTo>
                  <a:lnTo>
                    <a:pt x="9144" y="3340608"/>
                  </a:lnTo>
                  <a:lnTo>
                    <a:pt x="9144" y="3329940"/>
                  </a:lnTo>
                  <a:close/>
                </a:path>
                <a:path w="10361930" h="6141720">
                  <a:moveTo>
                    <a:pt x="9144" y="3310128"/>
                  </a:moveTo>
                  <a:lnTo>
                    <a:pt x="0" y="3310128"/>
                  </a:lnTo>
                  <a:lnTo>
                    <a:pt x="0" y="3320796"/>
                  </a:lnTo>
                  <a:lnTo>
                    <a:pt x="9144" y="3320796"/>
                  </a:lnTo>
                  <a:lnTo>
                    <a:pt x="9144" y="3310128"/>
                  </a:lnTo>
                  <a:close/>
                </a:path>
                <a:path w="10361930" h="6141720">
                  <a:moveTo>
                    <a:pt x="9144" y="3288792"/>
                  </a:moveTo>
                  <a:lnTo>
                    <a:pt x="0" y="3288792"/>
                  </a:lnTo>
                  <a:lnTo>
                    <a:pt x="0" y="3299460"/>
                  </a:lnTo>
                  <a:lnTo>
                    <a:pt x="9144" y="3299460"/>
                  </a:lnTo>
                  <a:lnTo>
                    <a:pt x="9144" y="3288792"/>
                  </a:lnTo>
                  <a:close/>
                </a:path>
                <a:path w="10361930" h="6141720">
                  <a:moveTo>
                    <a:pt x="9144" y="3268980"/>
                  </a:moveTo>
                  <a:lnTo>
                    <a:pt x="0" y="3268980"/>
                  </a:lnTo>
                  <a:lnTo>
                    <a:pt x="0" y="3279648"/>
                  </a:lnTo>
                  <a:lnTo>
                    <a:pt x="9144" y="3279648"/>
                  </a:lnTo>
                  <a:lnTo>
                    <a:pt x="9144" y="3268980"/>
                  </a:lnTo>
                  <a:close/>
                </a:path>
                <a:path w="10361930" h="6141720">
                  <a:moveTo>
                    <a:pt x="9144" y="3247644"/>
                  </a:moveTo>
                  <a:lnTo>
                    <a:pt x="0" y="3247644"/>
                  </a:lnTo>
                  <a:lnTo>
                    <a:pt x="0" y="3258312"/>
                  </a:lnTo>
                  <a:lnTo>
                    <a:pt x="9144" y="3258312"/>
                  </a:lnTo>
                  <a:lnTo>
                    <a:pt x="9144" y="3247644"/>
                  </a:lnTo>
                  <a:close/>
                </a:path>
                <a:path w="10361930" h="6141720">
                  <a:moveTo>
                    <a:pt x="9144" y="3227832"/>
                  </a:moveTo>
                  <a:lnTo>
                    <a:pt x="0" y="3227832"/>
                  </a:lnTo>
                  <a:lnTo>
                    <a:pt x="0" y="3238500"/>
                  </a:lnTo>
                  <a:lnTo>
                    <a:pt x="9144" y="3238500"/>
                  </a:lnTo>
                  <a:lnTo>
                    <a:pt x="9144" y="3227832"/>
                  </a:lnTo>
                  <a:close/>
                </a:path>
                <a:path w="10361930" h="6141720">
                  <a:moveTo>
                    <a:pt x="9144" y="3206496"/>
                  </a:moveTo>
                  <a:lnTo>
                    <a:pt x="0" y="3206496"/>
                  </a:lnTo>
                  <a:lnTo>
                    <a:pt x="0" y="3217164"/>
                  </a:lnTo>
                  <a:lnTo>
                    <a:pt x="9144" y="3217164"/>
                  </a:lnTo>
                  <a:lnTo>
                    <a:pt x="9144" y="3206496"/>
                  </a:lnTo>
                  <a:close/>
                </a:path>
                <a:path w="10361930" h="6141720">
                  <a:moveTo>
                    <a:pt x="9144" y="3186684"/>
                  </a:moveTo>
                  <a:lnTo>
                    <a:pt x="0" y="3186684"/>
                  </a:lnTo>
                  <a:lnTo>
                    <a:pt x="0" y="3197352"/>
                  </a:lnTo>
                  <a:lnTo>
                    <a:pt x="9144" y="3197352"/>
                  </a:lnTo>
                  <a:lnTo>
                    <a:pt x="9144" y="3186684"/>
                  </a:lnTo>
                  <a:close/>
                </a:path>
                <a:path w="10361930" h="6141720">
                  <a:moveTo>
                    <a:pt x="9144" y="3165348"/>
                  </a:moveTo>
                  <a:lnTo>
                    <a:pt x="0" y="3165348"/>
                  </a:lnTo>
                  <a:lnTo>
                    <a:pt x="0" y="3176016"/>
                  </a:lnTo>
                  <a:lnTo>
                    <a:pt x="9144" y="3176016"/>
                  </a:lnTo>
                  <a:lnTo>
                    <a:pt x="9144" y="3165348"/>
                  </a:lnTo>
                  <a:close/>
                </a:path>
                <a:path w="10361930" h="6141720">
                  <a:moveTo>
                    <a:pt x="9144" y="3145536"/>
                  </a:moveTo>
                  <a:lnTo>
                    <a:pt x="0" y="3145536"/>
                  </a:lnTo>
                  <a:lnTo>
                    <a:pt x="0" y="3156204"/>
                  </a:lnTo>
                  <a:lnTo>
                    <a:pt x="9144" y="3156204"/>
                  </a:lnTo>
                  <a:lnTo>
                    <a:pt x="9144" y="3145536"/>
                  </a:lnTo>
                  <a:close/>
                </a:path>
                <a:path w="10361930" h="6141720">
                  <a:moveTo>
                    <a:pt x="9144" y="3125724"/>
                  </a:moveTo>
                  <a:lnTo>
                    <a:pt x="0" y="3125724"/>
                  </a:lnTo>
                  <a:lnTo>
                    <a:pt x="0" y="3134868"/>
                  </a:lnTo>
                  <a:lnTo>
                    <a:pt x="9144" y="3134868"/>
                  </a:lnTo>
                  <a:lnTo>
                    <a:pt x="9144" y="3125724"/>
                  </a:lnTo>
                  <a:close/>
                </a:path>
                <a:path w="10361930" h="6141720">
                  <a:moveTo>
                    <a:pt x="9144" y="3104388"/>
                  </a:moveTo>
                  <a:lnTo>
                    <a:pt x="0" y="3104388"/>
                  </a:lnTo>
                  <a:lnTo>
                    <a:pt x="0" y="3115056"/>
                  </a:lnTo>
                  <a:lnTo>
                    <a:pt x="9144" y="3115056"/>
                  </a:lnTo>
                  <a:lnTo>
                    <a:pt x="9144" y="3104388"/>
                  </a:lnTo>
                  <a:close/>
                </a:path>
                <a:path w="10361930" h="6141720">
                  <a:moveTo>
                    <a:pt x="9144" y="3084576"/>
                  </a:moveTo>
                  <a:lnTo>
                    <a:pt x="0" y="3084576"/>
                  </a:lnTo>
                  <a:lnTo>
                    <a:pt x="0" y="3093720"/>
                  </a:lnTo>
                  <a:lnTo>
                    <a:pt x="9144" y="3093720"/>
                  </a:lnTo>
                  <a:lnTo>
                    <a:pt x="9144" y="3084576"/>
                  </a:lnTo>
                  <a:close/>
                </a:path>
                <a:path w="10361930" h="6141720">
                  <a:moveTo>
                    <a:pt x="9144" y="3063240"/>
                  </a:moveTo>
                  <a:lnTo>
                    <a:pt x="0" y="3063240"/>
                  </a:lnTo>
                  <a:lnTo>
                    <a:pt x="0" y="3073908"/>
                  </a:lnTo>
                  <a:lnTo>
                    <a:pt x="9144" y="3073908"/>
                  </a:lnTo>
                  <a:lnTo>
                    <a:pt x="9144" y="3063240"/>
                  </a:lnTo>
                  <a:close/>
                </a:path>
                <a:path w="10361930" h="6141720">
                  <a:moveTo>
                    <a:pt x="9144" y="3043428"/>
                  </a:moveTo>
                  <a:lnTo>
                    <a:pt x="0" y="3043428"/>
                  </a:lnTo>
                  <a:lnTo>
                    <a:pt x="0" y="3052572"/>
                  </a:lnTo>
                  <a:lnTo>
                    <a:pt x="9144" y="3052572"/>
                  </a:lnTo>
                  <a:lnTo>
                    <a:pt x="9144" y="3043428"/>
                  </a:lnTo>
                  <a:close/>
                </a:path>
                <a:path w="10361930" h="6141720">
                  <a:moveTo>
                    <a:pt x="9144" y="3022092"/>
                  </a:moveTo>
                  <a:lnTo>
                    <a:pt x="0" y="3022092"/>
                  </a:lnTo>
                  <a:lnTo>
                    <a:pt x="0" y="3032760"/>
                  </a:lnTo>
                  <a:lnTo>
                    <a:pt x="9144" y="3032760"/>
                  </a:lnTo>
                  <a:lnTo>
                    <a:pt x="9144" y="3022092"/>
                  </a:lnTo>
                  <a:close/>
                </a:path>
                <a:path w="10361930" h="6141720">
                  <a:moveTo>
                    <a:pt x="9144" y="3002280"/>
                  </a:moveTo>
                  <a:lnTo>
                    <a:pt x="0" y="3002280"/>
                  </a:lnTo>
                  <a:lnTo>
                    <a:pt x="0" y="3011424"/>
                  </a:lnTo>
                  <a:lnTo>
                    <a:pt x="9144" y="3011424"/>
                  </a:lnTo>
                  <a:lnTo>
                    <a:pt x="9144" y="3002280"/>
                  </a:lnTo>
                  <a:close/>
                </a:path>
                <a:path w="10361930" h="6141720">
                  <a:moveTo>
                    <a:pt x="9144" y="2980944"/>
                  </a:moveTo>
                  <a:lnTo>
                    <a:pt x="0" y="2980944"/>
                  </a:lnTo>
                  <a:lnTo>
                    <a:pt x="0" y="2991612"/>
                  </a:lnTo>
                  <a:lnTo>
                    <a:pt x="9144" y="2991612"/>
                  </a:lnTo>
                  <a:lnTo>
                    <a:pt x="9144" y="2980944"/>
                  </a:lnTo>
                  <a:close/>
                </a:path>
                <a:path w="10361930" h="6141720">
                  <a:moveTo>
                    <a:pt x="9144" y="2961132"/>
                  </a:moveTo>
                  <a:lnTo>
                    <a:pt x="0" y="2961132"/>
                  </a:lnTo>
                  <a:lnTo>
                    <a:pt x="0" y="2970276"/>
                  </a:lnTo>
                  <a:lnTo>
                    <a:pt x="9144" y="2970276"/>
                  </a:lnTo>
                  <a:lnTo>
                    <a:pt x="9144" y="2961132"/>
                  </a:lnTo>
                  <a:close/>
                </a:path>
                <a:path w="10361930" h="6141720">
                  <a:moveTo>
                    <a:pt x="9144" y="2939796"/>
                  </a:moveTo>
                  <a:lnTo>
                    <a:pt x="0" y="2939796"/>
                  </a:lnTo>
                  <a:lnTo>
                    <a:pt x="0" y="2950464"/>
                  </a:lnTo>
                  <a:lnTo>
                    <a:pt x="9144" y="2950464"/>
                  </a:lnTo>
                  <a:lnTo>
                    <a:pt x="9144" y="2939796"/>
                  </a:lnTo>
                  <a:close/>
                </a:path>
                <a:path w="10361930" h="6141720">
                  <a:moveTo>
                    <a:pt x="9144" y="2919984"/>
                  </a:moveTo>
                  <a:lnTo>
                    <a:pt x="0" y="2919984"/>
                  </a:lnTo>
                  <a:lnTo>
                    <a:pt x="0" y="2929128"/>
                  </a:lnTo>
                  <a:lnTo>
                    <a:pt x="9144" y="2929128"/>
                  </a:lnTo>
                  <a:lnTo>
                    <a:pt x="9144" y="2919984"/>
                  </a:lnTo>
                  <a:close/>
                </a:path>
                <a:path w="10361930" h="6141720">
                  <a:moveTo>
                    <a:pt x="9144" y="2898648"/>
                  </a:moveTo>
                  <a:lnTo>
                    <a:pt x="0" y="2898648"/>
                  </a:lnTo>
                  <a:lnTo>
                    <a:pt x="0" y="2909316"/>
                  </a:lnTo>
                  <a:lnTo>
                    <a:pt x="9144" y="2909316"/>
                  </a:lnTo>
                  <a:lnTo>
                    <a:pt x="9144" y="2898648"/>
                  </a:lnTo>
                  <a:close/>
                </a:path>
                <a:path w="10361930" h="6141720">
                  <a:moveTo>
                    <a:pt x="9144" y="2878836"/>
                  </a:moveTo>
                  <a:lnTo>
                    <a:pt x="0" y="2878836"/>
                  </a:lnTo>
                  <a:lnTo>
                    <a:pt x="0" y="2887980"/>
                  </a:lnTo>
                  <a:lnTo>
                    <a:pt x="9144" y="2887980"/>
                  </a:lnTo>
                  <a:lnTo>
                    <a:pt x="9144" y="2878836"/>
                  </a:lnTo>
                  <a:close/>
                </a:path>
                <a:path w="10361930" h="6141720">
                  <a:moveTo>
                    <a:pt x="9144" y="2857500"/>
                  </a:moveTo>
                  <a:lnTo>
                    <a:pt x="0" y="2857500"/>
                  </a:lnTo>
                  <a:lnTo>
                    <a:pt x="0" y="2868168"/>
                  </a:lnTo>
                  <a:lnTo>
                    <a:pt x="9144" y="2868168"/>
                  </a:lnTo>
                  <a:lnTo>
                    <a:pt x="9144" y="2857500"/>
                  </a:lnTo>
                  <a:close/>
                </a:path>
                <a:path w="10361930" h="6141720">
                  <a:moveTo>
                    <a:pt x="9144" y="2837688"/>
                  </a:moveTo>
                  <a:lnTo>
                    <a:pt x="0" y="2837688"/>
                  </a:lnTo>
                  <a:lnTo>
                    <a:pt x="0" y="2846832"/>
                  </a:lnTo>
                  <a:lnTo>
                    <a:pt x="9144" y="2846832"/>
                  </a:lnTo>
                  <a:lnTo>
                    <a:pt x="9144" y="2837688"/>
                  </a:lnTo>
                  <a:close/>
                </a:path>
                <a:path w="10361930" h="6141720">
                  <a:moveTo>
                    <a:pt x="9144" y="2816352"/>
                  </a:moveTo>
                  <a:lnTo>
                    <a:pt x="0" y="2816352"/>
                  </a:lnTo>
                  <a:lnTo>
                    <a:pt x="0" y="2827020"/>
                  </a:lnTo>
                  <a:lnTo>
                    <a:pt x="9144" y="2827020"/>
                  </a:lnTo>
                  <a:lnTo>
                    <a:pt x="9144" y="2816352"/>
                  </a:lnTo>
                  <a:close/>
                </a:path>
                <a:path w="10361930" h="6141720">
                  <a:moveTo>
                    <a:pt x="9144" y="2796540"/>
                  </a:moveTo>
                  <a:lnTo>
                    <a:pt x="0" y="2796540"/>
                  </a:lnTo>
                  <a:lnTo>
                    <a:pt x="0" y="2805684"/>
                  </a:lnTo>
                  <a:lnTo>
                    <a:pt x="9144" y="2805684"/>
                  </a:lnTo>
                  <a:lnTo>
                    <a:pt x="9144" y="2796540"/>
                  </a:lnTo>
                  <a:close/>
                </a:path>
                <a:path w="10361930" h="6141720">
                  <a:moveTo>
                    <a:pt x="9144" y="2775204"/>
                  </a:moveTo>
                  <a:lnTo>
                    <a:pt x="0" y="2775204"/>
                  </a:lnTo>
                  <a:lnTo>
                    <a:pt x="0" y="2785872"/>
                  </a:lnTo>
                  <a:lnTo>
                    <a:pt x="9144" y="2785872"/>
                  </a:lnTo>
                  <a:lnTo>
                    <a:pt x="9144" y="2775204"/>
                  </a:lnTo>
                  <a:close/>
                </a:path>
                <a:path w="10361930" h="6141720">
                  <a:moveTo>
                    <a:pt x="9144" y="2755392"/>
                  </a:moveTo>
                  <a:lnTo>
                    <a:pt x="0" y="2755392"/>
                  </a:lnTo>
                  <a:lnTo>
                    <a:pt x="0" y="2764536"/>
                  </a:lnTo>
                  <a:lnTo>
                    <a:pt x="9144" y="2764536"/>
                  </a:lnTo>
                  <a:lnTo>
                    <a:pt x="9144" y="2755392"/>
                  </a:lnTo>
                  <a:close/>
                </a:path>
                <a:path w="10361930" h="6141720">
                  <a:moveTo>
                    <a:pt x="9144" y="2734056"/>
                  </a:moveTo>
                  <a:lnTo>
                    <a:pt x="0" y="2734056"/>
                  </a:lnTo>
                  <a:lnTo>
                    <a:pt x="0" y="2744724"/>
                  </a:lnTo>
                  <a:lnTo>
                    <a:pt x="9144" y="2744724"/>
                  </a:lnTo>
                  <a:lnTo>
                    <a:pt x="9144" y="2734056"/>
                  </a:lnTo>
                  <a:close/>
                </a:path>
                <a:path w="10361930" h="6141720">
                  <a:moveTo>
                    <a:pt x="9144" y="2714244"/>
                  </a:moveTo>
                  <a:lnTo>
                    <a:pt x="0" y="2714244"/>
                  </a:lnTo>
                  <a:lnTo>
                    <a:pt x="0" y="2723388"/>
                  </a:lnTo>
                  <a:lnTo>
                    <a:pt x="9144" y="2723388"/>
                  </a:lnTo>
                  <a:lnTo>
                    <a:pt x="9144" y="2714244"/>
                  </a:lnTo>
                  <a:close/>
                </a:path>
                <a:path w="10361930" h="6141720">
                  <a:moveTo>
                    <a:pt x="9144" y="2692908"/>
                  </a:moveTo>
                  <a:lnTo>
                    <a:pt x="0" y="2692908"/>
                  </a:lnTo>
                  <a:lnTo>
                    <a:pt x="0" y="2703576"/>
                  </a:lnTo>
                  <a:lnTo>
                    <a:pt x="9144" y="2703576"/>
                  </a:lnTo>
                  <a:lnTo>
                    <a:pt x="9144" y="2692908"/>
                  </a:lnTo>
                  <a:close/>
                </a:path>
                <a:path w="10361930" h="6141720">
                  <a:moveTo>
                    <a:pt x="9144" y="2673096"/>
                  </a:moveTo>
                  <a:lnTo>
                    <a:pt x="0" y="2673096"/>
                  </a:lnTo>
                  <a:lnTo>
                    <a:pt x="0" y="2682240"/>
                  </a:lnTo>
                  <a:lnTo>
                    <a:pt x="9144" y="2682240"/>
                  </a:lnTo>
                  <a:lnTo>
                    <a:pt x="9144" y="2673096"/>
                  </a:lnTo>
                  <a:close/>
                </a:path>
                <a:path w="10361930" h="6141720">
                  <a:moveTo>
                    <a:pt x="9144" y="2651760"/>
                  </a:moveTo>
                  <a:lnTo>
                    <a:pt x="0" y="2651760"/>
                  </a:lnTo>
                  <a:lnTo>
                    <a:pt x="0" y="2662428"/>
                  </a:lnTo>
                  <a:lnTo>
                    <a:pt x="9144" y="2662428"/>
                  </a:lnTo>
                  <a:lnTo>
                    <a:pt x="9144" y="2651760"/>
                  </a:lnTo>
                  <a:close/>
                </a:path>
                <a:path w="10361930" h="6141720">
                  <a:moveTo>
                    <a:pt x="9144" y="2631948"/>
                  </a:moveTo>
                  <a:lnTo>
                    <a:pt x="0" y="2631948"/>
                  </a:lnTo>
                  <a:lnTo>
                    <a:pt x="0" y="2641092"/>
                  </a:lnTo>
                  <a:lnTo>
                    <a:pt x="9144" y="2641092"/>
                  </a:lnTo>
                  <a:lnTo>
                    <a:pt x="9144" y="2631948"/>
                  </a:lnTo>
                  <a:close/>
                </a:path>
                <a:path w="10361930" h="6141720">
                  <a:moveTo>
                    <a:pt x="9144" y="2610612"/>
                  </a:moveTo>
                  <a:lnTo>
                    <a:pt x="0" y="2610612"/>
                  </a:lnTo>
                  <a:lnTo>
                    <a:pt x="0" y="2621280"/>
                  </a:lnTo>
                  <a:lnTo>
                    <a:pt x="9144" y="2621280"/>
                  </a:lnTo>
                  <a:lnTo>
                    <a:pt x="9144" y="2610612"/>
                  </a:lnTo>
                  <a:close/>
                </a:path>
                <a:path w="10361930" h="6141720">
                  <a:moveTo>
                    <a:pt x="9144" y="2590800"/>
                  </a:moveTo>
                  <a:lnTo>
                    <a:pt x="0" y="2590800"/>
                  </a:lnTo>
                  <a:lnTo>
                    <a:pt x="0" y="2599944"/>
                  </a:lnTo>
                  <a:lnTo>
                    <a:pt x="9144" y="2599944"/>
                  </a:lnTo>
                  <a:lnTo>
                    <a:pt x="9144" y="2590800"/>
                  </a:lnTo>
                  <a:close/>
                </a:path>
                <a:path w="10361930" h="6141720">
                  <a:moveTo>
                    <a:pt x="9144" y="2569464"/>
                  </a:moveTo>
                  <a:lnTo>
                    <a:pt x="0" y="2569464"/>
                  </a:lnTo>
                  <a:lnTo>
                    <a:pt x="0" y="2580132"/>
                  </a:lnTo>
                  <a:lnTo>
                    <a:pt x="9144" y="2580132"/>
                  </a:lnTo>
                  <a:lnTo>
                    <a:pt x="9144" y="2569464"/>
                  </a:lnTo>
                  <a:close/>
                </a:path>
                <a:path w="10361930" h="6141720">
                  <a:moveTo>
                    <a:pt x="9144" y="2549652"/>
                  </a:moveTo>
                  <a:lnTo>
                    <a:pt x="0" y="2549652"/>
                  </a:lnTo>
                  <a:lnTo>
                    <a:pt x="0" y="2558796"/>
                  </a:lnTo>
                  <a:lnTo>
                    <a:pt x="9144" y="2558796"/>
                  </a:lnTo>
                  <a:lnTo>
                    <a:pt x="9144" y="2549652"/>
                  </a:lnTo>
                  <a:close/>
                </a:path>
                <a:path w="10361930" h="6141720">
                  <a:moveTo>
                    <a:pt x="9144" y="2528316"/>
                  </a:moveTo>
                  <a:lnTo>
                    <a:pt x="0" y="2528316"/>
                  </a:lnTo>
                  <a:lnTo>
                    <a:pt x="0" y="2538984"/>
                  </a:lnTo>
                  <a:lnTo>
                    <a:pt x="9144" y="2538984"/>
                  </a:lnTo>
                  <a:lnTo>
                    <a:pt x="9144" y="2528316"/>
                  </a:lnTo>
                  <a:close/>
                </a:path>
                <a:path w="10361930" h="6141720">
                  <a:moveTo>
                    <a:pt x="9144" y="2508504"/>
                  </a:moveTo>
                  <a:lnTo>
                    <a:pt x="0" y="2508504"/>
                  </a:lnTo>
                  <a:lnTo>
                    <a:pt x="0" y="2519172"/>
                  </a:lnTo>
                  <a:lnTo>
                    <a:pt x="9144" y="2519172"/>
                  </a:lnTo>
                  <a:lnTo>
                    <a:pt x="9144" y="2508504"/>
                  </a:lnTo>
                  <a:close/>
                </a:path>
                <a:path w="10361930" h="6141720">
                  <a:moveTo>
                    <a:pt x="9144" y="2487168"/>
                  </a:moveTo>
                  <a:lnTo>
                    <a:pt x="0" y="2487168"/>
                  </a:lnTo>
                  <a:lnTo>
                    <a:pt x="0" y="2497836"/>
                  </a:lnTo>
                  <a:lnTo>
                    <a:pt x="9144" y="2497836"/>
                  </a:lnTo>
                  <a:lnTo>
                    <a:pt x="9144" y="2487168"/>
                  </a:lnTo>
                  <a:close/>
                </a:path>
                <a:path w="10361930" h="6141720">
                  <a:moveTo>
                    <a:pt x="9144" y="2467356"/>
                  </a:moveTo>
                  <a:lnTo>
                    <a:pt x="0" y="2467356"/>
                  </a:lnTo>
                  <a:lnTo>
                    <a:pt x="0" y="2478024"/>
                  </a:lnTo>
                  <a:lnTo>
                    <a:pt x="9144" y="2478024"/>
                  </a:lnTo>
                  <a:lnTo>
                    <a:pt x="9144" y="2467356"/>
                  </a:lnTo>
                  <a:close/>
                </a:path>
                <a:path w="10361930" h="6141720">
                  <a:moveTo>
                    <a:pt x="9144" y="2446020"/>
                  </a:moveTo>
                  <a:lnTo>
                    <a:pt x="0" y="2446020"/>
                  </a:lnTo>
                  <a:lnTo>
                    <a:pt x="0" y="2456688"/>
                  </a:lnTo>
                  <a:lnTo>
                    <a:pt x="9144" y="2456688"/>
                  </a:lnTo>
                  <a:lnTo>
                    <a:pt x="9144" y="2446020"/>
                  </a:lnTo>
                  <a:close/>
                </a:path>
                <a:path w="10361930" h="6141720">
                  <a:moveTo>
                    <a:pt x="9144" y="2426208"/>
                  </a:moveTo>
                  <a:lnTo>
                    <a:pt x="0" y="2426208"/>
                  </a:lnTo>
                  <a:lnTo>
                    <a:pt x="0" y="2436876"/>
                  </a:lnTo>
                  <a:lnTo>
                    <a:pt x="9144" y="2436876"/>
                  </a:lnTo>
                  <a:lnTo>
                    <a:pt x="9144" y="2426208"/>
                  </a:lnTo>
                  <a:close/>
                </a:path>
                <a:path w="10361930" h="6141720">
                  <a:moveTo>
                    <a:pt x="9144" y="2404872"/>
                  </a:moveTo>
                  <a:lnTo>
                    <a:pt x="0" y="2404872"/>
                  </a:lnTo>
                  <a:lnTo>
                    <a:pt x="0" y="2415540"/>
                  </a:lnTo>
                  <a:lnTo>
                    <a:pt x="9144" y="2415540"/>
                  </a:lnTo>
                  <a:lnTo>
                    <a:pt x="9144" y="2404872"/>
                  </a:lnTo>
                  <a:close/>
                </a:path>
                <a:path w="10361930" h="6141720">
                  <a:moveTo>
                    <a:pt x="9144" y="2385060"/>
                  </a:moveTo>
                  <a:lnTo>
                    <a:pt x="0" y="2385060"/>
                  </a:lnTo>
                  <a:lnTo>
                    <a:pt x="0" y="2395728"/>
                  </a:lnTo>
                  <a:lnTo>
                    <a:pt x="9144" y="2395728"/>
                  </a:lnTo>
                  <a:lnTo>
                    <a:pt x="9144" y="2385060"/>
                  </a:lnTo>
                  <a:close/>
                </a:path>
                <a:path w="10361930" h="6141720">
                  <a:moveTo>
                    <a:pt x="9144" y="2363724"/>
                  </a:moveTo>
                  <a:lnTo>
                    <a:pt x="0" y="2363724"/>
                  </a:lnTo>
                  <a:lnTo>
                    <a:pt x="0" y="2374392"/>
                  </a:lnTo>
                  <a:lnTo>
                    <a:pt x="9144" y="2374392"/>
                  </a:lnTo>
                  <a:lnTo>
                    <a:pt x="9144" y="2363724"/>
                  </a:lnTo>
                  <a:close/>
                </a:path>
                <a:path w="10361930" h="6141720">
                  <a:moveTo>
                    <a:pt x="9144" y="2343912"/>
                  </a:moveTo>
                  <a:lnTo>
                    <a:pt x="0" y="2343912"/>
                  </a:lnTo>
                  <a:lnTo>
                    <a:pt x="0" y="2354580"/>
                  </a:lnTo>
                  <a:lnTo>
                    <a:pt x="9144" y="2354580"/>
                  </a:lnTo>
                  <a:lnTo>
                    <a:pt x="9144" y="2343912"/>
                  </a:lnTo>
                  <a:close/>
                </a:path>
                <a:path w="10361930" h="6141720">
                  <a:moveTo>
                    <a:pt x="9144" y="2322576"/>
                  </a:moveTo>
                  <a:lnTo>
                    <a:pt x="0" y="2322576"/>
                  </a:lnTo>
                  <a:lnTo>
                    <a:pt x="0" y="2333244"/>
                  </a:lnTo>
                  <a:lnTo>
                    <a:pt x="9144" y="2333244"/>
                  </a:lnTo>
                  <a:lnTo>
                    <a:pt x="9144" y="2322576"/>
                  </a:lnTo>
                  <a:close/>
                </a:path>
                <a:path w="10361930" h="6141720">
                  <a:moveTo>
                    <a:pt x="9144" y="2302764"/>
                  </a:moveTo>
                  <a:lnTo>
                    <a:pt x="0" y="2302764"/>
                  </a:lnTo>
                  <a:lnTo>
                    <a:pt x="0" y="2313432"/>
                  </a:lnTo>
                  <a:lnTo>
                    <a:pt x="9144" y="2313432"/>
                  </a:lnTo>
                  <a:lnTo>
                    <a:pt x="9144" y="2302764"/>
                  </a:lnTo>
                  <a:close/>
                </a:path>
                <a:path w="10361930" h="6141720">
                  <a:moveTo>
                    <a:pt x="9144" y="2281428"/>
                  </a:moveTo>
                  <a:lnTo>
                    <a:pt x="0" y="2281428"/>
                  </a:lnTo>
                  <a:lnTo>
                    <a:pt x="0" y="2292096"/>
                  </a:lnTo>
                  <a:lnTo>
                    <a:pt x="9144" y="2292096"/>
                  </a:lnTo>
                  <a:lnTo>
                    <a:pt x="9144" y="2281428"/>
                  </a:lnTo>
                  <a:close/>
                </a:path>
                <a:path w="10361930" h="6141720">
                  <a:moveTo>
                    <a:pt x="9144" y="2261616"/>
                  </a:moveTo>
                  <a:lnTo>
                    <a:pt x="0" y="2261616"/>
                  </a:lnTo>
                  <a:lnTo>
                    <a:pt x="0" y="2272284"/>
                  </a:lnTo>
                  <a:lnTo>
                    <a:pt x="9144" y="2272284"/>
                  </a:lnTo>
                  <a:lnTo>
                    <a:pt x="9144" y="2261616"/>
                  </a:lnTo>
                  <a:close/>
                </a:path>
                <a:path w="10361930" h="6141720">
                  <a:moveTo>
                    <a:pt x="9144" y="2240280"/>
                  </a:moveTo>
                  <a:lnTo>
                    <a:pt x="0" y="2240280"/>
                  </a:lnTo>
                  <a:lnTo>
                    <a:pt x="0" y="2250948"/>
                  </a:lnTo>
                  <a:lnTo>
                    <a:pt x="9144" y="2250948"/>
                  </a:lnTo>
                  <a:lnTo>
                    <a:pt x="9144" y="2240280"/>
                  </a:lnTo>
                  <a:close/>
                </a:path>
                <a:path w="10361930" h="6141720">
                  <a:moveTo>
                    <a:pt x="9144" y="2220468"/>
                  </a:moveTo>
                  <a:lnTo>
                    <a:pt x="0" y="2220468"/>
                  </a:lnTo>
                  <a:lnTo>
                    <a:pt x="0" y="2231136"/>
                  </a:lnTo>
                  <a:lnTo>
                    <a:pt x="9144" y="2231136"/>
                  </a:lnTo>
                  <a:lnTo>
                    <a:pt x="9144" y="2220468"/>
                  </a:lnTo>
                  <a:close/>
                </a:path>
                <a:path w="10361930" h="6141720">
                  <a:moveTo>
                    <a:pt x="9144" y="2199132"/>
                  </a:moveTo>
                  <a:lnTo>
                    <a:pt x="0" y="2199132"/>
                  </a:lnTo>
                  <a:lnTo>
                    <a:pt x="0" y="2209800"/>
                  </a:lnTo>
                  <a:lnTo>
                    <a:pt x="9144" y="2209800"/>
                  </a:lnTo>
                  <a:lnTo>
                    <a:pt x="9144" y="2199132"/>
                  </a:lnTo>
                  <a:close/>
                </a:path>
                <a:path w="10361930" h="6141720">
                  <a:moveTo>
                    <a:pt x="9144" y="2179320"/>
                  </a:moveTo>
                  <a:lnTo>
                    <a:pt x="0" y="2179320"/>
                  </a:lnTo>
                  <a:lnTo>
                    <a:pt x="0" y="2189988"/>
                  </a:lnTo>
                  <a:lnTo>
                    <a:pt x="9144" y="2189988"/>
                  </a:lnTo>
                  <a:lnTo>
                    <a:pt x="9144" y="2179320"/>
                  </a:lnTo>
                  <a:close/>
                </a:path>
                <a:path w="10361930" h="6141720">
                  <a:moveTo>
                    <a:pt x="9144" y="2157984"/>
                  </a:moveTo>
                  <a:lnTo>
                    <a:pt x="0" y="2157984"/>
                  </a:lnTo>
                  <a:lnTo>
                    <a:pt x="0" y="2168652"/>
                  </a:lnTo>
                  <a:lnTo>
                    <a:pt x="9144" y="2168652"/>
                  </a:lnTo>
                  <a:lnTo>
                    <a:pt x="9144" y="2157984"/>
                  </a:lnTo>
                  <a:close/>
                </a:path>
                <a:path w="10361930" h="6141720">
                  <a:moveTo>
                    <a:pt x="9144" y="2138172"/>
                  </a:moveTo>
                  <a:lnTo>
                    <a:pt x="0" y="2138172"/>
                  </a:lnTo>
                  <a:lnTo>
                    <a:pt x="0" y="2148840"/>
                  </a:lnTo>
                  <a:lnTo>
                    <a:pt x="9144" y="2148840"/>
                  </a:lnTo>
                  <a:lnTo>
                    <a:pt x="9144" y="2138172"/>
                  </a:lnTo>
                  <a:close/>
                </a:path>
                <a:path w="10361930" h="6141720">
                  <a:moveTo>
                    <a:pt x="9144" y="2116836"/>
                  </a:moveTo>
                  <a:lnTo>
                    <a:pt x="0" y="2116836"/>
                  </a:lnTo>
                  <a:lnTo>
                    <a:pt x="0" y="2127504"/>
                  </a:lnTo>
                  <a:lnTo>
                    <a:pt x="9144" y="2127504"/>
                  </a:lnTo>
                  <a:lnTo>
                    <a:pt x="9144" y="2116836"/>
                  </a:lnTo>
                  <a:close/>
                </a:path>
                <a:path w="10361930" h="6141720">
                  <a:moveTo>
                    <a:pt x="9144" y="2097024"/>
                  </a:moveTo>
                  <a:lnTo>
                    <a:pt x="0" y="2097024"/>
                  </a:lnTo>
                  <a:lnTo>
                    <a:pt x="0" y="2107692"/>
                  </a:lnTo>
                  <a:lnTo>
                    <a:pt x="9144" y="2107692"/>
                  </a:lnTo>
                  <a:lnTo>
                    <a:pt x="9144" y="2097024"/>
                  </a:lnTo>
                  <a:close/>
                </a:path>
                <a:path w="10361930" h="6141720">
                  <a:moveTo>
                    <a:pt x="9144" y="2075688"/>
                  </a:moveTo>
                  <a:lnTo>
                    <a:pt x="0" y="2075688"/>
                  </a:lnTo>
                  <a:lnTo>
                    <a:pt x="0" y="2086356"/>
                  </a:lnTo>
                  <a:lnTo>
                    <a:pt x="9144" y="2086356"/>
                  </a:lnTo>
                  <a:lnTo>
                    <a:pt x="9144" y="2075688"/>
                  </a:lnTo>
                  <a:close/>
                </a:path>
                <a:path w="10361930" h="6141720">
                  <a:moveTo>
                    <a:pt x="9144" y="2055876"/>
                  </a:moveTo>
                  <a:lnTo>
                    <a:pt x="0" y="2055876"/>
                  </a:lnTo>
                  <a:lnTo>
                    <a:pt x="0" y="2066544"/>
                  </a:lnTo>
                  <a:lnTo>
                    <a:pt x="9144" y="2066544"/>
                  </a:lnTo>
                  <a:lnTo>
                    <a:pt x="9144" y="2055876"/>
                  </a:lnTo>
                  <a:close/>
                </a:path>
                <a:path w="10361930" h="6141720">
                  <a:moveTo>
                    <a:pt x="9144" y="2034540"/>
                  </a:moveTo>
                  <a:lnTo>
                    <a:pt x="0" y="2034540"/>
                  </a:lnTo>
                  <a:lnTo>
                    <a:pt x="0" y="2045208"/>
                  </a:lnTo>
                  <a:lnTo>
                    <a:pt x="9144" y="2045208"/>
                  </a:lnTo>
                  <a:lnTo>
                    <a:pt x="9144" y="2034540"/>
                  </a:lnTo>
                  <a:close/>
                </a:path>
                <a:path w="10361930" h="6141720">
                  <a:moveTo>
                    <a:pt x="9144" y="2014728"/>
                  </a:moveTo>
                  <a:lnTo>
                    <a:pt x="0" y="2014728"/>
                  </a:lnTo>
                  <a:lnTo>
                    <a:pt x="0" y="2025396"/>
                  </a:lnTo>
                  <a:lnTo>
                    <a:pt x="9144" y="2025396"/>
                  </a:lnTo>
                  <a:lnTo>
                    <a:pt x="9144" y="2014728"/>
                  </a:lnTo>
                  <a:close/>
                </a:path>
                <a:path w="10361930" h="6141720">
                  <a:moveTo>
                    <a:pt x="9144" y="1993392"/>
                  </a:moveTo>
                  <a:lnTo>
                    <a:pt x="0" y="1993392"/>
                  </a:lnTo>
                  <a:lnTo>
                    <a:pt x="0" y="2004060"/>
                  </a:lnTo>
                  <a:lnTo>
                    <a:pt x="9144" y="2004060"/>
                  </a:lnTo>
                  <a:lnTo>
                    <a:pt x="9144" y="1993392"/>
                  </a:lnTo>
                  <a:close/>
                </a:path>
                <a:path w="10361930" h="6141720">
                  <a:moveTo>
                    <a:pt x="9144" y="1973580"/>
                  </a:moveTo>
                  <a:lnTo>
                    <a:pt x="0" y="1973580"/>
                  </a:lnTo>
                  <a:lnTo>
                    <a:pt x="0" y="1984248"/>
                  </a:lnTo>
                  <a:lnTo>
                    <a:pt x="9144" y="1984248"/>
                  </a:lnTo>
                  <a:lnTo>
                    <a:pt x="9144" y="1973580"/>
                  </a:lnTo>
                  <a:close/>
                </a:path>
                <a:path w="10361930" h="6141720">
                  <a:moveTo>
                    <a:pt x="9144" y="1952244"/>
                  </a:moveTo>
                  <a:lnTo>
                    <a:pt x="0" y="1952244"/>
                  </a:lnTo>
                  <a:lnTo>
                    <a:pt x="0" y="1962912"/>
                  </a:lnTo>
                  <a:lnTo>
                    <a:pt x="9144" y="1962912"/>
                  </a:lnTo>
                  <a:lnTo>
                    <a:pt x="9144" y="1952244"/>
                  </a:lnTo>
                  <a:close/>
                </a:path>
                <a:path w="10361930" h="6141720">
                  <a:moveTo>
                    <a:pt x="9144" y="1932432"/>
                  </a:moveTo>
                  <a:lnTo>
                    <a:pt x="0" y="1932432"/>
                  </a:lnTo>
                  <a:lnTo>
                    <a:pt x="0" y="1943100"/>
                  </a:lnTo>
                  <a:lnTo>
                    <a:pt x="9144" y="1943100"/>
                  </a:lnTo>
                  <a:lnTo>
                    <a:pt x="9144" y="1932432"/>
                  </a:lnTo>
                  <a:close/>
                </a:path>
                <a:path w="10361930" h="6141720">
                  <a:moveTo>
                    <a:pt x="9144" y="1912620"/>
                  </a:moveTo>
                  <a:lnTo>
                    <a:pt x="0" y="1912620"/>
                  </a:lnTo>
                  <a:lnTo>
                    <a:pt x="0" y="1921764"/>
                  </a:lnTo>
                  <a:lnTo>
                    <a:pt x="9144" y="1921764"/>
                  </a:lnTo>
                  <a:lnTo>
                    <a:pt x="9144" y="1912620"/>
                  </a:lnTo>
                  <a:close/>
                </a:path>
                <a:path w="10361930" h="6141720">
                  <a:moveTo>
                    <a:pt x="9144" y="1891284"/>
                  </a:moveTo>
                  <a:lnTo>
                    <a:pt x="0" y="1891284"/>
                  </a:lnTo>
                  <a:lnTo>
                    <a:pt x="0" y="1901952"/>
                  </a:lnTo>
                  <a:lnTo>
                    <a:pt x="9144" y="1901952"/>
                  </a:lnTo>
                  <a:lnTo>
                    <a:pt x="9144" y="1891284"/>
                  </a:lnTo>
                  <a:close/>
                </a:path>
                <a:path w="10361930" h="6141720">
                  <a:moveTo>
                    <a:pt x="9144" y="1871472"/>
                  </a:moveTo>
                  <a:lnTo>
                    <a:pt x="0" y="1871472"/>
                  </a:lnTo>
                  <a:lnTo>
                    <a:pt x="0" y="1880616"/>
                  </a:lnTo>
                  <a:lnTo>
                    <a:pt x="9144" y="1880616"/>
                  </a:lnTo>
                  <a:lnTo>
                    <a:pt x="9144" y="1871472"/>
                  </a:lnTo>
                  <a:close/>
                </a:path>
                <a:path w="10361930" h="6141720">
                  <a:moveTo>
                    <a:pt x="9144" y="1850136"/>
                  </a:moveTo>
                  <a:lnTo>
                    <a:pt x="0" y="1850136"/>
                  </a:lnTo>
                  <a:lnTo>
                    <a:pt x="0" y="1860804"/>
                  </a:lnTo>
                  <a:lnTo>
                    <a:pt x="9144" y="1860804"/>
                  </a:lnTo>
                  <a:lnTo>
                    <a:pt x="9144" y="1850136"/>
                  </a:lnTo>
                  <a:close/>
                </a:path>
                <a:path w="10361930" h="6141720">
                  <a:moveTo>
                    <a:pt x="9144" y="1830324"/>
                  </a:moveTo>
                  <a:lnTo>
                    <a:pt x="0" y="1830324"/>
                  </a:lnTo>
                  <a:lnTo>
                    <a:pt x="0" y="1839468"/>
                  </a:lnTo>
                  <a:lnTo>
                    <a:pt x="9144" y="1839468"/>
                  </a:lnTo>
                  <a:lnTo>
                    <a:pt x="9144" y="1830324"/>
                  </a:lnTo>
                  <a:close/>
                </a:path>
                <a:path w="10361930" h="6141720">
                  <a:moveTo>
                    <a:pt x="9144" y="1808988"/>
                  </a:moveTo>
                  <a:lnTo>
                    <a:pt x="0" y="1808988"/>
                  </a:lnTo>
                  <a:lnTo>
                    <a:pt x="0" y="1819656"/>
                  </a:lnTo>
                  <a:lnTo>
                    <a:pt x="9144" y="1819656"/>
                  </a:lnTo>
                  <a:lnTo>
                    <a:pt x="9144" y="1808988"/>
                  </a:lnTo>
                  <a:close/>
                </a:path>
                <a:path w="10361930" h="6141720">
                  <a:moveTo>
                    <a:pt x="9144" y="1789176"/>
                  </a:moveTo>
                  <a:lnTo>
                    <a:pt x="0" y="1789176"/>
                  </a:lnTo>
                  <a:lnTo>
                    <a:pt x="0" y="1798320"/>
                  </a:lnTo>
                  <a:lnTo>
                    <a:pt x="9144" y="1798320"/>
                  </a:lnTo>
                  <a:lnTo>
                    <a:pt x="9144" y="1789176"/>
                  </a:lnTo>
                  <a:close/>
                </a:path>
                <a:path w="10361930" h="6141720">
                  <a:moveTo>
                    <a:pt x="9144" y="1767840"/>
                  </a:moveTo>
                  <a:lnTo>
                    <a:pt x="0" y="1767840"/>
                  </a:lnTo>
                  <a:lnTo>
                    <a:pt x="0" y="1778508"/>
                  </a:lnTo>
                  <a:lnTo>
                    <a:pt x="9144" y="1778508"/>
                  </a:lnTo>
                  <a:lnTo>
                    <a:pt x="9144" y="1767840"/>
                  </a:lnTo>
                  <a:close/>
                </a:path>
                <a:path w="10361930" h="6141720">
                  <a:moveTo>
                    <a:pt x="9144" y="1748028"/>
                  </a:moveTo>
                  <a:lnTo>
                    <a:pt x="0" y="1748028"/>
                  </a:lnTo>
                  <a:lnTo>
                    <a:pt x="0" y="1757172"/>
                  </a:lnTo>
                  <a:lnTo>
                    <a:pt x="9144" y="1757172"/>
                  </a:lnTo>
                  <a:lnTo>
                    <a:pt x="9144" y="1748028"/>
                  </a:lnTo>
                  <a:close/>
                </a:path>
                <a:path w="10361930" h="6141720">
                  <a:moveTo>
                    <a:pt x="9144" y="1726692"/>
                  </a:moveTo>
                  <a:lnTo>
                    <a:pt x="0" y="1726692"/>
                  </a:lnTo>
                  <a:lnTo>
                    <a:pt x="0" y="1737360"/>
                  </a:lnTo>
                  <a:lnTo>
                    <a:pt x="9144" y="1737360"/>
                  </a:lnTo>
                  <a:lnTo>
                    <a:pt x="9144" y="1726692"/>
                  </a:lnTo>
                  <a:close/>
                </a:path>
                <a:path w="10361930" h="6141720">
                  <a:moveTo>
                    <a:pt x="9144" y="1706880"/>
                  </a:moveTo>
                  <a:lnTo>
                    <a:pt x="0" y="1706880"/>
                  </a:lnTo>
                  <a:lnTo>
                    <a:pt x="0" y="1716024"/>
                  </a:lnTo>
                  <a:lnTo>
                    <a:pt x="9144" y="1716024"/>
                  </a:lnTo>
                  <a:lnTo>
                    <a:pt x="9144" y="1706880"/>
                  </a:lnTo>
                  <a:close/>
                </a:path>
                <a:path w="10361930" h="6141720">
                  <a:moveTo>
                    <a:pt x="9144" y="1685544"/>
                  </a:moveTo>
                  <a:lnTo>
                    <a:pt x="0" y="1685544"/>
                  </a:lnTo>
                  <a:lnTo>
                    <a:pt x="0" y="1696212"/>
                  </a:lnTo>
                  <a:lnTo>
                    <a:pt x="9144" y="1696212"/>
                  </a:lnTo>
                  <a:lnTo>
                    <a:pt x="9144" y="1685544"/>
                  </a:lnTo>
                  <a:close/>
                </a:path>
                <a:path w="10361930" h="6141720">
                  <a:moveTo>
                    <a:pt x="9144" y="1665732"/>
                  </a:moveTo>
                  <a:lnTo>
                    <a:pt x="0" y="1665732"/>
                  </a:lnTo>
                  <a:lnTo>
                    <a:pt x="0" y="1674876"/>
                  </a:lnTo>
                  <a:lnTo>
                    <a:pt x="9144" y="1674876"/>
                  </a:lnTo>
                  <a:lnTo>
                    <a:pt x="9144" y="1665732"/>
                  </a:lnTo>
                  <a:close/>
                </a:path>
                <a:path w="10361930" h="6141720">
                  <a:moveTo>
                    <a:pt x="9144" y="1644396"/>
                  </a:moveTo>
                  <a:lnTo>
                    <a:pt x="0" y="1644396"/>
                  </a:lnTo>
                  <a:lnTo>
                    <a:pt x="0" y="1655064"/>
                  </a:lnTo>
                  <a:lnTo>
                    <a:pt x="9144" y="1655064"/>
                  </a:lnTo>
                  <a:lnTo>
                    <a:pt x="9144" y="1644396"/>
                  </a:lnTo>
                  <a:close/>
                </a:path>
                <a:path w="10361930" h="6141720">
                  <a:moveTo>
                    <a:pt x="9144" y="1624584"/>
                  </a:moveTo>
                  <a:lnTo>
                    <a:pt x="0" y="1624584"/>
                  </a:lnTo>
                  <a:lnTo>
                    <a:pt x="0" y="1633728"/>
                  </a:lnTo>
                  <a:lnTo>
                    <a:pt x="9144" y="1633728"/>
                  </a:lnTo>
                  <a:lnTo>
                    <a:pt x="9144" y="1624584"/>
                  </a:lnTo>
                  <a:close/>
                </a:path>
                <a:path w="10361930" h="6141720">
                  <a:moveTo>
                    <a:pt x="9144" y="1603248"/>
                  </a:moveTo>
                  <a:lnTo>
                    <a:pt x="0" y="1603248"/>
                  </a:lnTo>
                  <a:lnTo>
                    <a:pt x="0" y="1613916"/>
                  </a:lnTo>
                  <a:lnTo>
                    <a:pt x="9144" y="1613916"/>
                  </a:lnTo>
                  <a:lnTo>
                    <a:pt x="9144" y="1603248"/>
                  </a:lnTo>
                  <a:close/>
                </a:path>
                <a:path w="10361930" h="6141720">
                  <a:moveTo>
                    <a:pt x="9144" y="1583436"/>
                  </a:moveTo>
                  <a:lnTo>
                    <a:pt x="0" y="1583436"/>
                  </a:lnTo>
                  <a:lnTo>
                    <a:pt x="0" y="1592580"/>
                  </a:lnTo>
                  <a:lnTo>
                    <a:pt x="9144" y="1592580"/>
                  </a:lnTo>
                  <a:lnTo>
                    <a:pt x="9144" y="1583436"/>
                  </a:lnTo>
                  <a:close/>
                </a:path>
                <a:path w="10361930" h="6141720">
                  <a:moveTo>
                    <a:pt x="9144" y="1562100"/>
                  </a:moveTo>
                  <a:lnTo>
                    <a:pt x="0" y="1562100"/>
                  </a:lnTo>
                  <a:lnTo>
                    <a:pt x="0" y="1572768"/>
                  </a:lnTo>
                  <a:lnTo>
                    <a:pt x="9144" y="1572768"/>
                  </a:lnTo>
                  <a:lnTo>
                    <a:pt x="9144" y="1562100"/>
                  </a:lnTo>
                  <a:close/>
                </a:path>
                <a:path w="10361930" h="6141720">
                  <a:moveTo>
                    <a:pt x="9144" y="1542288"/>
                  </a:moveTo>
                  <a:lnTo>
                    <a:pt x="0" y="1542288"/>
                  </a:lnTo>
                  <a:lnTo>
                    <a:pt x="0" y="1551432"/>
                  </a:lnTo>
                  <a:lnTo>
                    <a:pt x="9144" y="1551432"/>
                  </a:lnTo>
                  <a:lnTo>
                    <a:pt x="9144" y="1542288"/>
                  </a:lnTo>
                  <a:close/>
                </a:path>
                <a:path w="10361930" h="6141720">
                  <a:moveTo>
                    <a:pt x="9144" y="1520952"/>
                  </a:moveTo>
                  <a:lnTo>
                    <a:pt x="0" y="1520952"/>
                  </a:lnTo>
                  <a:lnTo>
                    <a:pt x="0" y="1531620"/>
                  </a:lnTo>
                  <a:lnTo>
                    <a:pt x="9144" y="1531620"/>
                  </a:lnTo>
                  <a:lnTo>
                    <a:pt x="9144" y="1520952"/>
                  </a:lnTo>
                  <a:close/>
                </a:path>
                <a:path w="10361930" h="6141720">
                  <a:moveTo>
                    <a:pt x="9144" y="1501140"/>
                  </a:moveTo>
                  <a:lnTo>
                    <a:pt x="0" y="1501140"/>
                  </a:lnTo>
                  <a:lnTo>
                    <a:pt x="0" y="1510284"/>
                  </a:lnTo>
                  <a:lnTo>
                    <a:pt x="9144" y="1510284"/>
                  </a:lnTo>
                  <a:lnTo>
                    <a:pt x="9144" y="1501140"/>
                  </a:lnTo>
                  <a:close/>
                </a:path>
                <a:path w="10361930" h="6141720">
                  <a:moveTo>
                    <a:pt x="9144" y="1479804"/>
                  </a:moveTo>
                  <a:lnTo>
                    <a:pt x="0" y="1479804"/>
                  </a:lnTo>
                  <a:lnTo>
                    <a:pt x="0" y="1490472"/>
                  </a:lnTo>
                  <a:lnTo>
                    <a:pt x="9144" y="1490472"/>
                  </a:lnTo>
                  <a:lnTo>
                    <a:pt x="9144" y="1479804"/>
                  </a:lnTo>
                  <a:close/>
                </a:path>
                <a:path w="10361930" h="6141720">
                  <a:moveTo>
                    <a:pt x="9144" y="1459992"/>
                  </a:moveTo>
                  <a:lnTo>
                    <a:pt x="0" y="1459992"/>
                  </a:lnTo>
                  <a:lnTo>
                    <a:pt x="0" y="1469136"/>
                  </a:lnTo>
                  <a:lnTo>
                    <a:pt x="9144" y="1469136"/>
                  </a:lnTo>
                  <a:lnTo>
                    <a:pt x="9144" y="1459992"/>
                  </a:lnTo>
                  <a:close/>
                </a:path>
                <a:path w="10361930" h="6141720">
                  <a:moveTo>
                    <a:pt x="9144" y="1438656"/>
                  </a:moveTo>
                  <a:lnTo>
                    <a:pt x="0" y="1438656"/>
                  </a:lnTo>
                  <a:lnTo>
                    <a:pt x="0" y="1449324"/>
                  </a:lnTo>
                  <a:lnTo>
                    <a:pt x="9144" y="1449324"/>
                  </a:lnTo>
                  <a:lnTo>
                    <a:pt x="9144" y="1438656"/>
                  </a:lnTo>
                  <a:close/>
                </a:path>
                <a:path w="10361930" h="6141720">
                  <a:moveTo>
                    <a:pt x="9144" y="1418844"/>
                  </a:moveTo>
                  <a:lnTo>
                    <a:pt x="0" y="1418844"/>
                  </a:lnTo>
                  <a:lnTo>
                    <a:pt x="0" y="1427988"/>
                  </a:lnTo>
                  <a:lnTo>
                    <a:pt x="9144" y="1427988"/>
                  </a:lnTo>
                  <a:lnTo>
                    <a:pt x="9144" y="1418844"/>
                  </a:lnTo>
                  <a:close/>
                </a:path>
                <a:path w="10361930" h="6141720">
                  <a:moveTo>
                    <a:pt x="9144" y="1397508"/>
                  </a:moveTo>
                  <a:lnTo>
                    <a:pt x="0" y="1397508"/>
                  </a:lnTo>
                  <a:lnTo>
                    <a:pt x="0" y="1408176"/>
                  </a:lnTo>
                  <a:lnTo>
                    <a:pt x="9144" y="1408176"/>
                  </a:lnTo>
                  <a:lnTo>
                    <a:pt x="9144" y="1397508"/>
                  </a:lnTo>
                  <a:close/>
                </a:path>
                <a:path w="10361930" h="6141720">
                  <a:moveTo>
                    <a:pt x="9144" y="1377696"/>
                  </a:moveTo>
                  <a:lnTo>
                    <a:pt x="0" y="1377696"/>
                  </a:lnTo>
                  <a:lnTo>
                    <a:pt x="0" y="1386840"/>
                  </a:lnTo>
                  <a:lnTo>
                    <a:pt x="9144" y="1386840"/>
                  </a:lnTo>
                  <a:lnTo>
                    <a:pt x="9144" y="1377696"/>
                  </a:lnTo>
                  <a:close/>
                </a:path>
                <a:path w="10361930" h="6141720">
                  <a:moveTo>
                    <a:pt x="9144" y="1356360"/>
                  </a:moveTo>
                  <a:lnTo>
                    <a:pt x="0" y="1356360"/>
                  </a:lnTo>
                  <a:lnTo>
                    <a:pt x="0" y="1367028"/>
                  </a:lnTo>
                  <a:lnTo>
                    <a:pt x="9144" y="1367028"/>
                  </a:lnTo>
                  <a:lnTo>
                    <a:pt x="9144" y="1356360"/>
                  </a:lnTo>
                  <a:close/>
                </a:path>
                <a:path w="10361930" h="6141720">
                  <a:moveTo>
                    <a:pt x="9144" y="1336548"/>
                  </a:moveTo>
                  <a:lnTo>
                    <a:pt x="0" y="1336548"/>
                  </a:lnTo>
                  <a:lnTo>
                    <a:pt x="0" y="1345692"/>
                  </a:lnTo>
                  <a:lnTo>
                    <a:pt x="9144" y="1345692"/>
                  </a:lnTo>
                  <a:lnTo>
                    <a:pt x="9144" y="1336548"/>
                  </a:lnTo>
                  <a:close/>
                </a:path>
                <a:path w="10361930" h="6141720">
                  <a:moveTo>
                    <a:pt x="9144" y="1315212"/>
                  </a:moveTo>
                  <a:lnTo>
                    <a:pt x="0" y="1315212"/>
                  </a:lnTo>
                  <a:lnTo>
                    <a:pt x="0" y="1325880"/>
                  </a:lnTo>
                  <a:lnTo>
                    <a:pt x="9144" y="1325880"/>
                  </a:lnTo>
                  <a:lnTo>
                    <a:pt x="9144" y="1315212"/>
                  </a:lnTo>
                  <a:close/>
                </a:path>
                <a:path w="10361930" h="6141720">
                  <a:moveTo>
                    <a:pt x="9144" y="1295400"/>
                  </a:moveTo>
                  <a:lnTo>
                    <a:pt x="0" y="1295400"/>
                  </a:lnTo>
                  <a:lnTo>
                    <a:pt x="0" y="1306068"/>
                  </a:lnTo>
                  <a:lnTo>
                    <a:pt x="9144" y="1306068"/>
                  </a:lnTo>
                  <a:lnTo>
                    <a:pt x="9144" y="1295400"/>
                  </a:lnTo>
                  <a:close/>
                </a:path>
                <a:path w="10361930" h="6141720">
                  <a:moveTo>
                    <a:pt x="9144" y="1274064"/>
                  </a:moveTo>
                  <a:lnTo>
                    <a:pt x="0" y="1274064"/>
                  </a:lnTo>
                  <a:lnTo>
                    <a:pt x="0" y="1284732"/>
                  </a:lnTo>
                  <a:lnTo>
                    <a:pt x="9144" y="1284732"/>
                  </a:lnTo>
                  <a:lnTo>
                    <a:pt x="9144" y="1274064"/>
                  </a:lnTo>
                  <a:close/>
                </a:path>
                <a:path w="10361930" h="6141720">
                  <a:moveTo>
                    <a:pt x="9144" y="1254252"/>
                  </a:moveTo>
                  <a:lnTo>
                    <a:pt x="0" y="1254252"/>
                  </a:lnTo>
                  <a:lnTo>
                    <a:pt x="0" y="1264920"/>
                  </a:lnTo>
                  <a:lnTo>
                    <a:pt x="9144" y="1264920"/>
                  </a:lnTo>
                  <a:lnTo>
                    <a:pt x="9144" y="1254252"/>
                  </a:lnTo>
                  <a:close/>
                </a:path>
                <a:path w="10361930" h="6141720">
                  <a:moveTo>
                    <a:pt x="9144" y="1232916"/>
                  </a:moveTo>
                  <a:lnTo>
                    <a:pt x="0" y="1232916"/>
                  </a:lnTo>
                  <a:lnTo>
                    <a:pt x="0" y="1243584"/>
                  </a:lnTo>
                  <a:lnTo>
                    <a:pt x="9144" y="1243584"/>
                  </a:lnTo>
                  <a:lnTo>
                    <a:pt x="9144" y="1232916"/>
                  </a:lnTo>
                  <a:close/>
                </a:path>
                <a:path w="10361930" h="6141720">
                  <a:moveTo>
                    <a:pt x="9144" y="1213104"/>
                  </a:moveTo>
                  <a:lnTo>
                    <a:pt x="0" y="1213104"/>
                  </a:lnTo>
                  <a:lnTo>
                    <a:pt x="0" y="1223772"/>
                  </a:lnTo>
                  <a:lnTo>
                    <a:pt x="9144" y="1223772"/>
                  </a:lnTo>
                  <a:lnTo>
                    <a:pt x="9144" y="1213104"/>
                  </a:lnTo>
                  <a:close/>
                </a:path>
                <a:path w="10361930" h="6141720">
                  <a:moveTo>
                    <a:pt x="9144" y="1191768"/>
                  </a:moveTo>
                  <a:lnTo>
                    <a:pt x="0" y="1191768"/>
                  </a:lnTo>
                  <a:lnTo>
                    <a:pt x="0" y="1202436"/>
                  </a:lnTo>
                  <a:lnTo>
                    <a:pt x="9144" y="1202436"/>
                  </a:lnTo>
                  <a:lnTo>
                    <a:pt x="9144" y="1191768"/>
                  </a:lnTo>
                  <a:close/>
                </a:path>
                <a:path w="10361930" h="6141720">
                  <a:moveTo>
                    <a:pt x="9144" y="1171956"/>
                  </a:moveTo>
                  <a:lnTo>
                    <a:pt x="0" y="1171956"/>
                  </a:lnTo>
                  <a:lnTo>
                    <a:pt x="0" y="1182624"/>
                  </a:lnTo>
                  <a:lnTo>
                    <a:pt x="9144" y="1182624"/>
                  </a:lnTo>
                  <a:lnTo>
                    <a:pt x="9144" y="1171956"/>
                  </a:lnTo>
                  <a:close/>
                </a:path>
                <a:path w="10361930" h="6141720">
                  <a:moveTo>
                    <a:pt x="9144" y="1150620"/>
                  </a:moveTo>
                  <a:lnTo>
                    <a:pt x="0" y="1150620"/>
                  </a:lnTo>
                  <a:lnTo>
                    <a:pt x="0" y="1161288"/>
                  </a:lnTo>
                  <a:lnTo>
                    <a:pt x="9144" y="1161288"/>
                  </a:lnTo>
                  <a:lnTo>
                    <a:pt x="9144" y="1150620"/>
                  </a:lnTo>
                  <a:close/>
                </a:path>
                <a:path w="10361930" h="6141720">
                  <a:moveTo>
                    <a:pt x="9144" y="1130808"/>
                  </a:moveTo>
                  <a:lnTo>
                    <a:pt x="0" y="1130808"/>
                  </a:lnTo>
                  <a:lnTo>
                    <a:pt x="0" y="1141476"/>
                  </a:lnTo>
                  <a:lnTo>
                    <a:pt x="9144" y="1141476"/>
                  </a:lnTo>
                  <a:lnTo>
                    <a:pt x="9144" y="1130808"/>
                  </a:lnTo>
                  <a:close/>
                </a:path>
                <a:path w="10361930" h="6141720">
                  <a:moveTo>
                    <a:pt x="9144" y="1109472"/>
                  </a:moveTo>
                  <a:lnTo>
                    <a:pt x="0" y="1109472"/>
                  </a:lnTo>
                  <a:lnTo>
                    <a:pt x="0" y="1120140"/>
                  </a:lnTo>
                  <a:lnTo>
                    <a:pt x="9144" y="1120140"/>
                  </a:lnTo>
                  <a:lnTo>
                    <a:pt x="9144" y="1109472"/>
                  </a:lnTo>
                  <a:close/>
                </a:path>
                <a:path w="10361930" h="6141720">
                  <a:moveTo>
                    <a:pt x="9144" y="1089660"/>
                  </a:moveTo>
                  <a:lnTo>
                    <a:pt x="0" y="1089660"/>
                  </a:lnTo>
                  <a:lnTo>
                    <a:pt x="0" y="1100328"/>
                  </a:lnTo>
                  <a:lnTo>
                    <a:pt x="9144" y="1100328"/>
                  </a:lnTo>
                  <a:lnTo>
                    <a:pt x="9144" y="1089660"/>
                  </a:lnTo>
                  <a:close/>
                </a:path>
                <a:path w="10361930" h="6141720">
                  <a:moveTo>
                    <a:pt x="9144" y="1068324"/>
                  </a:moveTo>
                  <a:lnTo>
                    <a:pt x="0" y="1068324"/>
                  </a:lnTo>
                  <a:lnTo>
                    <a:pt x="0" y="1078992"/>
                  </a:lnTo>
                  <a:lnTo>
                    <a:pt x="9144" y="1078992"/>
                  </a:lnTo>
                  <a:lnTo>
                    <a:pt x="9144" y="1068324"/>
                  </a:lnTo>
                  <a:close/>
                </a:path>
                <a:path w="10361930" h="6141720">
                  <a:moveTo>
                    <a:pt x="9144" y="1048512"/>
                  </a:moveTo>
                  <a:lnTo>
                    <a:pt x="0" y="1048512"/>
                  </a:lnTo>
                  <a:lnTo>
                    <a:pt x="0" y="1059180"/>
                  </a:lnTo>
                  <a:lnTo>
                    <a:pt x="9144" y="1059180"/>
                  </a:lnTo>
                  <a:lnTo>
                    <a:pt x="9144" y="1048512"/>
                  </a:lnTo>
                  <a:close/>
                </a:path>
                <a:path w="10361930" h="6141720">
                  <a:moveTo>
                    <a:pt x="9144" y="1027176"/>
                  </a:moveTo>
                  <a:lnTo>
                    <a:pt x="0" y="1027176"/>
                  </a:lnTo>
                  <a:lnTo>
                    <a:pt x="0" y="1037844"/>
                  </a:lnTo>
                  <a:lnTo>
                    <a:pt x="9144" y="1037844"/>
                  </a:lnTo>
                  <a:lnTo>
                    <a:pt x="9144" y="1027176"/>
                  </a:lnTo>
                  <a:close/>
                </a:path>
                <a:path w="10361930" h="6141720">
                  <a:moveTo>
                    <a:pt x="9144" y="1007364"/>
                  </a:moveTo>
                  <a:lnTo>
                    <a:pt x="0" y="1007364"/>
                  </a:lnTo>
                  <a:lnTo>
                    <a:pt x="0" y="1018032"/>
                  </a:lnTo>
                  <a:lnTo>
                    <a:pt x="9144" y="1018032"/>
                  </a:lnTo>
                  <a:lnTo>
                    <a:pt x="9144" y="1007364"/>
                  </a:lnTo>
                  <a:close/>
                </a:path>
                <a:path w="10361930" h="6141720">
                  <a:moveTo>
                    <a:pt x="9144" y="986028"/>
                  </a:moveTo>
                  <a:lnTo>
                    <a:pt x="0" y="986028"/>
                  </a:lnTo>
                  <a:lnTo>
                    <a:pt x="0" y="996696"/>
                  </a:lnTo>
                  <a:lnTo>
                    <a:pt x="9144" y="996696"/>
                  </a:lnTo>
                  <a:lnTo>
                    <a:pt x="9144" y="986028"/>
                  </a:lnTo>
                  <a:close/>
                </a:path>
                <a:path w="10361930" h="6141720">
                  <a:moveTo>
                    <a:pt x="9144" y="966216"/>
                  </a:moveTo>
                  <a:lnTo>
                    <a:pt x="0" y="966216"/>
                  </a:lnTo>
                  <a:lnTo>
                    <a:pt x="0" y="976884"/>
                  </a:lnTo>
                  <a:lnTo>
                    <a:pt x="9144" y="976884"/>
                  </a:lnTo>
                  <a:lnTo>
                    <a:pt x="9144" y="966216"/>
                  </a:lnTo>
                  <a:close/>
                </a:path>
                <a:path w="10361930" h="6141720">
                  <a:moveTo>
                    <a:pt x="9144" y="944880"/>
                  </a:moveTo>
                  <a:lnTo>
                    <a:pt x="0" y="944880"/>
                  </a:lnTo>
                  <a:lnTo>
                    <a:pt x="0" y="955548"/>
                  </a:lnTo>
                  <a:lnTo>
                    <a:pt x="9144" y="955548"/>
                  </a:lnTo>
                  <a:lnTo>
                    <a:pt x="9144" y="944880"/>
                  </a:lnTo>
                  <a:close/>
                </a:path>
                <a:path w="10361930" h="6141720">
                  <a:moveTo>
                    <a:pt x="9144" y="925068"/>
                  </a:moveTo>
                  <a:lnTo>
                    <a:pt x="0" y="925068"/>
                  </a:lnTo>
                  <a:lnTo>
                    <a:pt x="0" y="935736"/>
                  </a:lnTo>
                  <a:lnTo>
                    <a:pt x="9144" y="935736"/>
                  </a:lnTo>
                  <a:lnTo>
                    <a:pt x="9144" y="925068"/>
                  </a:lnTo>
                  <a:close/>
                </a:path>
                <a:path w="10361930" h="6141720">
                  <a:moveTo>
                    <a:pt x="9144" y="903732"/>
                  </a:moveTo>
                  <a:lnTo>
                    <a:pt x="0" y="903732"/>
                  </a:lnTo>
                  <a:lnTo>
                    <a:pt x="0" y="914400"/>
                  </a:lnTo>
                  <a:lnTo>
                    <a:pt x="9144" y="914400"/>
                  </a:lnTo>
                  <a:lnTo>
                    <a:pt x="9144" y="903732"/>
                  </a:lnTo>
                  <a:close/>
                </a:path>
                <a:path w="10361930" h="6141720">
                  <a:moveTo>
                    <a:pt x="9144" y="883920"/>
                  </a:moveTo>
                  <a:lnTo>
                    <a:pt x="0" y="883920"/>
                  </a:lnTo>
                  <a:lnTo>
                    <a:pt x="0" y="894588"/>
                  </a:lnTo>
                  <a:lnTo>
                    <a:pt x="9144" y="894588"/>
                  </a:lnTo>
                  <a:lnTo>
                    <a:pt x="9144" y="883920"/>
                  </a:lnTo>
                  <a:close/>
                </a:path>
                <a:path w="10361930" h="6141720">
                  <a:moveTo>
                    <a:pt x="9144" y="862584"/>
                  </a:moveTo>
                  <a:lnTo>
                    <a:pt x="0" y="862584"/>
                  </a:lnTo>
                  <a:lnTo>
                    <a:pt x="0" y="873252"/>
                  </a:lnTo>
                  <a:lnTo>
                    <a:pt x="9144" y="873252"/>
                  </a:lnTo>
                  <a:lnTo>
                    <a:pt x="9144" y="862584"/>
                  </a:lnTo>
                  <a:close/>
                </a:path>
                <a:path w="10361930" h="6141720">
                  <a:moveTo>
                    <a:pt x="9144" y="842772"/>
                  </a:moveTo>
                  <a:lnTo>
                    <a:pt x="0" y="842772"/>
                  </a:lnTo>
                  <a:lnTo>
                    <a:pt x="0" y="853440"/>
                  </a:lnTo>
                  <a:lnTo>
                    <a:pt x="9144" y="853440"/>
                  </a:lnTo>
                  <a:lnTo>
                    <a:pt x="9144" y="842772"/>
                  </a:lnTo>
                  <a:close/>
                </a:path>
                <a:path w="10361930" h="6141720">
                  <a:moveTo>
                    <a:pt x="9144" y="821436"/>
                  </a:moveTo>
                  <a:lnTo>
                    <a:pt x="0" y="821436"/>
                  </a:lnTo>
                  <a:lnTo>
                    <a:pt x="0" y="832104"/>
                  </a:lnTo>
                  <a:lnTo>
                    <a:pt x="9144" y="832104"/>
                  </a:lnTo>
                  <a:lnTo>
                    <a:pt x="9144" y="821436"/>
                  </a:lnTo>
                  <a:close/>
                </a:path>
                <a:path w="10361930" h="6141720">
                  <a:moveTo>
                    <a:pt x="9144" y="801624"/>
                  </a:moveTo>
                  <a:lnTo>
                    <a:pt x="0" y="801624"/>
                  </a:lnTo>
                  <a:lnTo>
                    <a:pt x="0" y="812292"/>
                  </a:lnTo>
                  <a:lnTo>
                    <a:pt x="9144" y="812292"/>
                  </a:lnTo>
                  <a:lnTo>
                    <a:pt x="9144" y="801624"/>
                  </a:lnTo>
                  <a:close/>
                </a:path>
                <a:path w="10361930" h="6141720">
                  <a:moveTo>
                    <a:pt x="9144" y="780288"/>
                  </a:moveTo>
                  <a:lnTo>
                    <a:pt x="0" y="780288"/>
                  </a:lnTo>
                  <a:lnTo>
                    <a:pt x="0" y="790956"/>
                  </a:lnTo>
                  <a:lnTo>
                    <a:pt x="9144" y="790956"/>
                  </a:lnTo>
                  <a:lnTo>
                    <a:pt x="9144" y="780288"/>
                  </a:lnTo>
                  <a:close/>
                </a:path>
                <a:path w="10361930" h="6141720">
                  <a:moveTo>
                    <a:pt x="9144" y="760476"/>
                  </a:moveTo>
                  <a:lnTo>
                    <a:pt x="0" y="760476"/>
                  </a:lnTo>
                  <a:lnTo>
                    <a:pt x="0" y="771144"/>
                  </a:lnTo>
                  <a:lnTo>
                    <a:pt x="9144" y="771144"/>
                  </a:lnTo>
                  <a:lnTo>
                    <a:pt x="9144" y="760476"/>
                  </a:lnTo>
                  <a:close/>
                </a:path>
                <a:path w="10361930" h="6141720">
                  <a:moveTo>
                    <a:pt x="9144" y="739140"/>
                  </a:moveTo>
                  <a:lnTo>
                    <a:pt x="0" y="739140"/>
                  </a:lnTo>
                  <a:lnTo>
                    <a:pt x="0" y="749808"/>
                  </a:lnTo>
                  <a:lnTo>
                    <a:pt x="9144" y="749808"/>
                  </a:lnTo>
                  <a:lnTo>
                    <a:pt x="9144" y="739140"/>
                  </a:lnTo>
                  <a:close/>
                </a:path>
                <a:path w="10361930" h="6141720">
                  <a:moveTo>
                    <a:pt x="9144" y="719328"/>
                  </a:moveTo>
                  <a:lnTo>
                    <a:pt x="0" y="719328"/>
                  </a:lnTo>
                  <a:lnTo>
                    <a:pt x="0" y="729996"/>
                  </a:lnTo>
                  <a:lnTo>
                    <a:pt x="9144" y="729996"/>
                  </a:lnTo>
                  <a:lnTo>
                    <a:pt x="9144" y="719328"/>
                  </a:lnTo>
                  <a:close/>
                </a:path>
                <a:path w="10361930" h="6141720">
                  <a:moveTo>
                    <a:pt x="9144" y="699516"/>
                  </a:moveTo>
                  <a:lnTo>
                    <a:pt x="0" y="699516"/>
                  </a:lnTo>
                  <a:lnTo>
                    <a:pt x="0" y="708660"/>
                  </a:lnTo>
                  <a:lnTo>
                    <a:pt x="9144" y="708660"/>
                  </a:lnTo>
                  <a:lnTo>
                    <a:pt x="9144" y="699516"/>
                  </a:lnTo>
                  <a:close/>
                </a:path>
                <a:path w="10361930" h="6141720">
                  <a:moveTo>
                    <a:pt x="9144" y="678180"/>
                  </a:moveTo>
                  <a:lnTo>
                    <a:pt x="0" y="678180"/>
                  </a:lnTo>
                  <a:lnTo>
                    <a:pt x="0" y="688848"/>
                  </a:lnTo>
                  <a:lnTo>
                    <a:pt x="9144" y="688848"/>
                  </a:lnTo>
                  <a:lnTo>
                    <a:pt x="9144" y="678180"/>
                  </a:lnTo>
                  <a:close/>
                </a:path>
                <a:path w="10361930" h="6141720">
                  <a:moveTo>
                    <a:pt x="9144" y="658368"/>
                  </a:moveTo>
                  <a:lnTo>
                    <a:pt x="0" y="658368"/>
                  </a:lnTo>
                  <a:lnTo>
                    <a:pt x="0" y="667512"/>
                  </a:lnTo>
                  <a:lnTo>
                    <a:pt x="9144" y="667512"/>
                  </a:lnTo>
                  <a:lnTo>
                    <a:pt x="9144" y="658368"/>
                  </a:lnTo>
                  <a:close/>
                </a:path>
                <a:path w="10361930" h="6141720">
                  <a:moveTo>
                    <a:pt x="9144" y="637032"/>
                  </a:moveTo>
                  <a:lnTo>
                    <a:pt x="0" y="637032"/>
                  </a:lnTo>
                  <a:lnTo>
                    <a:pt x="0" y="647700"/>
                  </a:lnTo>
                  <a:lnTo>
                    <a:pt x="9144" y="647700"/>
                  </a:lnTo>
                  <a:lnTo>
                    <a:pt x="9144" y="637032"/>
                  </a:lnTo>
                  <a:close/>
                </a:path>
                <a:path w="10361930" h="6141720">
                  <a:moveTo>
                    <a:pt x="9144" y="617220"/>
                  </a:moveTo>
                  <a:lnTo>
                    <a:pt x="0" y="617220"/>
                  </a:lnTo>
                  <a:lnTo>
                    <a:pt x="0" y="626364"/>
                  </a:lnTo>
                  <a:lnTo>
                    <a:pt x="9144" y="626364"/>
                  </a:lnTo>
                  <a:lnTo>
                    <a:pt x="9144" y="617220"/>
                  </a:lnTo>
                  <a:close/>
                </a:path>
                <a:path w="10361930" h="6141720">
                  <a:moveTo>
                    <a:pt x="9144" y="595884"/>
                  </a:moveTo>
                  <a:lnTo>
                    <a:pt x="0" y="595884"/>
                  </a:lnTo>
                  <a:lnTo>
                    <a:pt x="0" y="606552"/>
                  </a:lnTo>
                  <a:lnTo>
                    <a:pt x="9144" y="606552"/>
                  </a:lnTo>
                  <a:lnTo>
                    <a:pt x="9144" y="595884"/>
                  </a:lnTo>
                  <a:close/>
                </a:path>
                <a:path w="10361930" h="6141720">
                  <a:moveTo>
                    <a:pt x="9144" y="576072"/>
                  </a:moveTo>
                  <a:lnTo>
                    <a:pt x="0" y="576072"/>
                  </a:lnTo>
                  <a:lnTo>
                    <a:pt x="0" y="585216"/>
                  </a:lnTo>
                  <a:lnTo>
                    <a:pt x="9144" y="585216"/>
                  </a:lnTo>
                  <a:lnTo>
                    <a:pt x="9144" y="576072"/>
                  </a:lnTo>
                  <a:close/>
                </a:path>
                <a:path w="10361930" h="6141720">
                  <a:moveTo>
                    <a:pt x="9144" y="554736"/>
                  </a:moveTo>
                  <a:lnTo>
                    <a:pt x="0" y="554736"/>
                  </a:lnTo>
                  <a:lnTo>
                    <a:pt x="0" y="565404"/>
                  </a:lnTo>
                  <a:lnTo>
                    <a:pt x="9144" y="565404"/>
                  </a:lnTo>
                  <a:lnTo>
                    <a:pt x="9144" y="554736"/>
                  </a:lnTo>
                  <a:close/>
                </a:path>
                <a:path w="10361930" h="6141720">
                  <a:moveTo>
                    <a:pt x="9144" y="534924"/>
                  </a:moveTo>
                  <a:lnTo>
                    <a:pt x="0" y="534924"/>
                  </a:lnTo>
                  <a:lnTo>
                    <a:pt x="0" y="544068"/>
                  </a:lnTo>
                  <a:lnTo>
                    <a:pt x="9144" y="544068"/>
                  </a:lnTo>
                  <a:lnTo>
                    <a:pt x="9144" y="534924"/>
                  </a:lnTo>
                  <a:close/>
                </a:path>
                <a:path w="10361930" h="6141720">
                  <a:moveTo>
                    <a:pt x="9144" y="513588"/>
                  </a:moveTo>
                  <a:lnTo>
                    <a:pt x="0" y="513588"/>
                  </a:lnTo>
                  <a:lnTo>
                    <a:pt x="0" y="524256"/>
                  </a:lnTo>
                  <a:lnTo>
                    <a:pt x="9144" y="524256"/>
                  </a:lnTo>
                  <a:lnTo>
                    <a:pt x="9144" y="513588"/>
                  </a:lnTo>
                  <a:close/>
                </a:path>
                <a:path w="10361930" h="6141720">
                  <a:moveTo>
                    <a:pt x="9144" y="493776"/>
                  </a:moveTo>
                  <a:lnTo>
                    <a:pt x="0" y="493776"/>
                  </a:lnTo>
                  <a:lnTo>
                    <a:pt x="0" y="502920"/>
                  </a:lnTo>
                  <a:lnTo>
                    <a:pt x="9144" y="502920"/>
                  </a:lnTo>
                  <a:lnTo>
                    <a:pt x="9144" y="493776"/>
                  </a:lnTo>
                  <a:close/>
                </a:path>
                <a:path w="10361930" h="6141720">
                  <a:moveTo>
                    <a:pt x="9144" y="472440"/>
                  </a:moveTo>
                  <a:lnTo>
                    <a:pt x="0" y="472440"/>
                  </a:lnTo>
                  <a:lnTo>
                    <a:pt x="0" y="483108"/>
                  </a:lnTo>
                  <a:lnTo>
                    <a:pt x="9144" y="483108"/>
                  </a:lnTo>
                  <a:lnTo>
                    <a:pt x="9144" y="472440"/>
                  </a:lnTo>
                  <a:close/>
                </a:path>
                <a:path w="10361930" h="6141720">
                  <a:moveTo>
                    <a:pt x="9144" y="452628"/>
                  </a:moveTo>
                  <a:lnTo>
                    <a:pt x="0" y="452628"/>
                  </a:lnTo>
                  <a:lnTo>
                    <a:pt x="0" y="461772"/>
                  </a:lnTo>
                  <a:lnTo>
                    <a:pt x="9144" y="461772"/>
                  </a:lnTo>
                  <a:lnTo>
                    <a:pt x="9144" y="452628"/>
                  </a:lnTo>
                  <a:close/>
                </a:path>
                <a:path w="10361930" h="6141720">
                  <a:moveTo>
                    <a:pt x="9144" y="431292"/>
                  </a:moveTo>
                  <a:lnTo>
                    <a:pt x="0" y="431292"/>
                  </a:lnTo>
                  <a:lnTo>
                    <a:pt x="0" y="441960"/>
                  </a:lnTo>
                  <a:lnTo>
                    <a:pt x="9144" y="441960"/>
                  </a:lnTo>
                  <a:lnTo>
                    <a:pt x="9144" y="431292"/>
                  </a:lnTo>
                  <a:close/>
                </a:path>
                <a:path w="10361930" h="6141720">
                  <a:moveTo>
                    <a:pt x="9144" y="411480"/>
                  </a:moveTo>
                  <a:lnTo>
                    <a:pt x="0" y="411480"/>
                  </a:lnTo>
                  <a:lnTo>
                    <a:pt x="0" y="420624"/>
                  </a:lnTo>
                  <a:lnTo>
                    <a:pt x="9144" y="420624"/>
                  </a:lnTo>
                  <a:lnTo>
                    <a:pt x="9144" y="411480"/>
                  </a:lnTo>
                  <a:close/>
                </a:path>
                <a:path w="10361930" h="6141720">
                  <a:moveTo>
                    <a:pt x="9144" y="390144"/>
                  </a:moveTo>
                  <a:lnTo>
                    <a:pt x="0" y="390144"/>
                  </a:lnTo>
                  <a:lnTo>
                    <a:pt x="0" y="400812"/>
                  </a:lnTo>
                  <a:lnTo>
                    <a:pt x="9144" y="400812"/>
                  </a:lnTo>
                  <a:lnTo>
                    <a:pt x="9144" y="390144"/>
                  </a:lnTo>
                  <a:close/>
                </a:path>
                <a:path w="10361930" h="6141720">
                  <a:moveTo>
                    <a:pt x="9144" y="370332"/>
                  </a:moveTo>
                  <a:lnTo>
                    <a:pt x="0" y="370332"/>
                  </a:lnTo>
                  <a:lnTo>
                    <a:pt x="0" y="379476"/>
                  </a:lnTo>
                  <a:lnTo>
                    <a:pt x="9144" y="379476"/>
                  </a:lnTo>
                  <a:lnTo>
                    <a:pt x="9144" y="370332"/>
                  </a:lnTo>
                  <a:close/>
                </a:path>
                <a:path w="10361930" h="6141720">
                  <a:moveTo>
                    <a:pt x="9144" y="348996"/>
                  </a:moveTo>
                  <a:lnTo>
                    <a:pt x="0" y="348996"/>
                  </a:lnTo>
                  <a:lnTo>
                    <a:pt x="0" y="359664"/>
                  </a:lnTo>
                  <a:lnTo>
                    <a:pt x="9144" y="359664"/>
                  </a:lnTo>
                  <a:lnTo>
                    <a:pt x="9144" y="348996"/>
                  </a:lnTo>
                  <a:close/>
                </a:path>
                <a:path w="10361930" h="6141720">
                  <a:moveTo>
                    <a:pt x="9144" y="329184"/>
                  </a:moveTo>
                  <a:lnTo>
                    <a:pt x="0" y="329184"/>
                  </a:lnTo>
                  <a:lnTo>
                    <a:pt x="0" y="338328"/>
                  </a:lnTo>
                  <a:lnTo>
                    <a:pt x="9144" y="338328"/>
                  </a:lnTo>
                  <a:lnTo>
                    <a:pt x="9144" y="329184"/>
                  </a:lnTo>
                  <a:close/>
                </a:path>
                <a:path w="10361930" h="6141720">
                  <a:moveTo>
                    <a:pt x="9144" y="307848"/>
                  </a:moveTo>
                  <a:lnTo>
                    <a:pt x="0" y="307848"/>
                  </a:lnTo>
                  <a:lnTo>
                    <a:pt x="0" y="318516"/>
                  </a:lnTo>
                  <a:lnTo>
                    <a:pt x="9144" y="318516"/>
                  </a:lnTo>
                  <a:lnTo>
                    <a:pt x="9144" y="307848"/>
                  </a:lnTo>
                  <a:close/>
                </a:path>
                <a:path w="10361930" h="6141720">
                  <a:moveTo>
                    <a:pt x="9144" y="288036"/>
                  </a:moveTo>
                  <a:lnTo>
                    <a:pt x="0" y="288036"/>
                  </a:lnTo>
                  <a:lnTo>
                    <a:pt x="0" y="297180"/>
                  </a:lnTo>
                  <a:lnTo>
                    <a:pt x="9144" y="297180"/>
                  </a:lnTo>
                  <a:lnTo>
                    <a:pt x="9144" y="288036"/>
                  </a:lnTo>
                  <a:close/>
                </a:path>
                <a:path w="10361930" h="6141720">
                  <a:moveTo>
                    <a:pt x="9144" y="266700"/>
                  </a:moveTo>
                  <a:lnTo>
                    <a:pt x="0" y="266700"/>
                  </a:lnTo>
                  <a:lnTo>
                    <a:pt x="0" y="277368"/>
                  </a:lnTo>
                  <a:lnTo>
                    <a:pt x="9144" y="277368"/>
                  </a:lnTo>
                  <a:lnTo>
                    <a:pt x="9144" y="266700"/>
                  </a:lnTo>
                  <a:close/>
                </a:path>
                <a:path w="10361930" h="6141720">
                  <a:moveTo>
                    <a:pt x="9144" y="246888"/>
                  </a:moveTo>
                  <a:lnTo>
                    <a:pt x="0" y="246888"/>
                  </a:lnTo>
                  <a:lnTo>
                    <a:pt x="0" y="256032"/>
                  </a:lnTo>
                  <a:lnTo>
                    <a:pt x="9144" y="256032"/>
                  </a:lnTo>
                  <a:lnTo>
                    <a:pt x="9144" y="246888"/>
                  </a:lnTo>
                  <a:close/>
                </a:path>
                <a:path w="10361930" h="6141720">
                  <a:moveTo>
                    <a:pt x="9144" y="225552"/>
                  </a:moveTo>
                  <a:lnTo>
                    <a:pt x="0" y="225552"/>
                  </a:lnTo>
                  <a:lnTo>
                    <a:pt x="0" y="236220"/>
                  </a:lnTo>
                  <a:lnTo>
                    <a:pt x="9144" y="236220"/>
                  </a:lnTo>
                  <a:lnTo>
                    <a:pt x="9144" y="225552"/>
                  </a:lnTo>
                  <a:close/>
                </a:path>
                <a:path w="10361930" h="6141720">
                  <a:moveTo>
                    <a:pt x="9144" y="205740"/>
                  </a:moveTo>
                  <a:lnTo>
                    <a:pt x="0" y="205740"/>
                  </a:lnTo>
                  <a:lnTo>
                    <a:pt x="0" y="214884"/>
                  </a:lnTo>
                  <a:lnTo>
                    <a:pt x="9144" y="214884"/>
                  </a:lnTo>
                  <a:lnTo>
                    <a:pt x="9144" y="205740"/>
                  </a:lnTo>
                  <a:close/>
                </a:path>
                <a:path w="10361930" h="6141720">
                  <a:moveTo>
                    <a:pt x="9144" y="184404"/>
                  </a:moveTo>
                  <a:lnTo>
                    <a:pt x="0" y="184404"/>
                  </a:lnTo>
                  <a:lnTo>
                    <a:pt x="0" y="195072"/>
                  </a:lnTo>
                  <a:lnTo>
                    <a:pt x="9144" y="195072"/>
                  </a:lnTo>
                  <a:lnTo>
                    <a:pt x="9144" y="184404"/>
                  </a:lnTo>
                  <a:close/>
                </a:path>
                <a:path w="10361930" h="6141720">
                  <a:moveTo>
                    <a:pt x="9144" y="164592"/>
                  </a:moveTo>
                  <a:lnTo>
                    <a:pt x="0" y="164592"/>
                  </a:lnTo>
                  <a:lnTo>
                    <a:pt x="0" y="173736"/>
                  </a:lnTo>
                  <a:lnTo>
                    <a:pt x="9144" y="173736"/>
                  </a:lnTo>
                  <a:lnTo>
                    <a:pt x="9144" y="164592"/>
                  </a:lnTo>
                  <a:close/>
                </a:path>
                <a:path w="10361930" h="6141720">
                  <a:moveTo>
                    <a:pt x="9144" y="143256"/>
                  </a:moveTo>
                  <a:lnTo>
                    <a:pt x="0" y="143256"/>
                  </a:lnTo>
                  <a:lnTo>
                    <a:pt x="0" y="153924"/>
                  </a:lnTo>
                  <a:lnTo>
                    <a:pt x="9144" y="153924"/>
                  </a:lnTo>
                  <a:lnTo>
                    <a:pt x="9144" y="143256"/>
                  </a:lnTo>
                  <a:close/>
                </a:path>
                <a:path w="10361930" h="6141720">
                  <a:moveTo>
                    <a:pt x="9144" y="123444"/>
                  </a:moveTo>
                  <a:lnTo>
                    <a:pt x="0" y="123444"/>
                  </a:lnTo>
                  <a:lnTo>
                    <a:pt x="0" y="132588"/>
                  </a:lnTo>
                  <a:lnTo>
                    <a:pt x="9144" y="132588"/>
                  </a:lnTo>
                  <a:lnTo>
                    <a:pt x="9144" y="123444"/>
                  </a:lnTo>
                  <a:close/>
                </a:path>
                <a:path w="10361930" h="6141720">
                  <a:moveTo>
                    <a:pt x="9144" y="102108"/>
                  </a:moveTo>
                  <a:lnTo>
                    <a:pt x="0" y="102108"/>
                  </a:lnTo>
                  <a:lnTo>
                    <a:pt x="0" y="112775"/>
                  </a:lnTo>
                  <a:lnTo>
                    <a:pt x="9144" y="112775"/>
                  </a:lnTo>
                  <a:lnTo>
                    <a:pt x="9144" y="102108"/>
                  </a:lnTo>
                  <a:close/>
                </a:path>
                <a:path w="10361930" h="6141720">
                  <a:moveTo>
                    <a:pt x="9144" y="82296"/>
                  </a:moveTo>
                  <a:lnTo>
                    <a:pt x="0" y="82296"/>
                  </a:lnTo>
                  <a:lnTo>
                    <a:pt x="0" y="92964"/>
                  </a:lnTo>
                  <a:lnTo>
                    <a:pt x="9144" y="92964"/>
                  </a:lnTo>
                  <a:lnTo>
                    <a:pt x="9144" y="82296"/>
                  </a:lnTo>
                  <a:close/>
                </a:path>
                <a:path w="10361930" h="6141720">
                  <a:moveTo>
                    <a:pt x="9144" y="60960"/>
                  </a:moveTo>
                  <a:lnTo>
                    <a:pt x="0" y="60960"/>
                  </a:lnTo>
                  <a:lnTo>
                    <a:pt x="0" y="71628"/>
                  </a:lnTo>
                  <a:lnTo>
                    <a:pt x="9144" y="71628"/>
                  </a:lnTo>
                  <a:lnTo>
                    <a:pt x="9144" y="60960"/>
                  </a:lnTo>
                  <a:close/>
                </a:path>
                <a:path w="10361930" h="6141720">
                  <a:moveTo>
                    <a:pt x="9144" y="41148"/>
                  </a:moveTo>
                  <a:lnTo>
                    <a:pt x="0" y="41148"/>
                  </a:lnTo>
                  <a:lnTo>
                    <a:pt x="0" y="51816"/>
                  </a:lnTo>
                  <a:lnTo>
                    <a:pt x="9144" y="51816"/>
                  </a:lnTo>
                  <a:lnTo>
                    <a:pt x="9144" y="41148"/>
                  </a:lnTo>
                  <a:close/>
                </a:path>
                <a:path w="10361930" h="6141720">
                  <a:moveTo>
                    <a:pt x="9144" y="19812"/>
                  </a:moveTo>
                  <a:lnTo>
                    <a:pt x="0" y="19812"/>
                  </a:lnTo>
                  <a:lnTo>
                    <a:pt x="0" y="30480"/>
                  </a:lnTo>
                  <a:lnTo>
                    <a:pt x="9144" y="30480"/>
                  </a:lnTo>
                  <a:lnTo>
                    <a:pt x="9144" y="19812"/>
                  </a:lnTo>
                  <a:close/>
                </a:path>
                <a:path w="10361930" h="6141720">
                  <a:moveTo>
                    <a:pt x="10667" y="0"/>
                  </a:moveTo>
                  <a:lnTo>
                    <a:pt x="1523" y="0"/>
                  </a:lnTo>
                  <a:lnTo>
                    <a:pt x="0" y="1524"/>
                  </a:lnTo>
                  <a:lnTo>
                    <a:pt x="0" y="10668"/>
                  </a:lnTo>
                  <a:lnTo>
                    <a:pt x="4571" y="10668"/>
                  </a:lnTo>
                  <a:lnTo>
                    <a:pt x="9144" y="4572"/>
                  </a:lnTo>
                  <a:lnTo>
                    <a:pt x="10667" y="4572"/>
                  </a:lnTo>
                  <a:lnTo>
                    <a:pt x="10667" y="0"/>
                  </a:lnTo>
                  <a:close/>
                </a:path>
                <a:path w="10361930" h="6141720">
                  <a:moveTo>
                    <a:pt x="9144" y="4572"/>
                  </a:moveTo>
                  <a:lnTo>
                    <a:pt x="4571" y="10668"/>
                  </a:lnTo>
                  <a:lnTo>
                    <a:pt x="9144" y="10668"/>
                  </a:lnTo>
                  <a:lnTo>
                    <a:pt x="9144" y="4572"/>
                  </a:lnTo>
                  <a:close/>
                </a:path>
                <a:path w="10361930" h="6141720">
                  <a:moveTo>
                    <a:pt x="10667" y="4572"/>
                  </a:moveTo>
                  <a:lnTo>
                    <a:pt x="9144" y="4572"/>
                  </a:lnTo>
                  <a:lnTo>
                    <a:pt x="9144" y="10668"/>
                  </a:lnTo>
                  <a:lnTo>
                    <a:pt x="10667" y="10668"/>
                  </a:lnTo>
                  <a:lnTo>
                    <a:pt x="10667" y="4572"/>
                  </a:lnTo>
                  <a:close/>
                </a:path>
                <a:path w="10361930" h="6141720">
                  <a:moveTo>
                    <a:pt x="30480" y="0"/>
                  </a:moveTo>
                  <a:lnTo>
                    <a:pt x="19812" y="0"/>
                  </a:lnTo>
                  <a:lnTo>
                    <a:pt x="19812" y="10668"/>
                  </a:lnTo>
                  <a:lnTo>
                    <a:pt x="30480" y="10668"/>
                  </a:lnTo>
                  <a:lnTo>
                    <a:pt x="30480" y="0"/>
                  </a:lnTo>
                  <a:close/>
                </a:path>
                <a:path w="10361930" h="6141720">
                  <a:moveTo>
                    <a:pt x="50291" y="0"/>
                  </a:moveTo>
                  <a:lnTo>
                    <a:pt x="41148" y="0"/>
                  </a:lnTo>
                  <a:lnTo>
                    <a:pt x="41148" y="10668"/>
                  </a:lnTo>
                  <a:lnTo>
                    <a:pt x="50291" y="10668"/>
                  </a:lnTo>
                  <a:lnTo>
                    <a:pt x="50291" y="0"/>
                  </a:lnTo>
                  <a:close/>
                </a:path>
                <a:path w="10361930" h="6141720">
                  <a:moveTo>
                    <a:pt x="71627" y="0"/>
                  </a:moveTo>
                  <a:lnTo>
                    <a:pt x="60959" y="0"/>
                  </a:lnTo>
                  <a:lnTo>
                    <a:pt x="60959" y="10668"/>
                  </a:lnTo>
                  <a:lnTo>
                    <a:pt x="71627" y="10668"/>
                  </a:lnTo>
                  <a:lnTo>
                    <a:pt x="71627" y="0"/>
                  </a:lnTo>
                  <a:close/>
                </a:path>
                <a:path w="10361930" h="6141720">
                  <a:moveTo>
                    <a:pt x="91440" y="0"/>
                  </a:moveTo>
                  <a:lnTo>
                    <a:pt x="82295" y="0"/>
                  </a:lnTo>
                  <a:lnTo>
                    <a:pt x="82295" y="10668"/>
                  </a:lnTo>
                  <a:lnTo>
                    <a:pt x="91440" y="10668"/>
                  </a:lnTo>
                  <a:lnTo>
                    <a:pt x="91440" y="0"/>
                  </a:lnTo>
                  <a:close/>
                </a:path>
                <a:path w="10361930" h="6141720">
                  <a:moveTo>
                    <a:pt x="112776" y="0"/>
                  </a:moveTo>
                  <a:lnTo>
                    <a:pt x="102108" y="0"/>
                  </a:lnTo>
                  <a:lnTo>
                    <a:pt x="102108" y="10668"/>
                  </a:lnTo>
                  <a:lnTo>
                    <a:pt x="112776" y="10668"/>
                  </a:lnTo>
                  <a:lnTo>
                    <a:pt x="112776" y="0"/>
                  </a:lnTo>
                  <a:close/>
                </a:path>
                <a:path w="10361930" h="6141720">
                  <a:moveTo>
                    <a:pt x="132588" y="0"/>
                  </a:moveTo>
                  <a:lnTo>
                    <a:pt x="123444" y="0"/>
                  </a:lnTo>
                  <a:lnTo>
                    <a:pt x="123444" y="10668"/>
                  </a:lnTo>
                  <a:lnTo>
                    <a:pt x="132588" y="10668"/>
                  </a:lnTo>
                  <a:lnTo>
                    <a:pt x="132588" y="0"/>
                  </a:lnTo>
                  <a:close/>
                </a:path>
                <a:path w="10361930" h="6141720">
                  <a:moveTo>
                    <a:pt x="153924" y="0"/>
                  </a:moveTo>
                  <a:lnTo>
                    <a:pt x="143256" y="0"/>
                  </a:lnTo>
                  <a:lnTo>
                    <a:pt x="143256" y="10668"/>
                  </a:lnTo>
                  <a:lnTo>
                    <a:pt x="153924" y="10668"/>
                  </a:lnTo>
                  <a:lnTo>
                    <a:pt x="153924" y="0"/>
                  </a:lnTo>
                  <a:close/>
                </a:path>
                <a:path w="10361930" h="6141720">
                  <a:moveTo>
                    <a:pt x="173735" y="0"/>
                  </a:moveTo>
                  <a:lnTo>
                    <a:pt x="164592" y="0"/>
                  </a:lnTo>
                  <a:lnTo>
                    <a:pt x="164592" y="10668"/>
                  </a:lnTo>
                  <a:lnTo>
                    <a:pt x="173735" y="10668"/>
                  </a:lnTo>
                  <a:lnTo>
                    <a:pt x="173735" y="0"/>
                  </a:lnTo>
                  <a:close/>
                </a:path>
                <a:path w="10361930" h="6141720">
                  <a:moveTo>
                    <a:pt x="195071" y="0"/>
                  </a:moveTo>
                  <a:lnTo>
                    <a:pt x="184403" y="0"/>
                  </a:lnTo>
                  <a:lnTo>
                    <a:pt x="184403" y="10668"/>
                  </a:lnTo>
                  <a:lnTo>
                    <a:pt x="195071" y="10668"/>
                  </a:lnTo>
                  <a:lnTo>
                    <a:pt x="195071" y="0"/>
                  </a:lnTo>
                  <a:close/>
                </a:path>
                <a:path w="10361930" h="6141720">
                  <a:moveTo>
                    <a:pt x="214884" y="0"/>
                  </a:moveTo>
                  <a:lnTo>
                    <a:pt x="205740" y="0"/>
                  </a:lnTo>
                  <a:lnTo>
                    <a:pt x="205740" y="10668"/>
                  </a:lnTo>
                  <a:lnTo>
                    <a:pt x="214884" y="10668"/>
                  </a:lnTo>
                  <a:lnTo>
                    <a:pt x="214884" y="0"/>
                  </a:lnTo>
                  <a:close/>
                </a:path>
                <a:path w="10361930" h="6141720">
                  <a:moveTo>
                    <a:pt x="236220" y="0"/>
                  </a:moveTo>
                  <a:lnTo>
                    <a:pt x="225551" y="0"/>
                  </a:lnTo>
                  <a:lnTo>
                    <a:pt x="225551" y="10668"/>
                  </a:lnTo>
                  <a:lnTo>
                    <a:pt x="236220" y="10668"/>
                  </a:lnTo>
                  <a:lnTo>
                    <a:pt x="236220" y="0"/>
                  </a:lnTo>
                  <a:close/>
                </a:path>
                <a:path w="10361930" h="6141720">
                  <a:moveTo>
                    <a:pt x="256032" y="0"/>
                  </a:moveTo>
                  <a:lnTo>
                    <a:pt x="246887" y="0"/>
                  </a:lnTo>
                  <a:lnTo>
                    <a:pt x="246887" y="10668"/>
                  </a:lnTo>
                  <a:lnTo>
                    <a:pt x="256032" y="10668"/>
                  </a:lnTo>
                  <a:lnTo>
                    <a:pt x="256032" y="0"/>
                  </a:lnTo>
                  <a:close/>
                </a:path>
                <a:path w="10361930" h="6141720">
                  <a:moveTo>
                    <a:pt x="277368" y="0"/>
                  </a:moveTo>
                  <a:lnTo>
                    <a:pt x="266700" y="0"/>
                  </a:lnTo>
                  <a:lnTo>
                    <a:pt x="266700" y="10668"/>
                  </a:lnTo>
                  <a:lnTo>
                    <a:pt x="277368" y="10668"/>
                  </a:lnTo>
                  <a:lnTo>
                    <a:pt x="277368" y="0"/>
                  </a:lnTo>
                  <a:close/>
                </a:path>
                <a:path w="10361930" h="6141720">
                  <a:moveTo>
                    <a:pt x="297180" y="0"/>
                  </a:moveTo>
                  <a:lnTo>
                    <a:pt x="288036" y="0"/>
                  </a:lnTo>
                  <a:lnTo>
                    <a:pt x="288036" y="10668"/>
                  </a:lnTo>
                  <a:lnTo>
                    <a:pt x="297180" y="10668"/>
                  </a:lnTo>
                  <a:lnTo>
                    <a:pt x="297180" y="0"/>
                  </a:lnTo>
                  <a:close/>
                </a:path>
                <a:path w="10361930" h="6141720">
                  <a:moveTo>
                    <a:pt x="318516" y="0"/>
                  </a:moveTo>
                  <a:lnTo>
                    <a:pt x="307848" y="0"/>
                  </a:lnTo>
                  <a:lnTo>
                    <a:pt x="307848" y="10668"/>
                  </a:lnTo>
                  <a:lnTo>
                    <a:pt x="318516" y="10668"/>
                  </a:lnTo>
                  <a:lnTo>
                    <a:pt x="318516" y="0"/>
                  </a:lnTo>
                  <a:close/>
                </a:path>
                <a:path w="10361930" h="6141720">
                  <a:moveTo>
                    <a:pt x="338328" y="0"/>
                  </a:moveTo>
                  <a:lnTo>
                    <a:pt x="329184" y="0"/>
                  </a:lnTo>
                  <a:lnTo>
                    <a:pt x="329184" y="10668"/>
                  </a:lnTo>
                  <a:lnTo>
                    <a:pt x="338328" y="10668"/>
                  </a:lnTo>
                  <a:lnTo>
                    <a:pt x="338328" y="0"/>
                  </a:lnTo>
                  <a:close/>
                </a:path>
                <a:path w="10361930" h="6141720">
                  <a:moveTo>
                    <a:pt x="359664" y="0"/>
                  </a:moveTo>
                  <a:lnTo>
                    <a:pt x="348996" y="0"/>
                  </a:lnTo>
                  <a:lnTo>
                    <a:pt x="348996" y="10668"/>
                  </a:lnTo>
                  <a:lnTo>
                    <a:pt x="359664" y="10668"/>
                  </a:lnTo>
                  <a:lnTo>
                    <a:pt x="359664" y="0"/>
                  </a:lnTo>
                  <a:close/>
                </a:path>
                <a:path w="10361930" h="6141720">
                  <a:moveTo>
                    <a:pt x="379476" y="0"/>
                  </a:moveTo>
                  <a:lnTo>
                    <a:pt x="370332" y="0"/>
                  </a:lnTo>
                  <a:lnTo>
                    <a:pt x="370332" y="10668"/>
                  </a:lnTo>
                  <a:lnTo>
                    <a:pt x="379476" y="10668"/>
                  </a:lnTo>
                  <a:lnTo>
                    <a:pt x="379476" y="0"/>
                  </a:lnTo>
                  <a:close/>
                </a:path>
                <a:path w="10361930" h="6141720">
                  <a:moveTo>
                    <a:pt x="400812" y="0"/>
                  </a:moveTo>
                  <a:lnTo>
                    <a:pt x="390144" y="0"/>
                  </a:lnTo>
                  <a:lnTo>
                    <a:pt x="390144" y="10668"/>
                  </a:lnTo>
                  <a:lnTo>
                    <a:pt x="400812" y="10668"/>
                  </a:lnTo>
                  <a:lnTo>
                    <a:pt x="400812" y="0"/>
                  </a:lnTo>
                  <a:close/>
                </a:path>
                <a:path w="10361930" h="6141720">
                  <a:moveTo>
                    <a:pt x="420624" y="0"/>
                  </a:moveTo>
                  <a:lnTo>
                    <a:pt x="411480" y="0"/>
                  </a:lnTo>
                  <a:lnTo>
                    <a:pt x="411480" y="10668"/>
                  </a:lnTo>
                  <a:lnTo>
                    <a:pt x="420624" y="10668"/>
                  </a:lnTo>
                  <a:lnTo>
                    <a:pt x="420624" y="0"/>
                  </a:lnTo>
                  <a:close/>
                </a:path>
                <a:path w="10361930" h="6141720">
                  <a:moveTo>
                    <a:pt x="441960" y="0"/>
                  </a:moveTo>
                  <a:lnTo>
                    <a:pt x="431292" y="0"/>
                  </a:lnTo>
                  <a:lnTo>
                    <a:pt x="431292" y="10668"/>
                  </a:lnTo>
                  <a:lnTo>
                    <a:pt x="441960" y="10668"/>
                  </a:lnTo>
                  <a:lnTo>
                    <a:pt x="441960" y="0"/>
                  </a:lnTo>
                  <a:close/>
                </a:path>
                <a:path w="10361930" h="6141720">
                  <a:moveTo>
                    <a:pt x="461772" y="0"/>
                  </a:moveTo>
                  <a:lnTo>
                    <a:pt x="452628" y="0"/>
                  </a:lnTo>
                  <a:lnTo>
                    <a:pt x="452628" y="10668"/>
                  </a:lnTo>
                  <a:lnTo>
                    <a:pt x="461772" y="10668"/>
                  </a:lnTo>
                  <a:lnTo>
                    <a:pt x="461772" y="0"/>
                  </a:lnTo>
                  <a:close/>
                </a:path>
                <a:path w="10361930" h="6141720">
                  <a:moveTo>
                    <a:pt x="483108" y="0"/>
                  </a:moveTo>
                  <a:lnTo>
                    <a:pt x="472440" y="0"/>
                  </a:lnTo>
                  <a:lnTo>
                    <a:pt x="472440" y="10668"/>
                  </a:lnTo>
                  <a:lnTo>
                    <a:pt x="483108" y="10668"/>
                  </a:lnTo>
                  <a:lnTo>
                    <a:pt x="483108" y="0"/>
                  </a:lnTo>
                  <a:close/>
                </a:path>
                <a:path w="10361930" h="6141720">
                  <a:moveTo>
                    <a:pt x="502920" y="0"/>
                  </a:moveTo>
                  <a:lnTo>
                    <a:pt x="493776" y="0"/>
                  </a:lnTo>
                  <a:lnTo>
                    <a:pt x="493776" y="10668"/>
                  </a:lnTo>
                  <a:lnTo>
                    <a:pt x="502920" y="10668"/>
                  </a:lnTo>
                  <a:lnTo>
                    <a:pt x="502920" y="0"/>
                  </a:lnTo>
                  <a:close/>
                </a:path>
                <a:path w="10361930" h="6141720">
                  <a:moveTo>
                    <a:pt x="524256" y="0"/>
                  </a:moveTo>
                  <a:lnTo>
                    <a:pt x="513588" y="0"/>
                  </a:lnTo>
                  <a:lnTo>
                    <a:pt x="513588" y="10668"/>
                  </a:lnTo>
                  <a:lnTo>
                    <a:pt x="524256" y="10668"/>
                  </a:lnTo>
                  <a:lnTo>
                    <a:pt x="524256" y="0"/>
                  </a:lnTo>
                  <a:close/>
                </a:path>
                <a:path w="10361930" h="6141720">
                  <a:moveTo>
                    <a:pt x="544068" y="0"/>
                  </a:moveTo>
                  <a:lnTo>
                    <a:pt x="534924" y="0"/>
                  </a:lnTo>
                  <a:lnTo>
                    <a:pt x="534924" y="10668"/>
                  </a:lnTo>
                  <a:lnTo>
                    <a:pt x="544068" y="10668"/>
                  </a:lnTo>
                  <a:lnTo>
                    <a:pt x="544068" y="0"/>
                  </a:lnTo>
                  <a:close/>
                </a:path>
                <a:path w="10361930" h="6141720">
                  <a:moveTo>
                    <a:pt x="565404" y="0"/>
                  </a:moveTo>
                  <a:lnTo>
                    <a:pt x="554736" y="0"/>
                  </a:lnTo>
                  <a:lnTo>
                    <a:pt x="554736" y="10668"/>
                  </a:lnTo>
                  <a:lnTo>
                    <a:pt x="565404" y="10668"/>
                  </a:lnTo>
                  <a:lnTo>
                    <a:pt x="565404" y="0"/>
                  </a:lnTo>
                  <a:close/>
                </a:path>
                <a:path w="10361930" h="6141720">
                  <a:moveTo>
                    <a:pt x="585216" y="0"/>
                  </a:moveTo>
                  <a:lnTo>
                    <a:pt x="576072" y="0"/>
                  </a:lnTo>
                  <a:lnTo>
                    <a:pt x="576072" y="10668"/>
                  </a:lnTo>
                  <a:lnTo>
                    <a:pt x="585216" y="10668"/>
                  </a:lnTo>
                  <a:lnTo>
                    <a:pt x="585216" y="0"/>
                  </a:lnTo>
                  <a:close/>
                </a:path>
                <a:path w="10361930" h="6141720">
                  <a:moveTo>
                    <a:pt x="606552" y="0"/>
                  </a:moveTo>
                  <a:lnTo>
                    <a:pt x="595884" y="0"/>
                  </a:lnTo>
                  <a:lnTo>
                    <a:pt x="595884" y="10668"/>
                  </a:lnTo>
                  <a:lnTo>
                    <a:pt x="606552" y="10668"/>
                  </a:lnTo>
                  <a:lnTo>
                    <a:pt x="606552" y="0"/>
                  </a:lnTo>
                  <a:close/>
                </a:path>
                <a:path w="10361930" h="6141720">
                  <a:moveTo>
                    <a:pt x="626364" y="0"/>
                  </a:moveTo>
                  <a:lnTo>
                    <a:pt x="617219" y="0"/>
                  </a:lnTo>
                  <a:lnTo>
                    <a:pt x="617219" y="10668"/>
                  </a:lnTo>
                  <a:lnTo>
                    <a:pt x="626364" y="10668"/>
                  </a:lnTo>
                  <a:lnTo>
                    <a:pt x="626364" y="0"/>
                  </a:lnTo>
                  <a:close/>
                </a:path>
                <a:path w="10361930" h="6141720">
                  <a:moveTo>
                    <a:pt x="647700" y="0"/>
                  </a:moveTo>
                  <a:lnTo>
                    <a:pt x="637032" y="0"/>
                  </a:lnTo>
                  <a:lnTo>
                    <a:pt x="637032" y="10668"/>
                  </a:lnTo>
                  <a:lnTo>
                    <a:pt x="647700" y="10668"/>
                  </a:lnTo>
                  <a:lnTo>
                    <a:pt x="647700" y="0"/>
                  </a:lnTo>
                  <a:close/>
                </a:path>
                <a:path w="10361930" h="6141720">
                  <a:moveTo>
                    <a:pt x="667512" y="0"/>
                  </a:moveTo>
                  <a:lnTo>
                    <a:pt x="656844" y="0"/>
                  </a:lnTo>
                  <a:lnTo>
                    <a:pt x="656844" y="10668"/>
                  </a:lnTo>
                  <a:lnTo>
                    <a:pt x="667512" y="10668"/>
                  </a:lnTo>
                  <a:lnTo>
                    <a:pt x="667512" y="0"/>
                  </a:lnTo>
                  <a:close/>
                </a:path>
                <a:path w="10361930" h="6141720">
                  <a:moveTo>
                    <a:pt x="688847" y="0"/>
                  </a:moveTo>
                  <a:lnTo>
                    <a:pt x="678180" y="0"/>
                  </a:lnTo>
                  <a:lnTo>
                    <a:pt x="678180" y="10668"/>
                  </a:lnTo>
                  <a:lnTo>
                    <a:pt x="688847" y="10668"/>
                  </a:lnTo>
                  <a:lnTo>
                    <a:pt x="688847" y="0"/>
                  </a:lnTo>
                  <a:close/>
                </a:path>
                <a:path w="10361930" h="6141720">
                  <a:moveTo>
                    <a:pt x="708660" y="0"/>
                  </a:moveTo>
                  <a:lnTo>
                    <a:pt x="697992" y="0"/>
                  </a:lnTo>
                  <a:lnTo>
                    <a:pt x="697992" y="10668"/>
                  </a:lnTo>
                  <a:lnTo>
                    <a:pt x="708660" y="10668"/>
                  </a:lnTo>
                  <a:lnTo>
                    <a:pt x="708660" y="0"/>
                  </a:lnTo>
                  <a:close/>
                </a:path>
                <a:path w="10361930" h="6141720">
                  <a:moveTo>
                    <a:pt x="729996" y="0"/>
                  </a:moveTo>
                  <a:lnTo>
                    <a:pt x="719328" y="0"/>
                  </a:lnTo>
                  <a:lnTo>
                    <a:pt x="719328" y="10668"/>
                  </a:lnTo>
                  <a:lnTo>
                    <a:pt x="729996" y="10668"/>
                  </a:lnTo>
                  <a:lnTo>
                    <a:pt x="729996" y="0"/>
                  </a:lnTo>
                  <a:close/>
                </a:path>
                <a:path w="10361930" h="6141720">
                  <a:moveTo>
                    <a:pt x="749808" y="0"/>
                  </a:moveTo>
                  <a:lnTo>
                    <a:pt x="739140" y="0"/>
                  </a:lnTo>
                  <a:lnTo>
                    <a:pt x="739140" y="10668"/>
                  </a:lnTo>
                  <a:lnTo>
                    <a:pt x="749808" y="10668"/>
                  </a:lnTo>
                  <a:lnTo>
                    <a:pt x="749808" y="0"/>
                  </a:lnTo>
                  <a:close/>
                </a:path>
                <a:path w="10361930" h="6141720">
                  <a:moveTo>
                    <a:pt x="771144" y="0"/>
                  </a:moveTo>
                  <a:lnTo>
                    <a:pt x="760476" y="0"/>
                  </a:lnTo>
                  <a:lnTo>
                    <a:pt x="760476" y="10668"/>
                  </a:lnTo>
                  <a:lnTo>
                    <a:pt x="771144" y="10668"/>
                  </a:lnTo>
                  <a:lnTo>
                    <a:pt x="771144" y="0"/>
                  </a:lnTo>
                  <a:close/>
                </a:path>
                <a:path w="10361930" h="6141720">
                  <a:moveTo>
                    <a:pt x="790956" y="0"/>
                  </a:moveTo>
                  <a:lnTo>
                    <a:pt x="780288" y="0"/>
                  </a:lnTo>
                  <a:lnTo>
                    <a:pt x="780288" y="10668"/>
                  </a:lnTo>
                  <a:lnTo>
                    <a:pt x="790956" y="10668"/>
                  </a:lnTo>
                  <a:lnTo>
                    <a:pt x="790956" y="0"/>
                  </a:lnTo>
                  <a:close/>
                </a:path>
                <a:path w="10361930" h="6141720">
                  <a:moveTo>
                    <a:pt x="812292" y="0"/>
                  </a:moveTo>
                  <a:lnTo>
                    <a:pt x="801624" y="0"/>
                  </a:lnTo>
                  <a:lnTo>
                    <a:pt x="801624" y="10668"/>
                  </a:lnTo>
                  <a:lnTo>
                    <a:pt x="812292" y="10668"/>
                  </a:lnTo>
                  <a:lnTo>
                    <a:pt x="812292" y="0"/>
                  </a:lnTo>
                  <a:close/>
                </a:path>
                <a:path w="10361930" h="6141720">
                  <a:moveTo>
                    <a:pt x="832104" y="0"/>
                  </a:moveTo>
                  <a:lnTo>
                    <a:pt x="821436" y="0"/>
                  </a:lnTo>
                  <a:lnTo>
                    <a:pt x="821436" y="10668"/>
                  </a:lnTo>
                  <a:lnTo>
                    <a:pt x="832104" y="10668"/>
                  </a:lnTo>
                  <a:lnTo>
                    <a:pt x="832104" y="0"/>
                  </a:lnTo>
                  <a:close/>
                </a:path>
                <a:path w="10361930" h="6141720">
                  <a:moveTo>
                    <a:pt x="853440" y="0"/>
                  </a:moveTo>
                  <a:lnTo>
                    <a:pt x="842772" y="0"/>
                  </a:lnTo>
                  <a:lnTo>
                    <a:pt x="842772" y="10668"/>
                  </a:lnTo>
                  <a:lnTo>
                    <a:pt x="853440" y="10668"/>
                  </a:lnTo>
                  <a:lnTo>
                    <a:pt x="853440" y="0"/>
                  </a:lnTo>
                  <a:close/>
                </a:path>
                <a:path w="10361930" h="6141720">
                  <a:moveTo>
                    <a:pt x="873252" y="0"/>
                  </a:moveTo>
                  <a:lnTo>
                    <a:pt x="862584" y="0"/>
                  </a:lnTo>
                  <a:lnTo>
                    <a:pt x="862584" y="10668"/>
                  </a:lnTo>
                  <a:lnTo>
                    <a:pt x="873252" y="10668"/>
                  </a:lnTo>
                  <a:lnTo>
                    <a:pt x="873252" y="0"/>
                  </a:lnTo>
                  <a:close/>
                </a:path>
                <a:path w="10361930" h="6141720">
                  <a:moveTo>
                    <a:pt x="894588" y="0"/>
                  </a:moveTo>
                  <a:lnTo>
                    <a:pt x="883919" y="0"/>
                  </a:lnTo>
                  <a:lnTo>
                    <a:pt x="883919" y="10668"/>
                  </a:lnTo>
                  <a:lnTo>
                    <a:pt x="894588" y="10668"/>
                  </a:lnTo>
                  <a:lnTo>
                    <a:pt x="894588" y="0"/>
                  </a:lnTo>
                  <a:close/>
                </a:path>
                <a:path w="10361930" h="6141720">
                  <a:moveTo>
                    <a:pt x="914400" y="0"/>
                  </a:moveTo>
                  <a:lnTo>
                    <a:pt x="903732" y="0"/>
                  </a:lnTo>
                  <a:lnTo>
                    <a:pt x="903732" y="10668"/>
                  </a:lnTo>
                  <a:lnTo>
                    <a:pt x="914400" y="10668"/>
                  </a:lnTo>
                  <a:lnTo>
                    <a:pt x="914400" y="0"/>
                  </a:lnTo>
                  <a:close/>
                </a:path>
                <a:path w="10361930" h="6141720">
                  <a:moveTo>
                    <a:pt x="935736" y="0"/>
                  </a:moveTo>
                  <a:lnTo>
                    <a:pt x="925068" y="0"/>
                  </a:lnTo>
                  <a:lnTo>
                    <a:pt x="925068" y="10668"/>
                  </a:lnTo>
                  <a:lnTo>
                    <a:pt x="935736" y="10668"/>
                  </a:lnTo>
                  <a:lnTo>
                    <a:pt x="935736" y="0"/>
                  </a:lnTo>
                  <a:close/>
                </a:path>
                <a:path w="10361930" h="6141720">
                  <a:moveTo>
                    <a:pt x="955547" y="0"/>
                  </a:moveTo>
                  <a:lnTo>
                    <a:pt x="944880" y="0"/>
                  </a:lnTo>
                  <a:lnTo>
                    <a:pt x="944880" y="10668"/>
                  </a:lnTo>
                  <a:lnTo>
                    <a:pt x="955547" y="10668"/>
                  </a:lnTo>
                  <a:lnTo>
                    <a:pt x="955547" y="0"/>
                  </a:lnTo>
                  <a:close/>
                </a:path>
                <a:path w="10361930" h="6141720">
                  <a:moveTo>
                    <a:pt x="976884" y="0"/>
                  </a:moveTo>
                  <a:lnTo>
                    <a:pt x="966216" y="0"/>
                  </a:lnTo>
                  <a:lnTo>
                    <a:pt x="966216" y="10668"/>
                  </a:lnTo>
                  <a:lnTo>
                    <a:pt x="976884" y="10668"/>
                  </a:lnTo>
                  <a:lnTo>
                    <a:pt x="976884" y="0"/>
                  </a:lnTo>
                  <a:close/>
                </a:path>
                <a:path w="10361930" h="6141720">
                  <a:moveTo>
                    <a:pt x="996696" y="0"/>
                  </a:moveTo>
                  <a:lnTo>
                    <a:pt x="986028" y="0"/>
                  </a:lnTo>
                  <a:lnTo>
                    <a:pt x="986028" y="10668"/>
                  </a:lnTo>
                  <a:lnTo>
                    <a:pt x="996696" y="10668"/>
                  </a:lnTo>
                  <a:lnTo>
                    <a:pt x="996696" y="0"/>
                  </a:lnTo>
                  <a:close/>
                </a:path>
                <a:path w="10361930" h="6141720">
                  <a:moveTo>
                    <a:pt x="1018032" y="0"/>
                  </a:moveTo>
                  <a:lnTo>
                    <a:pt x="1007364" y="0"/>
                  </a:lnTo>
                  <a:lnTo>
                    <a:pt x="1007364" y="10668"/>
                  </a:lnTo>
                  <a:lnTo>
                    <a:pt x="1018032" y="10668"/>
                  </a:lnTo>
                  <a:lnTo>
                    <a:pt x="1018032" y="0"/>
                  </a:lnTo>
                  <a:close/>
                </a:path>
                <a:path w="10361930" h="6141720">
                  <a:moveTo>
                    <a:pt x="1037844" y="0"/>
                  </a:moveTo>
                  <a:lnTo>
                    <a:pt x="1027176" y="0"/>
                  </a:lnTo>
                  <a:lnTo>
                    <a:pt x="1027176" y="10668"/>
                  </a:lnTo>
                  <a:lnTo>
                    <a:pt x="1037844" y="10668"/>
                  </a:lnTo>
                  <a:lnTo>
                    <a:pt x="1037844" y="0"/>
                  </a:lnTo>
                  <a:close/>
                </a:path>
                <a:path w="10361930" h="6141720">
                  <a:moveTo>
                    <a:pt x="1059180" y="0"/>
                  </a:moveTo>
                  <a:lnTo>
                    <a:pt x="1048512" y="0"/>
                  </a:lnTo>
                  <a:lnTo>
                    <a:pt x="1048512" y="10668"/>
                  </a:lnTo>
                  <a:lnTo>
                    <a:pt x="1059180" y="10668"/>
                  </a:lnTo>
                  <a:lnTo>
                    <a:pt x="1059180" y="0"/>
                  </a:lnTo>
                  <a:close/>
                </a:path>
                <a:path w="10361930" h="6141720">
                  <a:moveTo>
                    <a:pt x="1078992" y="0"/>
                  </a:moveTo>
                  <a:lnTo>
                    <a:pt x="1068324" y="0"/>
                  </a:lnTo>
                  <a:lnTo>
                    <a:pt x="1068324" y="10668"/>
                  </a:lnTo>
                  <a:lnTo>
                    <a:pt x="1078992" y="10668"/>
                  </a:lnTo>
                  <a:lnTo>
                    <a:pt x="1078992" y="0"/>
                  </a:lnTo>
                  <a:close/>
                </a:path>
                <a:path w="10361930" h="6141720">
                  <a:moveTo>
                    <a:pt x="1100328" y="0"/>
                  </a:moveTo>
                  <a:lnTo>
                    <a:pt x="1089660" y="0"/>
                  </a:lnTo>
                  <a:lnTo>
                    <a:pt x="1089660" y="10668"/>
                  </a:lnTo>
                  <a:lnTo>
                    <a:pt x="1100328" y="10668"/>
                  </a:lnTo>
                  <a:lnTo>
                    <a:pt x="1100328" y="0"/>
                  </a:lnTo>
                  <a:close/>
                </a:path>
                <a:path w="10361930" h="6141720">
                  <a:moveTo>
                    <a:pt x="1120140" y="0"/>
                  </a:moveTo>
                  <a:lnTo>
                    <a:pt x="1109472" y="0"/>
                  </a:lnTo>
                  <a:lnTo>
                    <a:pt x="1109472" y="10668"/>
                  </a:lnTo>
                  <a:lnTo>
                    <a:pt x="1120140" y="10668"/>
                  </a:lnTo>
                  <a:lnTo>
                    <a:pt x="1120140" y="0"/>
                  </a:lnTo>
                  <a:close/>
                </a:path>
                <a:path w="10361930" h="6141720">
                  <a:moveTo>
                    <a:pt x="1141476" y="0"/>
                  </a:moveTo>
                  <a:lnTo>
                    <a:pt x="1130808" y="0"/>
                  </a:lnTo>
                  <a:lnTo>
                    <a:pt x="1130808" y="10668"/>
                  </a:lnTo>
                  <a:lnTo>
                    <a:pt x="1141476" y="10668"/>
                  </a:lnTo>
                  <a:lnTo>
                    <a:pt x="1141476" y="0"/>
                  </a:lnTo>
                  <a:close/>
                </a:path>
                <a:path w="10361930" h="6141720">
                  <a:moveTo>
                    <a:pt x="1161288" y="0"/>
                  </a:moveTo>
                  <a:lnTo>
                    <a:pt x="1150620" y="0"/>
                  </a:lnTo>
                  <a:lnTo>
                    <a:pt x="1150620" y="10668"/>
                  </a:lnTo>
                  <a:lnTo>
                    <a:pt x="1161288" y="10668"/>
                  </a:lnTo>
                  <a:lnTo>
                    <a:pt x="1161288" y="0"/>
                  </a:lnTo>
                  <a:close/>
                </a:path>
                <a:path w="10361930" h="6141720">
                  <a:moveTo>
                    <a:pt x="1182624" y="0"/>
                  </a:moveTo>
                  <a:lnTo>
                    <a:pt x="1171956" y="0"/>
                  </a:lnTo>
                  <a:lnTo>
                    <a:pt x="1171956" y="10668"/>
                  </a:lnTo>
                  <a:lnTo>
                    <a:pt x="1182624" y="10668"/>
                  </a:lnTo>
                  <a:lnTo>
                    <a:pt x="1182624" y="0"/>
                  </a:lnTo>
                  <a:close/>
                </a:path>
                <a:path w="10361930" h="6141720">
                  <a:moveTo>
                    <a:pt x="1202436" y="0"/>
                  </a:moveTo>
                  <a:lnTo>
                    <a:pt x="1191768" y="0"/>
                  </a:lnTo>
                  <a:lnTo>
                    <a:pt x="1191768" y="10668"/>
                  </a:lnTo>
                  <a:lnTo>
                    <a:pt x="1202436" y="10668"/>
                  </a:lnTo>
                  <a:lnTo>
                    <a:pt x="1202436" y="0"/>
                  </a:lnTo>
                  <a:close/>
                </a:path>
                <a:path w="10361930" h="6141720">
                  <a:moveTo>
                    <a:pt x="1223772" y="0"/>
                  </a:moveTo>
                  <a:lnTo>
                    <a:pt x="1213104" y="0"/>
                  </a:lnTo>
                  <a:lnTo>
                    <a:pt x="1213104" y="10668"/>
                  </a:lnTo>
                  <a:lnTo>
                    <a:pt x="1223772" y="10668"/>
                  </a:lnTo>
                  <a:lnTo>
                    <a:pt x="1223772" y="0"/>
                  </a:lnTo>
                  <a:close/>
                </a:path>
                <a:path w="10361930" h="6141720">
                  <a:moveTo>
                    <a:pt x="1243584" y="0"/>
                  </a:moveTo>
                  <a:lnTo>
                    <a:pt x="1232916" y="0"/>
                  </a:lnTo>
                  <a:lnTo>
                    <a:pt x="1232916" y="10668"/>
                  </a:lnTo>
                  <a:lnTo>
                    <a:pt x="1243584" y="10668"/>
                  </a:lnTo>
                  <a:lnTo>
                    <a:pt x="1243584" y="0"/>
                  </a:lnTo>
                  <a:close/>
                </a:path>
                <a:path w="10361930" h="6141720">
                  <a:moveTo>
                    <a:pt x="1263396" y="0"/>
                  </a:moveTo>
                  <a:lnTo>
                    <a:pt x="1254252" y="0"/>
                  </a:lnTo>
                  <a:lnTo>
                    <a:pt x="1254252" y="10668"/>
                  </a:lnTo>
                  <a:lnTo>
                    <a:pt x="1263396" y="10668"/>
                  </a:lnTo>
                  <a:lnTo>
                    <a:pt x="1263396" y="0"/>
                  </a:lnTo>
                  <a:close/>
                </a:path>
                <a:path w="10361930" h="6141720">
                  <a:moveTo>
                    <a:pt x="1284732" y="0"/>
                  </a:moveTo>
                  <a:lnTo>
                    <a:pt x="1274064" y="0"/>
                  </a:lnTo>
                  <a:lnTo>
                    <a:pt x="1274064" y="10668"/>
                  </a:lnTo>
                  <a:lnTo>
                    <a:pt x="1284732" y="10668"/>
                  </a:lnTo>
                  <a:lnTo>
                    <a:pt x="1284732" y="0"/>
                  </a:lnTo>
                  <a:close/>
                </a:path>
                <a:path w="10361930" h="6141720">
                  <a:moveTo>
                    <a:pt x="1304544" y="0"/>
                  </a:moveTo>
                  <a:lnTo>
                    <a:pt x="1295400" y="0"/>
                  </a:lnTo>
                  <a:lnTo>
                    <a:pt x="1295400" y="10668"/>
                  </a:lnTo>
                  <a:lnTo>
                    <a:pt x="1304544" y="10668"/>
                  </a:lnTo>
                  <a:lnTo>
                    <a:pt x="1304544" y="0"/>
                  </a:lnTo>
                  <a:close/>
                </a:path>
                <a:path w="10361930" h="6141720">
                  <a:moveTo>
                    <a:pt x="1325880" y="0"/>
                  </a:moveTo>
                  <a:lnTo>
                    <a:pt x="1315212" y="0"/>
                  </a:lnTo>
                  <a:lnTo>
                    <a:pt x="1315212" y="10668"/>
                  </a:lnTo>
                  <a:lnTo>
                    <a:pt x="1325880" y="10668"/>
                  </a:lnTo>
                  <a:lnTo>
                    <a:pt x="1325880" y="0"/>
                  </a:lnTo>
                  <a:close/>
                </a:path>
                <a:path w="10361930" h="6141720">
                  <a:moveTo>
                    <a:pt x="1345692" y="0"/>
                  </a:moveTo>
                  <a:lnTo>
                    <a:pt x="1336548" y="0"/>
                  </a:lnTo>
                  <a:lnTo>
                    <a:pt x="1336548" y="10668"/>
                  </a:lnTo>
                  <a:lnTo>
                    <a:pt x="1345692" y="10668"/>
                  </a:lnTo>
                  <a:lnTo>
                    <a:pt x="1345692" y="0"/>
                  </a:lnTo>
                  <a:close/>
                </a:path>
                <a:path w="10361930" h="6141720">
                  <a:moveTo>
                    <a:pt x="1367028" y="0"/>
                  </a:moveTo>
                  <a:lnTo>
                    <a:pt x="1356360" y="0"/>
                  </a:lnTo>
                  <a:lnTo>
                    <a:pt x="1356360" y="10668"/>
                  </a:lnTo>
                  <a:lnTo>
                    <a:pt x="1367028" y="10668"/>
                  </a:lnTo>
                  <a:lnTo>
                    <a:pt x="1367028" y="0"/>
                  </a:lnTo>
                  <a:close/>
                </a:path>
                <a:path w="10361930" h="6141720">
                  <a:moveTo>
                    <a:pt x="1386840" y="0"/>
                  </a:moveTo>
                  <a:lnTo>
                    <a:pt x="1377696" y="0"/>
                  </a:lnTo>
                  <a:lnTo>
                    <a:pt x="1377696" y="10668"/>
                  </a:lnTo>
                  <a:lnTo>
                    <a:pt x="1386840" y="10668"/>
                  </a:lnTo>
                  <a:lnTo>
                    <a:pt x="1386840" y="0"/>
                  </a:lnTo>
                  <a:close/>
                </a:path>
                <a:path w="10361930" h="6141720">
                  <a:moveTo>
                    <a:pt x="1408176" y="0"/>
                  </a:moveTo>
                  <a:lnTo>
                    <a:pt x="1397508" y="0"/>
                  </a:lnTo>
                  <a:lnTo>
                    <a:pt x="1397508" y="10668"/>
                  </a:lnTo>
                  <a:lnTo>
                    <a:pt x="1408176" y="10668"/>
                  </a:lnTo>
                  <a:lnTo>
                    <a:pt x="1408176" y="0"/>
                  </a:lnTo>
                  <a:close/>
                </a:path>
                <a:path w="10361930" h="6141720">
                  <a:moveTo>
                    <a:pt x="1427988" y="0"/>
                  </a:moveTo>
                  <a:lnTo>
                    <a:pt x="1418844" y="0"/>
                  </a:lnTo>
                  <a:lnTo>
                    <a:pt x="1418844" y="10668"/>
                  </a:lnTo>
                  <a:lnTo>
                    <a:pt x="1427988" y="10668"/>
                  </a:lnTo>
                  <a:lnTo>
                    <a:pt x="1427988" y="0"/>
                  </a:lnTo>
                  <a:close/>
                </a:path>
                <a:path w="10361930" h="6141720">
                  <a:moveTo>
                    <a:pt x="1449324" y="0"/>
                  </a:moveTo>
                  <a:lnTo>
                    <a:pt x="1438656" y="0"/>
                  </a:lnTo>
                  <a:lnTo>
                    <a:pt x="1438656" y="10668"/>
                  </a:lnTo>
                  <a:lnTo>
                    <a:pt x="1449324" y="10668"/>
                  </a:lnTo>
                  <a:lnTo>
                    <a:pt x="1449324" y="0"/>
                  </a:lnTo>
                  <a:close/>
                </a:path>
                <a:path w="10361930" h="6141720">
                  <a:moveTo>
                    <a:pt x="1469136" y="0"/>
                  </a:moveTo>
                  <a:lnTo>
                    <a:pt x="1459992" y="0"/>
                  </a:lnTo>
                  <a:lnTo>
                    <a:pt x="1459992" y="10668"/>
                  </a:lnTo>
                  <a:lnTo>
                    <a:pt x="1469136" y="10668"/>
                  </a:lnTo>
                  <a:lnTo>
                    <a:pt x="1469136" y="0"/>
                  </a:lnTo>
                  <a:close/>
                </a:path>
                <a:path w="10361930" h="6141720">
                  <a:moveTo>
                    <a:pt x="1490472" y="0"/>
                  </a:moveTo>
                  <a:lnTo>
                    <a:pt x="1479804" y="0"/>
                  </a:lnTo>
                  <a:lnTo>
                    <a:pt x="1479804" y="10668"/>
                  </a:lnTo>
                  <a:lnTo>
                    <a:pt x="1490472" y="10668"/>
                  </a:lnTo>
                  <a:lnTo>
                    <a:pt x="1490472" y="0"/>
                  </a:lnTo>
                  <a:close/>
                </a:path>
                <a:path w="10361930" h="6141720">
                  <a:moveTo>
                    <a:pt x="1510283" y="0"/>
                  </a:moveTo>
                  <a:lnTo>
                    <a:pt x="1501139" y="0"/>
                  </a:lnTo>
                  <a:lnTo>
                    <a:pt x="1501139" y="10668"/>
                  </a:lnTo>
                  <a:lnTo>
                    <a:pt x="1510283" y="10668"/>
                  </a:lnTo>
                  <a:lnTo>
                    <a:pt x="1510283" y="0"/>
                  </a:lnTo>
                  <a:close/>
                </a:path>
                <a:path w="10361930" h="6141720">
                  <a:moveTo>
                    <a:pt x="1531620" y="0"/>
                  </a:moveTo>
                  <a:lnTo>
                    <a:pt x="1520952" y="0"/>
                  </a:lnTo>
                  <a:lnTo>
                    <a:pt x="1520952" y="10668"/>
                  </a:lnTo>
                  <a:lnTo>
                    <a:pt x="1531620" y="10668"/>
                  </a:lnTo>
                  <a:lnTo>
                    <a:pt x="1531620" y="0"/>
                  </a:lnTo>
                  <a:close/>
                </a:path>
                <a:path w="10361930" h="6141720">
                  <a:moveTo>
                    <a:pt x="1551432" y="0"/>
                  </a:moveTo>
                  <a:lnTo>
                    <a:pt x="1542288" y="0"/>
                  </a:lnTo>
                  <a:lnTo>
                    <a:pt x="1542288" y="10668"/>
                  </a:lnTo>
                  <a:lnTo>
                    <a:pt x="1551432" y="10668"/>
                  </a:lnTo>
                  <a:lnTo>
                    <a:pt x="1551432" y="0"/>
                  </a:lnTo>
                  <a:close/>
                </a:path>
                <a:path w="10361930" h="6141720">
                  <a:moveTo>
                    <a:pt x="1572768" y="0"/>
                  </a:moveTo>
                  <a:lnTo>
                    <a:pt x="1562100" y="0"/>
                  </a:lnTo>
                  <a:lnTo>
                    <a:pt x="1562100" y="10668"/>
                  </a:lnTo>
                  <a:lnTo>
                    <a:pt x="1572768" y="10668"/>
                  </a:lnTo>
                  <a:lnTo>
                    <a:pt x="1572768" y="0"/>
                  </a:lnTo>
                  <a:close/>
                </a:path>
                <a:path w="10361930" h="6141720">
                  <a:moveTo>
                    <a:pt x="1592580" y="0"/>
                  </a:moveTo>
                  <a:lnTo>
                    <a:pt x="1583436" y="0"/>
                  </a:lnTo>
                  <a:lnTo>
                    <a:pt x="1583436" y="10668"/>
                  </a:lnTo>
                  <a:lnTo>
                    <a:pt x="1592580" y="10668"/>
                  </a:lnTo>
                  <a:lnTo>
                    <a:pt x="1592580" y="0"/>
                  </a:lnTo>
                  <a:close/>
                </a:path>
                <a:path w="10361930" h="6141720">
                  <a:moveTo>
                    <a:pt x="1613916" y="0"/>
                  </a:moveTo>
                  <a:lnTo>
                    <a:pt x="1603248" y="0"/>
                  </a:lnTo>
                  <a:lnTo>
                    <a:pt x="1603248" y="10668"/>
                  </a:lnTo>
                  <a:lnTo>
                    <a:pt x="1613916" y="10668"/>
                  </a:lnTo>
                  <a:lnTo>
                    <a:pt x="1613916" y="0"/>
                  </a:lnTo>
                  <a:close/>
                </a:path>
                <a:path w="10361930" h="6141720">
                  <a:moveTo>
                    <a:pt x="1633728" y="0"/>
                  </a:moveTo>
                  <a:lnTo>
                    <a:pt x="1624583" y="0"/>
                  </a:lnTo>
                  <a:lnTo>
                    <a:pt x="1624583" y="10668"/>
                  </a:lnTo>
                  <a:lnTo>
                    <a:pt x="1633728" y="10668"/>
                  </a:lnTo>
                  <a:lnTo>
                    <a:pt x="1633728" y="0"/>
                  </a:lnTo>
                  <a:close/>
                </a:path>
                <a:path w="10361930" h="6141720">
                  <a:moveTo>
                    <a:pt x="1655064" y="0"/>
                  </a:moveTo>
                  <a:lnTo>
                    <a:pt x="1644395" y="0"/>
                  </a:lnTo>
                  <a:lnTo>
                    <a:pt x="1644395" y="10668"/>
                  </a:lnTo>
                  <a:lnTo>
                    <a:pt x="1655064" y="10668"/>
                  </a:lnTo>
                  <a:lnTo>
                    <a:pt x="1655064" y="0"/>
                  </a:lnTo>
                  <a:close/>
                </a:path>
                <a:path w="10361930" h="6141720">
                  <a:moveTo>
                    <a:pt x="1674876" y="0"/>
                  </a:moveTo>
                  <a:lnTo>
                    <a:pt x="1665732" y="0"/>
                  </a:lnTo>
                  <a:lnTo>
                    <a:pt x="1665732" y="10668"/>
                  </a:lnTo>
                  <a:lnTo>
                    <a:pt x="1674876" y="10668"/>
                  </a:lnTo>
                  <a:lnTo>
                    <a:pt x="1674876" y="0"/>
                  </a:lnTo>
                  <a:close/>
                </a:path>
                <a:path w="10361930" h="6141720">
                  <a:moveTo>
                    <a:pt x="1696212" y="0"/>
                  </a:moveTo>
                  <a:lnTo>
                    <a:pt x="1685544" y="0"/>
                  </a:lnTo>
                  <a:lnTo>
                    <a:pt x="1685544" y="10668"/>
                  </a:lnTo>
                  <a:lnTo>
                    <a:pt x="1696212" y="10668"/>
                  </a:lnTo>
                  <a:lnTo>
                    <a:pt x="1696212" y="0"/>
                  </a:lnTo>
                  <a:close/>
                </a:path>
                <a:path w="10361930" h="6141720">
                  <a:moveTo>
                    <a:pt x="1716024" y="0"/>
                  </a:moveTo>
                  <a:lnTo>
                    <a:pt x="1706880" y="0"/>
                  </a:lnTo>
                  <a:lnTo>
                    <a:pt x="1706880" y="10668"/>
                  </a:lnTo>
                  <a:lnTo>
                    <a:pt x="1716024" y="10668"/>
                  </a:lnTo>
                  <a:lnTo>
                    <a:pt x="1716024" y="0"/>
                  </a:lnTo>
                  <a:close/>
                </a:path>
                <a:path w="10361930" h="6141720">
                  <a:moveTo>
                    <a:pt x="1737360" y="0"/>
                  </a:moveTo>
                  <a:lnTo>
                    <a:pt x="1726692" y="0"/>
                  </a:lnTo>
                  <a:lnTo>
                    <a:pt x="1726692" y="10668"/>
                  </a:lnTo>
                  <a:lnTo>
                    <a:pt x="1737360" y="10668"/>
                  </a:lnTo>
                  <a:lnTo>
                    <a:pt x="1737360" y="0"/>
                  </a:lnTo>
                  <a:close/>
                </a:path>
                <a:path w="10361930" h="6141720">
                  <a:moveTo>
                    <a:pt x="1757172" y="0"/>
                  </a:moveTo>
                  <a:lnTo>
                    <a:pt x="1748028" y="0"/>
                  </a:lnTo>
                  <a:lnTo>
                    <a:pt x="1748028" y="10668"/>
                  </a:lnTo>
                  <a:lnTo>
                    <a:pt x="1757172" y="10668"/>
                  </a:lnTo>
                  <a:lnTo>
                    <a:pt x="1757172" y="0"/>
                  </a:lnTo>
                  <a:close/>
                </a:path>
                <a:path w="10361930" h="6141720">
                  <a:moveTo>
                    <a:pt x="1778508" y="0"/>
                  </a:moveTo>
                  <a:lnTo>
                    <a:pt x="1767839" y="0"/>
                  </a:lnTo>
                  <a:lnTo>
                    <a:pt x="1767839" y="10668"/>
                  </a:lnTo>
                  <a:lnTo>
                    <a:pt x="1778508" y="10668"/>
                  </a:lnTo>
                  <a:lnTo>
                    <a:pt x="1778508" y="0"/>
                  </a:lnTo>
                  <a:close/>
                </a:path>
                <a:path w="10361930" h="6141720">
                  <a:moveTo>
                    <a:pt x="1798320" y="0"/>
                  </a:moveTo>
                  <a:lnTo>
                    <a:pt x="1789176" y="0"/>
                  </a:lnTo>
                  <a:lnTo>
                    <a:pt x="1789176" y="10668"/>
                  </a:lnTo>
                  <a:lnTo>
                    <a:pt x="1798320" y="10668"/>
                  </a:lnTo>
                  <a:lnTo>
                    <a:pt x="1798320" y="0"/>
                  </a:lnTo>
                  <a:close/>
                </a:path>
                <a:path w="10361930" h="6141720">
                  <a:moveTo>
                    <a:pt x="1819656" y="0"/>
                  </a:moveTo>
                  <a:lnTo>
                    <a:pt x="1808988" y="0"/>
                  </a:lnTo>
                  <a:lnTo>
                    <a:pt x="1808988" y="10668"/>
                  </a:lnTo>
                  <a:lnTo>
                    <a:pt x="1819656" y="10668"/>
                  </a:lnTo>
                  <a:lnTo>
                    <a:pt x="1819656" y="0"/>
                  </a:lnTo>
                  <a:close/>
                </a:path>
                <a:path w="10361930" h="6141720">
                  <a:moveTo>
                    <a:pt x="1839468" y="0"/>
                  </a:moveTo>
                  <a:lnTo>
                    <a:pt x="1830324" y="0"/>
                  </a:lnTo>
                  <a:lnTo>
                    <a:pt x="1830324" y="10668"/>
                  </a:lnTo>
                  <a:lnTo>
                    <a:pt x="1839468" y="10668"/>
                  </a:lnTo>
                  <a:lnTo>
                    <a:pt x="1839468" y="0"/>
                  </a:lnTo>
                  <a:close/>
                </a:path>
                <a:path w="10361930" h="6141720">
                  <a:moveTo>
                    <a:pt x="1860804" y="0"/>
                  </a:moveTo>
                  <a:lnTo>
                    <a:pt x="1850136" y="0"/>
                  </a:lnTo>
                  <a:lnTo>
                    <a:pt x="1850136" y="10668"/>
                  </a:lnTo>
                  <a:lnTo>
                    <a:pt x="1860804" y="10668"/>
                  </a:lnTo>
                  <a:lnTo>
                    <a:pt x="1860804" y="0"/>
                  </a:lnTo>
                  <a:close/>
                </a:path>
                <a:path w="10361930" h="6141720">
                  <a:moveTo>
                    <a:pt x="1880616" y="0"/>
                  </a:moveTo>
                  <a:lnTo>
                    <a:pt x="1869948" y="0"/>
                  </a:lnTo>
                  <a:lnTo>
                    <a:pt x="1869948" y="10668"/>
                  </a:lnTo>
                  <a:lnTo>
                    <a:pt x="1880616" y="10668"/>
                  </a:lnTo>
                  <a:lnTo>
                    <a:pt x="1880616" y="0"/>
                  </a:lnTo>
                  <a:close/>
                </a:path>
                <a:path w="10361930" h="6141720">
                  <a:moveTo>
                    <a:pt x="1901952" y="0"/>
                  </a:moveTo>
                  <a:lnTo>
                    <a:pt x="1891283" y="0"/>
                  </a:lnTo>
                  <a:lnTo>
                    <a:pt x="1891283" y="10668"/>
                  </a:lnTo>
                  <a:lnTo>
                    <a:pt x="1901952" y="10668"/>
                  </a:lnTo>
                  <a:lnTo>
                    <a:pt x="1901952" y="0"/>
                  </a:lnTo>
                  <a:close/>
                </a:path>
                <a:path w="10361930" h="6141720">
                  <a:moveTo>
                    <a:pt x="1921764" y="0"/>
                  </a:moveTo>
                  <a:lnTo>
                    <a:pt x="1911095" y="0"/>
                  </a:lnTo>
                  <a:lnTo>
                    <a:pt x="1911095" y="10668"/>
                  </a:lnTo>
                  <a:lnTo>
                    <a:pt x="1921764" y="10668"/>
                  </a:lnTo>
                  <a:lnTo>
                    <a:pt x="1921764" y="0"/>
                  </a:lnTo>
                  <a:close/>
                </a:path>
                <a:path w="10361930" h="6141720">
                  <a:moveTo>
                    <a:pt x="1943100" y="0"/>
                  </a:moveTo>
                  <a:lnTo>
                    <a:pt x="1932432" y="0"/>
                  </a:lnTo>
                  <a:lnTo>
                    <a:pt x="1932432" y="10668"/>
                  </a:lnTo>
                  <a:lnTo>
                    <a:pt x="1943100" y="10668"/>
                  </a:lnTo>
                  <a:lnTo>
                    <a:pt x="1943100" y="0"/>
                  </a:lnTo>
                  <a:close/>
                </a:path>
                <a:path w="10361930" h="6141720">
                  <a:moveTo>
                    <a:pt x="1962912" y="0"/>
                  </a:moveTo>
                  <a:lnTo>
                    <a:pt x="1952244" y="0"/>
                  </a:lnTo>
                  <a:lnTo>
                    <a:pt x="1952244" y="10668"/>
                  </a:lnTo>
                  <a:lnTo>
                    <a:pt x="1962912" y="10668"/>
                  </a:lnTo>
                  <a:lnTo>
                    <a:pt x="1962912" y="0"/>
                  </a:lnTo>
                  <a:close/>
                </a:path>
                <a:path w="10361930" h="6141720">
                  <a:moveTo>
                    <a:pt x="1984248" y="0"/>
                  </a:moveTo>
                  <a:lnTo>
                    <a:pt x="1973580" y="0"/>
                  </a:lnTo>
                  <a:lnTo>
                    <a:pt x="1973580" y="10668"/>
                  </a:lnTo>
                  <a:lnTo>
                    <a:pt x="1984248" y="10668"/>
                  </a:lnTo>
                  <a:lnTo>
                    <a:pt x="1984248" y="0"/>
                  </a:lnTo>
                  <a:close/>
                </a:path>
                <a:path w="10361930" h="6141720">
                  <a:moveTo>
                    <a:pt x="2004060" y="0"/>
                  </a:moveTo>
                  <a:lnTo>
                    <a:pt x="1993392" y="0"/>
                  </a:lnTo>
                  <a:lnTo>
                    <a:pt x="1993392" y="10668"/>
                  </a:lnTo>
                  <a:lnTo>
                    <a:pt x="2004060" y="10668"/>
                  </a:lnTo>
                  <a:lnTo>
                    <a:pt x="2004060" y="0"/>
                  </a:lnTo>
                  <a:close/>
                </a:path>
                <a:path w="10361930" h="6141720">
                  <a:moveTo>
                    <a:pt x="2025395" y="0"/>
                  </a:moveTo>
                  <a:lnTo>
                    <a:pt x="2014728" y="0"/>
                  </a:lnTo>
                  <a:lnTo>
                    <a:pt x="2014728" y="10668"/>
                  </a:lnTo>
                  <a:lnTo>
                    <a:pt x="2025395" y="10668"/>
                  </a:lnTo>
                  <a:lnTo>
                    <a:pt x="2025395" y="0"/>
                  </a:lnTo>
                  <a:close/>
                </a:path>
                <a:path w="10361930" h="6141720">
                  <a:moveTo>
                    <a:pt x="2045208" y="0"/>
                  </a:moveTo>
                  <a:lnTo>
                    <a:pt x="2034539" y="0"/>
                  </a:lnTo>
                  <a:lnTo>
                    <a:pt x="2034539" y="10668"/>
                  </a:lnTo>
                  <a:lnTo>
                    <a:pt x="2045208" y="10668"/>
                  </a:lnTo>
                  <a:lnTo>
                    <a:pt x="2045208" y="0"/>
                  </a:lnTo>
                  <a:close/>
                </a:path>
                <a:path w="10361930" h="6141720">
                  <a:moveTo>
                    <a:pt x="2066544" y="0"/>
                  </a:moveTo>
                  <a:lnTo>
                    <a:pt x="2055876" y="0"/>
                  </a:lnTo>
                  <a:lnTo>
                    <a:pt x="2055876" y="10668"/>
                  </a:lnTo>
                  <a:lnTo>
                    <a:pt x="2066544" y="10668"/>
                  </a:lnTo>
                  <a:lnTo>
                    <a:pt x="2066544" y="0"/>
                  </a:lnTo>
                  <a:close/>
                </a:path>
                <a:path w="10361930" h="6141720">
                  <a:moveTo>
                    <a:pt x="2086356" y="0"/>
                  </a:moveTo>
                  <a:lnTo>
                    <a:pt x="2075688" y="0"/>
                  </a:lnTo>
                  <a:lnTo>
                    <a:pt x="2075688" y="10668"/>
                  </a:lnTo>
                  <a:lnTo>
                    <a:pt x="2086356" y="10668"/>
                  </a:lnTo>
                  <a:lnTo>
                    <a:pt x="2086356" y="0"/>
                  </a:lnTo>
                  <a:close/>
                </a:path>
                <a:path w="10361930" h="6141720">
                  <a:moveTo>
                    <a:pt x="2107692" y="0"/>
                  </a:moveTo>
                  <a:lnTo>
                    <a:pt x="2097024" y="0"/>
                  </a:lnTo>
                  <a:lnTo>
                    <a:pt x="2097024" y="10668"/>
                  </a:lnTo>
                  <a:lnTo>
                    <a:pt x="2107692" y="10668"/>
                  </a:lnTo>
                  <a:lnTo>
                    <a:pt x="2107692" y="0"/>
                  </a:lnTo>
                  <a:close/>
                </a:path>
                <a:path w="10361930" h="6141720">
                  <a:moveTo>
                    <a:pt x="2127504" y="0"/>
                  </a:moveTo>
                  <a:lnTo>
                    <a:pt x="2116836" y="0"/>
                  </a:lnTo>
                  <a:lnTo>
                    <a:pt x="2116836" y="10668"/>
                  </a:lnTo>
                  <a:lnTo>
                    <a:pt x="2127504" y="10668"/>
                  </a:lnTo>
                  <a:lnTo>
                    <a:pt x="2127504" y="0"/>
                  </a:lnTo>
                  <a:close/>
                </a:path>
                <a:path w="10361930" h="6141720">
                  <a:moveTo>
                    <a:pt x="2148840" y="0"/>
                  </a:moveTo>
                  <a:lnTo>
                    <a:pt x="2138172" y="0"/>
                  </a:lnTo>
                  <a:lnTo>
                    <a:pt x="2138172" y="10668"/>
                  </a:lnTo>
                  <a:lnTo>
                    <a:pt x="2148840" y="10668"/>
                  </a:lnTo>
                  <a:lnTo>
                    <a:pt x="2148840" y="0"/>
                  </a:lnTo>
                  <a:close/>
                </a:path>
                <a:path w="10361930" h="6141720">
                  <a:moveTo>
                    <a:pt x="2168652" y="0"/>
                  </a:moveTo>
                  <a:lnTo>
                    <a:pt x="2157984" y="0"/>
                  </a:lnTo>
                  <a:lnTo>
                    <a:pt x="2157984" y="10668"/>
                  </a:lnTo>
                  <a:lnTo>
                    <a:pt x="2168652" y="10668"/>
                  </a:lnTo>
                  <a:lnTo>
                    <a:pt x="2168652" y="0"/>
                  </a:lnTo>
                  <a:close/>
                </a:path>
                <a:path w="10361930" h="6141720">
                  <a:moveTo>
                    <a:pt x="2189988" y="0"/>
                  </a:moveTo>
                  <a:lnTo>
                    <a:pt x="2179320" y="0"/>
                  </a:lnTo>
                  <a:lnTo>
                    <a:pt x="2179320" y="10668"/>
                  </a:lnTo>
                  <a:lnTo>
                    <a:pt x="2189988" y="10668"/>
                  </a:lnTo>
                  <a:lnTo>
                    <a:pt x="2189988" y="0"/>
                  </a:lnTo>
                  <a:close/>
                </a:path>
                <a:path w="10361930" h="6141720">
                  <a:moveTo>
                    <a:pt x="2209800" y="0"/>
                  </a:moveTo>
                  <a:lnTo>
                    <a:pt x="2199132" y="0"/>
                  </a:lnTo>
                  <a:lnTo>
                    <a:pt x="2199132" y="10668"/>
                  </a:lnTo>
                  <a:lnTo>
                    <a:pt x="2209800" y="10668"/>
                  </a:lnTo>
                  <a:lnTo>
                    <a:pt x="2209800" y="0"/>
                  </a:lnTo>
                  <a:close/>
                </a:path>
                <a:path w="10361930" h="6141720">
                  <a:moveTo>
                    <a:pt x="2231136" y="0"/>
                  </a:moveTo>
                  <a:lnTo>
                    <a:pt x="2220468" y="0"/>
                  </a:lnTo>
                  <a:lnTo>
                    <a:pt x="2220468" y="10668"/>
                  </a:lnTo>
                  <a:lnTo>
                    <a:pt x="2231136" y="10668"/>
                  </a:lnTo>
                  <a:lnTo>
                    <a:pt x="2231136" y="0"/>
                  </a:lnTo>
                  <a:close/>
                </a:path>
                <a:path w="10361930" h="6141720">
                  <a:moveTo>
                    <a:pt x="2250948" y="0"/>
                  </a:moveTo>
                  <a:lnTo>
                    <a:pt x="2240280" y="0"/>
                  </a:lnTo>
                  <a:lnTo>
                    <a:pt x="2240280" y="10668"/>
                  </a:lnTo>
                  <a:lnTo>
                    <a:pt x="2250948" y="10668"/>
                  </a:lnTo>
                  <a:lnTo>
                    <a:pt x="2250948" y="0"/>
                  </a:lnTo>
                  <a:close/>
                </a:path>
                <a:path w="10361930" h="6141720">
                  <a:moveTo>
                    <a:pt x="2272284" y="0"/>
                  </a:moveTo>
                  <a:lnTo>
                    <a:pt x="2261616" y="0"/>
                  </a:lnTo>
                  <a:lnTo>
                    <a:pt x="2261616" y="10668"/>
                  </a:lnTo>
                  <a:lnTo>
                    <a:pt x="2272284" y="10668"/>
                  </a:lnTo>
                  <a:lnTo>
                    <a:pt x="2272284" y="0"/>
                  </a:lnTo>
                  <a:close/>
                </a:path>
                <a:path w="10361930" h="6141720">
                  <a:moveTo>
                    <a:pt x="2292096" y="0"/>
                  </a:moveTo>
                  <a:lnTo>
                    <a:pt x="2281428" y="0"/>
                  </a:lnTo>
                  <a:lnTo>
                    <a:pt x="2281428" y="10668"/>
                  </a:lnTo>
                  <a:lnTo>
                    <a:pt x="2292096" y="10668"/>
                  </a:lnTo>
                  <a:lnTo>
                    <a:pt x="2292096" y="0"/>
                  </a:lnTo>
                  <a:close/>
                </a:path>
                <a:path w="10361930" h="6141720">
                  <a:moveTo>
                    <a:pt x="2313432" y="0"/>
                  </a:moveTo>
                  <a:lnTo>
                    <a:pt x="2302764" y="0"/>
                  </a:lnTo>
                  <a:lnTo>
                    <a:pt x="2302764" y="10668"/>
                  </a:lnTo>
                  <a:lnTo>
                    <a:pt x="2313432" y="10668"/>
                  </a:lnTo>
                  <a:lnTo>
                    <a:pt x="2313432" y="0"/>
                  </a:lnTo>
                  <a:close/>
                </a:path>
                <a:path w="10361930" h="6141720">
                  <a:moveTo>
                    <a:pt x="2333244" y="0"/>
                  </a:moveTo>
                  <a:lnTo>
                    <a:pt x="2322576" y="0"/>
                  </a:lnTo>
                  <a:lnTo>
                    <a:pt x="2322576" y="10668"/>
                  </a:lnTo>
                  <a:lnTo>
                    <a:pt x="2333244" y="10668"/>
                  </a:lnTo>
                  <a:lnTo>
                    <a:pt x="2333244" y="0"/>
                  </a:lnTo>
                  <a:close/>
                </a:path>
                <a:path w="10361930" h="6141720">
                  <a:moveTo>
                    <a:pt x="2354580" y="0"/>
                  </a:moveTo>
                  <a:lnTo>
                    <a:pt x="2343912" y="0"/>
                  </a:lnTo>
                  <a:lnTo>
                    <a:pt x="2343912" y="10668"/>
                  </a:lnTo>
                  <a:lnTo>
                    <a:pt x="2354580" y="10668"/>
                  </a:lnTo>
                  <a:lnTo>
                    <a:pt x="2354580" y="0"/>
                  </a:lnTo>
                  <a:close/>
                </a:path>
                <a:path w="10361930" h="6141720">
                  <a:moveTo>
                    <a:pt x="2374392" y="0"/>
                  </a:moveTo>
                  <a:lnTo>
                    <a:pt x="2363724" y="0"/>
                  </a:lnTo>
                  <a:lnTo>
                    <a:pt x="2363724" y="10668"/>
                  </a:lnTo>
                  <a:lnTo>
                    <a:pt x="2374392" y="10668"/>
                  </a:lnTo>
                  <a:lnTo>
                    <a:pt x="2374392" y="0"/>
                  </a:lnTo>
                  <a:close/>
                </a:path>
                <a:path w="10361930" h="6141720">
                  <a:moveTo>
                    <a:pt x="2395728" y="0"/>
                  </a:moveTo>
                  <a:lnTo>
                    <a:pt x="2385060" y="0"/>
                  </a:lnTo>
                  <a:lnTo>
                    <a:pt x="2385060" y="10668"/>
                  </a:lnTo>
                  <a:lnTo>
                    <a:pt x="2395728" y="10668"/>
                  </a:lnTo>
                  <a:lnTo>
                    <a:pt x="2395728" y="0"/>
                  </a:lnTo>
                  <a:close/>
                </a:path>
                <a:path w="10361930" h="6141720">
                  <a:moveTo>
                    <a:pt x="2415540" y="0"/>
                  </a:moveTo>
                  <a:lnTo>
                    <a:pt x="2404872" y="0"/>
                  </a:lnTo>
                  <a:lnTo>
                    <a:pt x="2404872" y="10668"/>
                  </a:lnTo>
                  <a:lnTo>
                    <a:pt x="2415540" y="10668"/>
                  </a:lnTo>
                  <a:lnTo>
                    <a:pt x="2415540" y="0"/>
                  </a:lnTo>
                  <a:close/>
                </a:path>
                <a:path w="10361930" h="6141720">
                  <a:moveTo>
                    <a:pt x="2436876" y="0"/>
                  </a:moveTo>
                  <a:lnTo>
                    <a:pt x="2426208" y="0"/>
                  </a:lnTo>
                  <a:lnTo>
                    <a:pt x="2426208" y="10668"/>
                  </a:lnTo>
                  <a:lnTo>
                    <a:pt x="2436876" y="10668"/>
                  </a:lnTo>
                  <a:lnTo>
                    <a:pt x="2436876" y="0"/>
                  </a:lnTo>
                  <a:close/>
                </a:path>
                <a:path w="10361930" h="6141720">
                  <a:moveTo>
                    <a:pt x="2456688" y="0"/>
                  </a:moveTo>
                  <a:lnTo>
                    <a:pt x="2446020" y="0"/>
                  </a:lnTo>
                  <a:lnTo>
                    <a:pt x="2446020" y="10668"/>
                  </a:lnTo>
                  <a:lnTo>
                    <a:pt x="2456688" y="10668"/>
                  </a:lnTo>
                  <a:lnTo>
                    <a:pt x="2456688" y="0"/>
                  </a:lnTo>
                  <a:close/>
                </a:path>
                <a:path w="10361930" h="6141720">
                  <a:moveTo>
                    <a:pt x="2476500" y="0"/>
                  </a:moveTo>
                  <a:lnTo>
                    <a:pt x="2467356" y="0"/>
                  </a:lnTo>
                  <a:lnTo>
                    <a:pt x="2467356" y="10668"/>
                  </a:lnTo>
                  <a:lnTo>
                    <a:pt x="2476500" y="10668"/>
                  </a:lnTo>
                  <a:lnTo>
                    <a:pt x="2476500" y="0"/>
                  </a:lnTo>
                  <a:close/>
                </a:path>
                <a:path w="10361930" h="6141720">
                  <a:moveTo>
                    <a:pt x="2497836" y="0"/>
                  </a:moveTo>
                  <a:lnTo>
                    <a:pt x="2487168" y="0"/>
                  </a:lnTo>
                  <a:lnTo>
                    <a:pt x="2487168" y="10668"/>
                  </a:lnTo>
                  <a:lnTo>
                    <a:pt x="2497836" y="10668"/>
                  </a:lnTo>
                  <a:lnTo>
                    <a:pt x="2497836" y="0"/>
                  </a:lnTo>
                  <a:close/>
                </a:path>
                <a:path w="10361930" h="6141720">
                  <a:moveTo>
                    <a:pt x="2517648" y="0"/>
                  </a:moveTo>
                  <a:lnTo>
                    <a:pt x="2508504" y="0"/>
                  </a:lnTo>
                  <a:lnTo>
                    <a:pt x="2508504" y="10668"/>
                  </a:lnTo>
                  <a:lnTo>
                    <a:pt x="2517648" y="10668"/>
                  </a:lnTo>
                  <a:lnTo>
                    <a:pt x="2517648" y="0"/>
                  </a:lnTo>
                  <a:close/>
                </a:path>
                <a:path w="10361930" h="6141720">
                  <a:moveTo>
                    <a:pt x="2538984" y="0"/>
                  </a:moveTo>
                  <a:lnTo>
                    <a:pt x="2528316" y="0"/>
                  </a:lnTo>
                  <a:lnTo>
                    <a:pt x="2528316" y="10668"/>
                  </a:lnTo>
                  <a:lnTo>
                    <a:pt x="2538984" y="10668"/>
                  </a:lnTo>
                  <a:lnTo>
                    <a:pt x="2538984" y="0"/>
                  </a:lnTo>
                  <a:close/>
                </a:path>
                <a:path w="10361930" h="6141720">
                  <a:moveTo>
                    <a:pt x="2558796" y="0"/>
                  </a:moveTo>
                  <a:lnTo>
                    <a:pt x="2549652" y="0"/>
                  </a:lnTo>
                  <a:lnTo>
                    <a:pt x="2549652" y="10668"/>
                  </a:lnTo>
                  <a:lnTo>
                    <a:pt x="2558796" y="10668"/>
                  </a:lnTo>
                  <a:lnTo>
                    <a:pt x="2558796" y="0"/>
                  </a:lnTo>
                  <a:close/>
                </a:path>
                <a:path w="10361930" h="6141720">
                  <a:moveTo>
                    <a:pt x="2580132" y="0"/>
                  </a:moveTo>
                  <a:lnTo>
                    <a:pt x="2569464" y="0"/>
                  </a:lnTo>
                  <a:lnTo>
                    <a:pt x="2569464" y="10668"/>
                  </a:lnTo>
                  <a:lnTo>
                    <a:pt x="2580132" y="10668"/>
                  </a:lnTo>
                  <a:lnTo>
                    <a:pt x="2580132" y="0"/>
                  </a:lnTo>
                  <a:close/>
                </a:path>
                <a:path w="10361930" h="6141720">
                  <a:moveTo>
                    <a:pt x="2599944" y="0"/>
                  </a:moveTo>
                  <a:lnTo>
                    <a:pt x="2590800" y="0"/>
                  </a:lnTo>
                  <a:lnTo>
                    <a:pt x="2590800" y="10668"/>
                  </a:lnTo>
                  <a:lnTo>
                    <a:pt x="2599944" y="10668"/>
                  </a:lnTo>
                  <a:lnTo>
                    <a:pt x="2599944" y="0"/>
                  </a:lnTo>
                  <a:close/>
                </a:path>
                <a:path w="10361930" h="6141720">
                  <a:moveTo>
                    <a:pt x="2621280" y="0"/>
                  </a:moveTo>
                  <a:lnTo>
                    <a:pt x="2610612" y="0"/>
                  </a:lnTo>
                  <a:lnTo>
                    <a:pt x="2610612" y="10668"/>
                  </a:lnTo>
                  <a:lnTo>
                    <a:pt x="2621280" y="10668"/>
                  </a:lnTo>
                  <a:lnTo>
                    <a:pt x="2621280" y="0"/>
                  </a:lnTo>
                  <a:close/>
                </a:path>
                <a:path w="10361930" h="6141720">
                  <a:moveTo>
                    <a:pt x="2641092" y="0"/>
                  </a:moveTo>
                  <a:lnTo>
                    <a:pt x="2631948" y="0"/>
                  </a:lnTo>
                  <a:lnTo>
                    <a:pt x="2631948" y="10668"/>
                  </a:lnTo>
                  <a:lnTo>
                    <a:pt x="2641092" y="10668"/>
                  </a:lnTo>
                  <a:lnTo>
                    <a:pt x="2641092" y="0"/>
                  </a:lnTo>
                  <a:close/>
                </a:path>
                <a:path w="10361930" h="6141720">
                  <a:moveTo>
                    <a:pt x="2662428" y="0"/>
                  </a:moveTo>
                  <a:lnTo>
                    <a:pt x="2651760" y="0"/>
                  </a:lnTo>
                  <a:lnTo>
                    <a:pt x="2651760" y="10668"/>
                  </a:lnTo>
                  <a:lnTo>
                    <a:pt x="2662428" y="10668"/>
                  </a:lnTo>
                  <a:lnTo>
                    <a:pt x="2662428" y="0"/>
                  </a:lnTo>
                  <a:close/>
                </a:path>
                <a:path w="10361930" h="6141720">
                  <a:moveTo>
                    <a:pt x="2682240" y="0"/>
                  </a:moveTo>
                  <a:lnTo>
                    <a:pt x="2673096" y="0"/>
                  </a:lnTo>
                  <a:lnTo>
                    <a:pt x="2673096" y="10668"/>
                  </a:lnTo>
                  <a:lnTo>
                    <a:pt x="2682240" y="10668"/>
                  </a:lnTo>
                  <a:lnTo>
                    <a:pt x="2682240" y="0"/>
                  </a:lnTo>
                  <a:close/>
                </a:path>
                <a:path w="10361930" h="6141720">
                  <a:moveTo>
                    <a:pt x="2703576" y="0"/>
                  </a:moveTo>
                  <a:lnTo>
                    <a:pt x="2692908" y="0"/>
                  </a:lnTo>
                  <a:lnTo>
                    <a:pt x="2692908" y="10668"/>
                  </a:lnTo>
                  <a:lnTo>
                    <a:pt x="2703576" y="10668"/>
                  </a:lnTo>
                  <a:lnTo>
                    <a:pt x="2703576" y="0"/>
                  </a:lnTo>
                  <a:close/>
                </a:path>
                <a:path w="10361930" h="6141720">
                  <a:moveTo>
                    <a:pt x="2723388" y="0"/>
                  </a:moveTo>
                  <a:lnTo>
                    <a:pt x="2714244" y="0"/>
                  </a:lnTo>
                  <a:lnTo>
                    <a:pt x="2714244" y="10668"/>
                  </a:lnTo>
                  <a:lnTo>
                    <a:pt x="2723388" y="10668"/>
                  </a:lnTo>
                  <a:lnTo>
                    <a:pt x="2723388" y="0"/>
                  </a:lnTo>
                  <a:close/>
                </a:path>
                <a:path w="10361930" h="6141720">
                  <a:moveTo>
                    <a:pt x="2744724" y="0"/>
                  </a:moveTo>
                  <a:lnTo>
                    <a:pt x="2734056" y="0"/>
                  </a:lnTo>
                  <a:lnTo>
                    <a:pt x="2734056" y="10668"/>
                  </a:lnTo>
                  <a:lnTo>
                    <a:pt x="2744724" y="10668"/>
                  </a:lnTo>
                  <a:lnTo>
                    <a:pt x="2744724" y="0"/>
                  </a:lnTo>
                  <a:close/>
                </a:path>
                <a:path w="10361930" h="6141720">
                  <a:moveTo>
                    <a:pt x="2764536" y="0"/>
                  </a:moveTo>
                  <a:lnTo>
                    <a:pt x="2755392" y="0"/>
                  </a:lnTo>
                  <a:lnTo>
                    <a:pt x="2755392" y="10668"/>
                  </a:lnTo>
                  <a:lnTo>
                    <a:pt x="2764536" y="10668"/>
                  </a:lnTo>
                  <a:lnTo>
                    <a:pt x="2764536" y="0"/>
                  </a:lnTo>
                  <a:close/>
                </a:path>
                <a:path w="10361930" h="6141720">
                  <a:moveTo>
                    <a:pt x="2785872" y="0"/>
                  </a:moveTo>
                  <a:lnTo>
                    <a:pt x="2775204" y="0"/>
                  </a:lnTo>
                  <a:lnTo>
                    <a:pt x="2775204" y="10668"/>
                  </a:lnTo>
                  <a:lnTo>
                    <a:pt x="2785872" y="10668"/>
                  </a:lnTo>
                  <a:lnTo>
                    <a:pt x="2785872" y="0"/>
                  </a:lnTo>
                  <a:close/>
                </a:path>
                <a:path w="10361930" h="6141720">
                  <a:moveTo>
                    <a:pt x="2805684" y="0"/>
                  </a:moveTo>
                  <a:lnTo>
                    <a:pt x="2796540" y="0"/>
                  </a:lnTo>
                  <a:lnTo>
                    <a:pt x="2796540" y="10668"/>
                  </a:lnTo>
                  <a:lnTo>
                    <a:pt x="2805684" y="10668"/>
                  </a:lnTo>
                  <a:lnTo>
                    <a:pt x="2805684" y="0"/>
                  </a:lnTo>
                  <a:close/>
                </a:path>
                <a:path w="10361930" h="6141720">
                  <a:moveTo>
                    <a:pt x="2827020" y="0"/>
                  </a:moveTo>
                  <a:lnTo>
                    <a:pt x="2816352" y="0"/>
                  </a:lnTo>
                  <a:lnTo>
                    <a:pt x="2816352" y="10668"/>
                  </a:lnTo>
                  <a:lnTo>
                    <a:pt x="2827020" y="10668"/>
                  </a:lnTo>
                  <a:lnTo>
                    <a:pt x="2827020" y="0"/>
                  </a:lnTo>
                  <a:close/>
                </a:path>
                <a:path w="10361930" h="6141720">
                  <a:moveTo>
                    <a:pt x="2846832" y="0"/>
                  </a:moveTo>
                  <a:lnTo>
                    <a:pt x="2837688" y="0"/>
                  </a:lnTo>
                  <a:lnTo>
                    <a:pt x="2837688" y="10668"/>
                  </a:lnTo>
                  <a:lnTo>
                    <a:pt x="2846832" y="10668"/>
                  </a:lnTo>
                  <a:lnTo>
                    <a:pt x="2846832" y="0"/>
                  </a:lnTo>
                  <a:close/>
                </a:path>
                <a:path w="10361930" h="6141720">
                  <a:moveTo>
                    <a:pt x="2868168" y="0"/>
                  </a:moveTo>
                  <a:lnTo>
                    <a:pt x="2857500" y="0"/>
                  </a:lnTo>
                  <a:lnTo>
                    <a:pt x="2857500" y="10668"/>
                  </a:lnTo>
                  <a:lnTo>
                    <a:pt x="2868168" y="10668"/>
                  </a:lnTo>
                  <a:lnTo>
                    <a:pt x="2868168" y="0"/>
                  </a:lnTo>
                  <a:close/>
                </a:path>
                <a:path w="10361930" h="6141720">
                  <a:moveTo>
                    <a:pt x="2887980" y="0"/>
                  </a:moveTo>
                  <a:lnTo>
                    <a:pt x="2878836" y="0"/>
                  </a:lnTo>
                  <a:lnTo>
                    <a:pt x="2878836" y="10668"/>
                  </a:lnTo>
                  <a:lnTo>
                    <a:pt x="2887980" y="10668"/>
                  </a:lnTo>
                  <a:lnTo>
                    <a:pt x="2887980" y="0"/>
                  </a:lnTo>
                  <a:close/>
                </a:path>
                <a:path w="10361930" h="6141720">
                  <a:moveTo>
                    <a:pt x="2909316" y="0"/>
                  </a:moveTo>
                  <a:lnTo>
                    <a:pt x="2898648" y="0"/>
                  </a:lnTo>
                  <a:lnTo>
                    <a:pt x="2898648" y="10668"/>
                  </a:lnTo>
                  <a:lnTo>
                    <a:pt x="2909316" y="10668"/>
                  </a:lnTo>
                  <a:lnTo>
                    <a:pt x="2909316" y="0"/>
                  </a:lnTo>
                  <a:close/>
                </a:path>
                <a:path w="10361930" h="6141720">
                  <a:moveTo>
                    <a:pt x="2929128" y="0"/>
                  </a:moveTo>
                  <a:lnTo>
                    <a:pt x="2919984" y="0"/>
                  </a:lnTo>
                  <a:lnTo>
                    <a:pt x="2919984" y="10668"/>
                  </a:lnTo>
                  <a:lnTo>
                    <a:pt x="2929128" y="10668"/>
                  </a:lnTo>
                  <a:lnTo>
                    <a:pt x="2929128" y="0"/>
                  </a:lnTo>
                  <a:close/>
                </a:path>
                <a:path w="10361930" h="6141720">
                  <a:moveTo>
                    <a:pt x="2950464" y="0"/>
                  </a:moveTo>
                  <a:lnTo>
                    <a:pt x="2939796" y="0"/>
                  </a:lnTo>
                  <a:lnTo>
                    <a:pt x="2939796" y="10668"/>
                  </a:lnTo>
                  <a:lnTo>
                    <a:pt x="2950464" y="10668"/>
                  </a:lnTo>
                  <a:lnTo>
                    <a:pt x="2950464" y="0"/>
                  </a:lnTo>
                  <a:close/>
                </a:path>
                <a:path w="10361930" h="6141720">
                  <a:moveTo>
                    <a:pt x="2970276" y="0"/>
                  </a:moveTo>
                  <a:lnTo>
                    <a:pt x="2961132" y="0"/>
                  </a:lnTo>
                  <a:lnTo>
                    <a:pt x="2961132" y="10668"/>
                  </a:lnTo>
                  <a:lnTo>
                    <a:pt x="2970276" y="10668"/>
                  </a:lnTo>
                  <a:lnTo>
                    <a:pt x="2970276" y="0"/>
                  </a:lnTo>
                  <a:close/>
                </a:path>
                <a:path w="10361930" h="6141720">
                  <a:moveTo>
                    <a:pt x="2991612" y="0"/>
                  </a:moveTo>
                  <a:lnTo>
                    <a:pt x="2980944" y="0"/>
                  </a:lnTo>
                  <a:lnTo>
                    <a:pt x="2980944" y="10668"/>
                  </a:lnTo>
                  <a:lnTo>
                    <a:pt x="2991612" y="10668"/>
                  </a:lnTo>
                  <a:lnTo>
                    <a:pt x="2991612" y="0"/>
                  </a:lnTo>
                  <a:close/>
                </a:path>
                <a:path w="10361930" h="6141720">
                  <a:moveTo>
                    <a:pt x="3011424" y="0"/>
                  </a:moveTo>
                  <a:lnTo>
                    <a:pt x="3002280" y="0"/>
                  </a:lnTo>
                  <a:lnTo>
                    <a:pt x="3002280" y="10668"/>
                  </a:lnTo>
                  <a:lnTo>
                    <a:pt x="3011424" y="10668"/>
                  </a:lnTo>
                  <a:lnTo>
                    <a:pt x="3011424" y="0"/>
                  </a:lnTo>
                  <a:close/>
                </a:path>
                <a:path w="10361930" h="6141720">
                  <a:moveTo>
                    <a:pt x="3032760" y="0"/>
                  </a:moveTo>
                  <a:lnTo>
                    <a:pt x="3022092" y="0"/>
                  </a:lnTo>
                  <a:lnTo>
                    <a:pt x="3022092" y="10668"/>
                  </a:lnTo>
                  <a:lnTo>
                    <a:pt x="3032760" y="10668"/>
                  </a:lnTo>
                  <a:lnTo>
                    <a:pt x="3032760" y="0"/>
                  </a:lnTo>
                  <a:close/>
                </a:path>
                <a:path w="10361930" h="6141720">
                  <a:moveTo>
                    <a:pt x="3052572" y="0"/>
                  </a:moveTo>
                  <a:lnTo>
                    <a:pt x="3043428" y="0"/>
                  </a:lnTo>
                  <a:lnTo>
                    <a:pt x="3043428" y="10668"/>
                  </a:lnTo>
                  <a:lnTo>
                    <a:pt x="3052572" y="10668"/>
                  </a:lnTo>
                  <a:lnTo>
                    <a:pt x="3052572" y="0"/>
                  </a:lnTo>
                  <a:close/>
                </a:path>
                <a:path w="10361930" h="6141720">
                  <a:moveTo>
                    <a:pt x="3073908" y="0"/>
                  </a:moveTo>
                  <a:lnTo>
                    <a:pt x="3063240" y="0"/>
                  </a:lnTo>
                  <a:lnTo>
                    <a:pt x="3063240" y="10668"/>
                  </a:lnTo>
                  <a:lnTo>
                    <a:pt x="3073908" y="10668"/>
                  </a:lnTo>
                  <a:lnTo>
                    <a:pt x="3073908" y="0"/>
                  </a:lnTo>
                  <a:close/>
                </a:path>
                <a:path w="10361930" h="6141720">
                  <a:moveTo>
                    <a:pt x="3093720" y="0"/>
                  </a:moveTo>
                  <a:lnTo>
                    <a:pt x="3083052" y="0"/>
                  </a:lnTo>
                  <a:lnTo>
                    <a:pt x="3083052" y="10668"/>
                  </a:lnTo>
                  <a:lnTo>
                    <a:pt x="3093720" y="10668"/>
                  </a:lnTo>
                  <a:lnTo>
                    <a:pt x="3093720" y="0"/>
                  </a:lnTo>
                  <a:close/>
                </a:path>
                <a:path w="10361930" h="6141720">
                  <a:moveTo>
                    <a:pt x="3115056" y="0"/>
                  </a:moveTo>
                  <a:lnTo>
                    <a:pt x="3104388" y="0"/>
                  </a:lnTo>
                  <a:lnTo>
                    <a:pt x="3104388" y="10668"/>
                  </a:lnTo>
                  <a:lnTo>
                    <a:pt x="3115056" y="10668"/>
                  </a:lnTo>
                  <a:lnTo>
                    <a:pt x="3115056" y="0"/>
                  </a:lnTo>
                  <a:close/>
                </a:path>
                <a:path w="10361930" h="6141720">
                  <a:moveTo>
                    <a:pt x="3134868" y="0"/>
                  </a:moveTo>
                  <a:lnTo>
                    <a:pt x="3124200" y="0"/>
                  </a:lnTo>
                  <a:lnTo>
                    <a:pt x="3124200" y="10668"/>
                  </a:lnTo>
                  <a:lnTo>
                    <a:pt x="3134868" y="10668"/>
                  </a:lnTo>
                  <a:lnTo>
                    <a:pt x="3134868" y="0"/>
                  </a:lnTo>
                  <a:close/>
                </a:path>
                <a:path w="10361930" h="6141720">
                  <a:moveTo>
                    <a:pt x="3156204" y="0"/>
                  </a:moveTo>
                  <a:lnTo>
                    <a:pt x="3145535" y="0"/>
                  </a:lnTo>
                  <a:lnTo>
                    <a:pt x="3145535" y="10668"/>
                  </a:lnTo>
                  <a:lnTo>
                    <a:pt x="3156204" y="10668"/>
                  </a:lnTo>
                  <a:lnTo>
                    <a:pt x="3156204" y="0"/>
                  </a:lnTo>
                  <a:close/>
                </a:path>
                <a:path w="10361930" h="6141720">
                  <a:moveTo>
                    <a:pt x="3176016" y="0"/>
                  </a:moveTo>
                  <a:lnTo>
                    <a:pt x="3165347" y="0"/>
                  </a:lnTo>
                  <a:lnTo>
                    <a:pt x="3165347" y="10668"/>
                  </a:lnTo>
                  <a:lnTo>
                    <a:pt x="3176016" y="10668"/>
                  </a:lnTo>
                  <a:lnTo>
                    <a:pt x="3176016" y="0"/>
                  </a:lnTo>
                  <a:close/>
                </a:path>
                <a:path w="10361930" h="6141720">
                  <a:moveTo>
                    <a:pt x="3197352" y="0"/>
                  </a:moveTo>
                  <a:lnTo>
                    <a:pt x="3186684" y="0"/>
                  </a:lnTo>
                  <a:lnTo>
                    <a:pt x="3186684" y="10668"/>
                  </a:lnTo>
                  <a:lnTo>
                    <a:pt x="3197352" y="10668"/>
                  </a:lnTo>
                  <a:lnTo>
                    <a:pt x="3197352" y="0"/>
                  </a:lnTo>
                  <a:close/>
                </a:path>
                <a:path w="10361930" h="6141720">
                  <a:moveTo>
                    <a:pt x="3217164" y="0"/>
                  </a:moveTo>
                  <a:lnTo>
                    <a:pt x="3206496" y="0"/>
                  </a:lnTo>
                  <a:lnTo>
                    <a:pt x="3206496" y="10668"/>
                  </a:lnTo>
                  <a:lnTo>
                    <a:pt x="3217164" y="10668"/>
                  </a:lnTo>
                  <a:lnTo>
                    <a:pt x="3217164" y="0"/>
                  </a:lnTo>
                  <a:close/>
                </a:path>
                <a:path w="10361930" h="6141720">
                  <a:moveTo>
                    <a:pt x="3238500" y="0"/>
                  </a:moveTo>
                  <a:lnTo>
                    <a:pt x="3227832" y="0"/>
                  </a:lnTo>
                  <a:lnTo>
                    <a:pt x="3227832" y="10668"/>
                  </a:lnTo>
                  <a:lnTo>
                    <a:pt x="3238500" y="10668"/>
                  </a:lnTo>
                  <a:lnTo>
                    <a:pt x="3238500" y="0"/>
                  </a:lnTo>
                  <a:close/>
                </a:path>
                <a:path w="10361930" h="6141720">
                  <a:moveTo>
                    <a:pt x="3258311" y="0"/>
                  </a:moveTo>
                  <a:lnTo>
                    <a:pt x="3247644" y="0"/>
                  </a:lnTo>
                  <a:lnTo>
                    <a:pt x="3247644" y="10668"/>
                  </a:lnTo>
                  <a:lnTo>
                    <a:pt x="3258311" y="10668"/>
                  </a:lnTo>
                  <a:lnTo>
                    <a:pt x="3258311" y="0"/>
                  </a:lnTo>
                  <a:close/>
                </a:path>
                <a:path w="10361930" h="6141720">
                  <a:moveTo>
                    <a:pt x="3279647" y="0"/>
                  </a:moveTo>
                  <a:lnTo>
                    <a:pt x="3268979" y="0"/>
                  </a:lnTo>
                  <a:lnTo>
                    <a:pt x="3268979" y="10668"/>
                  </a:lnTo>
                  <a:lnTo>
                    <a:pt x="3279647" y="10668"/>
                  </a:lnTo>
                  <a:lnTo>
                    <a:pt x="3279647" y="0"/>
                  </a:lnTo>
                  <a:close/>
                </a:path>
                <a:path w="10361930" h="6141720">
                  <a:moveTo>
                    <a:pt x="3299459" y="0"/>
                  </a:moveTo>
                  <a:lnTo>
                    <a:pt x="3288791" y="0"/>
                  </a:lnTo>
                  <a:lnTo>
                    <a:pt x="3288791" y="10668"/>
                  </a:lnTo>
                  <a:lnTo>
                    <a:pt x="3299459" y="10668"/>
                  </a:lnTo>
                  <a:lnTo>
                    <a:pt x="3299459" y="0"/>
                  </a:lnTo>
                  <a:close/>
                </a:path>
                <a:path w="10361930" h="6141720">
                  <a:moveTo>
                    <a:pt x="3320795" y="0"/>
                  </a:moveTo>
                  <a:lnTo>
                    <a:pt x="3310128" y="0"/>
                  </a:lnTo>
                  <a:lnTo>
                    <a:pt x="3310128" y="10668"/>
                  </a:lnTo>
                  <a:lnTo>
                    <a:pt x="3320795" y="10668"/>
                  </a:lnTo>
                  <a:lnTo>
                    <a:pt x="3320795" y="0"/>
                  </a:lnTo>
                  <a:close/>
                </a:path>
                <a:path w="10361930" h="6141720">
                  <a:moveTo>
                    <a:pt x="3340607" y="0"/>
                  </a:moveTo>
                  <a:lnTo>
                    <a:pt x="3329940" y="0"/>
                  </a:lnTo>
                  <a:lnTo>
                    <a:pt x="3329940" y="10668"/>
                  </a:lnTo>
                  <a:lnTo>
                    <a:pt x="3340607" y="10668"/>
                  </a:lnTo>
                  <a:lnTo>
                    <a:pt x="3340607" y="0"/>
                  </a:lnTo>
                  <a:close/>
                </a:path>
                <a:path w="10361930" h="6141720">
                  <a:moveTo>
                    <a:pt x="3361943" y="0"/>
                  </a:moveTo>
                  <a:lnTo>
                    <a:pt x="3351276" y="0"/>
                  </a:lnTo>
                  <a:lnTo>
                    <a:pt x="3351276" y="10668"/>
                  </a:lnTo>
                  <a:lnTo>
                    <a:pt x="3361943" y="10668"/>
                  </a:lnTo>
                  <a:lnTo>
                    <a:pt x="3361943" y="0"/>
                  </a:lnTo>
                  <a:close/>
                </a:path>
                <a:path w="10361930" h="6141720">
                  <a:moveTo>
                    <a:pt x="3381755" y="0"/>
                  </a:moveTo>
                  <a:lnTo>
                    <a:pt x="3371088" y="0"/>
                  </a:lnTo>
                  <a:lnTo>
                    <a:pt x="3371088" y="10668"/>
                  </a:lnTo>
                  <a:lnTo>
                    <a:pt x="3381755" y="10668"/>
                  </a:lnTo>
                  <a:lnTo>
                    <a:pt x="3381755" y="0"/>
                  </a:lnTo>
                  <a:close/>
                </a:path>
                <a:path w="10361930" h="6141720">
                  <a:moveTo>
                    <a:pt x="3403091" y="0"/>
                  </a:moveTo>
                  <a:lnTo>
                    <a:pt x="3392423" y="0"/>
                  </a:lnTo>
                  <a:lnTo>
                    <a:pt x="3392423" y="10668"/>
                  </a:lnTo>
                  <a:lnTo>
                    <a:pt x="3403091" y="10668"/>
                  </a:lnTo>
                  <a:lnTo>
                    <a:pt x="3403091" y="0"/>
                  </a:lnTo>
                  <a:close/>
                </a:path>
                <a:path w="10361930" h="6141720">
                  <a:moveTo>
                    <a:pt x="3422904" y="0"/>
                  </a:moveTo>
                  <a:lnTo>
                    <a:pt x="3412235" y="0"/>
                  </a:lnTo>
                  <a:lnTo>
                    <a:pt x="3412235" y="10668"/>
                  </a:lnTo>
                  <a:lnTo>
                    <a:pt x="3422904" y="10668"/>
                  </a:lnTo>
                  <a:lnTo>
                    <a:pt x="3422904" y="0"/>
                  </a:lnTo>
                  <a:close/>
                </a:path>
                <a:path w="10361930" h="6141720">
                  <a:moveTo>
                    <a:pt x="3444240" y="0"/>
                  </a:moveTo>
                  <a:lnTo>
                    <a:pt x="3433571" y="0"/>
                  </a:lnTo>
                  <a:lnTo>
                    <a:pt x="3433571" y="10668"/>
                  </a:lnTo>
                  <a:lnTo>
                    <a:pt x="3444240" y="10668"/>
                  </a:lnTo>
                  <a:lnTo>
                    <a:pt x="3444240" y="0"/>
                  </a:lnTo>
                  <a:close/>
                </a:path>
                <a:path w="10361930" h="6141720">
                  <a:moveTo>
                    <a:pt x="3464052" y="0"/>
                  </a:moveTo>
                  <a:lnTo>
                    <a:pt x="3453383" y="0"/>
                  </a:lnTo>
                  <a:lnTo>
                    <a:pt x="3453383" y="10668"/>
                  </a:lnTo>
                  <a:lnTo>
                    <a:pt x="3464052" y="10668"/>
                  </a:lnTo>
                  <a:lnTo>
                    <a:pt x="3464052" y="0"/>
                  </a:lnTo>
                  <a:close/>
                </a:path>
                <a:path w="10361930" h="6141720">
                  <a:moveTo>
                    <a:pt x="3485388" y="0"/>
                  </a:moveTo>
                  <a:lnTo>
                    <a:pt x="3474719" y="0"/>
                  </a:lnTo>
                  <a:lnTo>
                    <a:pt x="3474719" y="10668"/>
                  </a:lnTo>
                  <a:lnTo>
                    <a:pt x="3485388" y="10668"/>
                  </a:lnTo>
                  <a:lnTo>
                    <a:pt x="3485388" y="0"/>
                  </a:lnTo>
                  <a:close/>
                </a:path>
                <a:path w="10361930" h="6141720">
                  <a:moveTo>
                    <a:pt x="3505200" y="0"/>
                  </a:moveTo>
                  <a:lnTo>
                    <a:pt x="3494531" y="0"/>
                  </a:lnTo>
                  <a:lnTo>
                    <a:pt x="3494531" y="10668"/>
                  </a:lnTo>
                  <a:lnTo>
                    <a:pt x="3505200" y="10668"/>
                  </a:lnTo>
                  <a:lnTo>
                    <a:pt x="3505200" y="0"/>
                  </a:lnTo>
                  <a:close/>
                </a:path>
                <a:path w="10361930" h="6141720">
                  <a:moveTo>
                    <a:pt x="3526535" y="0"/>
                  </a:moveTo>
                  <a:lnTo>
                    <a:pt x="3515867" y="0"/>
                  </a:lnTo>
                  <a:lnTo>
                    <a:pt x="3515867" y="10668"/>
                  </a:lnTo>
                  <a:lnTo>
                    <a:pt x="3526535" y="10668"/>
                  </a:lnTo>
                  <a:lnTo>
                    <a:pt x="3526535" y="0"/>
                  </a:lnTo>
                  <a:close/>
                </a:path>
                <a:path w="10361930" h="6141720">
                  <a:moveTo>
                    <a:pt x="3546347" y="0"/>
                  </a:moveTo>
                  <a:lnTo>
                    <a:pt x="3535679" y="0"/>
                  </a:lnTo>
                  <a:lnTo>
                    <a:pt x="3535679" y="10668"/>
                  </a:lnTo>
                  <a:lnTo>
                    <a:pt x="3546347" y="10668"/>
                  </a:lnTo>
                  <a:lnTo>
                    <a:pt x="3546347" y="0"/>
                  </a:lnTo>
                  <a:close/>
                </a:path>
                <a:path w="10361930" h="6141720">
                  <a:moveTo>
                    <a:pt x="3567683" y="0"/>
                  </a:moveTo>
                  <a:lnTo>
                    <a:pt x="3557016" y="0"/>
                  </a:lnTo>
                  <a:lnTo>
                    <a:pt x="3557016" y="10668"/>
                  </a:lnTo>
                  <a:lnTo>
                    <a:pt x="3567683" y="10668"/>
                  </a:lnTo>
                  <a:lnTo>
                    <a:pt x="3567683" y="0"/>
                  </a:lnTo>
                  <a:close/>
                </a:path>
                <a:path w="10361930" h="6141720">
                  <a:moveTo>
                    <a:pt x="3587495" y="0"/>
                  </a:moveTo>
                  <a:lnTo>
                    <a:pt x="3576828" y="0"/>
                  </a:lnTo>
                  <a:lnTo>
                    <a:pt x="3576828" y="10668"/>
                  </a:lnTo>
                  <a:lnTo>
                    <a:pt x="3587495" y="10668"/>
                  </a:lnTo>
                  <a:lnTo>
                    <a:pt x="3587495" y="0"/>
                  </a:lnTo>
                  <a:close/>
                </a:path>
                <a:path w="10361930" h="6141720">
                  <a:moveTo>
                    <a:pt x="3608831" y="0"/>
                  </a:moveTo>
                  <a:lnTo>
                    <a:pt x="3598164" y="0"/>
                  </a:lnTo>
                  <a:lnTo>
                    <a:pt x="3598164" y="10668"/>
                  </a:lnTo>
                  <a:lnTo>
                    <a:pt x="3608831" y="10668"/>
                  </a:lnTo>
                  <a:lnTo>
                    <a:pt x="3608831" y="0"/>
                  </a:lnTo>
                  <a:close/>
                </a:path>
                <a:path w="10361930" h="6141720">
                  <a:moveTo>
                    <a:pt x="3628643" y="0"/>
                  </a:moveTo>
                  <a:lnTo>
                    <a:pt x="3617976" y="0"/>
                  </a:lnTo>
                  <a:lnTo>
                    <a:pt x="3617976" y="10668"/>
                  </a:lnTo>
                  <a:lnTo>
                    <a:pt x="3628643" y="10668"/>
                  </a:lnTo>
                  <a:lnTo>
                    <a:pt x="3628643" y="0"/>
                  </a:lnTo>
                  <a:close/>
                </a:path>
                <a:path w="10361930" h="6141720">
                  <a:moveTo>
                    <a:pt x="3649979" y="0"/>
                  </a:moveTo>
                  <a:lnTo>
                    <a:pt x="3639311" y="0"/>
                  </a:lnTo>
                  <a:lnTo>
                    <a:pt x="3639311" y="10668"/>
                  </a:lnTo>
                  <a:lnTo>
                    <a:pt x="3649979" y="10668"/>
                  </a:lnTo>
                  <a:lnTo>
                    <a:pt x="3649979" y="0"/>
                  </a:lnTo>
                  <a:close/>
                </a:path>
                <a:path w="10361930" h="6141720">
                  <a:moveTo>
                    <a:pt x="3669791" y="0"/>
                  </a:moveTo>
                  <a:lnTo>
                    <a:pt x="3659123" y="0"/>
                  </a:lnTo>
                  <a:lnTo>
                    <a:pt x="3659123" y="10668"/>
                  </a:lnTo>
                  <a:lnTo>
                    <a:pt x="3669791" y="10668"/>
                  </a:lnTo>
                  <a:lnTo>
                    <a:pt x="3669791" y="0"/>
                  </a:lnTo>
                  <a:close/>
                </a:path>
                <a:path w="10361930" h="6141720">
                  <a:moveTo>
                    <a:pt x="3689604" y="0"/>
                  </a:moveTo>
                  <a:lnTo>
                    <a:pt x="3680459" y="0"/>
                  </a:lnTo>
                  <a:lnTo>
                    <a:pt x="3680459" y="10668"/>
                  </a:lnTo>
                  <a:lnTo>
                    <a:pt x="3689604" y="10668"/>
                  </a:lnTo>
                  <a:lnTo>
                    <a:pt x="3689604" y="0"/>
                  </a:lnTo>
                  <a:close/>
                </a:path>
                <a:path w="10361930" h="6141720">
                  <a:moveTo>
                    <a:pt x="3710940" y="0"/>
                  </a:moveTo>
                  <a:lnTo>
                    <a:pt x="3700271" y="0"/>
                  </a:lnTo>
                  <a:lnTo>
                    <a:pt x="3700271" y="10668"/>
                  </a:lnTo>
                  <a:lnTo>
                    <a:pt x="3710940" y="10668"/>
                  </a:lnTo>
                  <a:lnTo>
                    <a:pt x="3710940" y="0"/>
                  </a:lnTo>
                  <a:close/>
                </a:path>
                <a:path w="10361930" h="6141720">
                  <a:moveTo>
                    <a:pt x="3730752" y="0"/>
                  </a:moveTo>
                  <a:lnTo>
                    <a:pt x="3721607" y="0"/>
                  </a:lnTo>
                  <a:lnTo>
                    <a:pt x="3721607" y="10668"/>
                  </a:lnTo>
                  <a:lnTo>
                    <a:pt x="3730752" y="10668"/>
                  </a:lnTo>
                  <a:lnTo>
                    <a:pt x="3730752" y="0"/>
                  </a:lnTo>
                  <a:close/>
                </a:path>
                <a:path w="10361930" h="6141720">
                  <a:moveTo>
                    <a:pt x="3752088" y="0"/>
                  </a:moveTo>
                  <a:lnTo>
                    <a:pt x="3741419" y="0"/>
                  </a:lnTo>
                  <a:lnTo>
                    <a:pt x="3741419" y="10668"/>
                  </a:lnTo>
                  <a:lnTo>
                    <a:pt x="3752088" y="10668"/>
                  </a:lnTo>
                  <a:lnTo>
                    <a:pt x="3752088" y="0"/>
                  </a:lnTo>
                  <a:close/>
                </a:path>
                <a:path w="10361930" h="6141720">
                  <a:moveTo>
                    <a:pt x="3771900" y="0"/>
                  </a:moveTo>
                  <a:lnTo>
                    <a:pt x="3762755" y="0"/>
                  </a:lnTo>
                  <a:lnTo>
                    <a:pt x="3762755" y="10668"/>
                  </a:lnTo>
                  <a:lnTo>
                    <a:pt x="3771900" y="10668"/>
                  </a:lnTo>
                  <a:lnTo>
                    <a:pt x="3771900" y="0"/>
                  </a:lnTo>
                  <a:close/>
                </a:path>
                <a:path w="10361930" h="6141720">
                  <a:moveTo>
                    <a:pt x="3793235" y="0"/>
                  </a:moveTo>
                  <a:lnTo>
                    <a:pt x="3782567" y="0"/>
                  </a:lnTo>
                  <a:lnTo>
                    <a:pt x="3782567" y="10668"/>
                  </a:lnTo>
                  <a:lnTo>
                    <a:pt x="3793235" y="10668"/>
                  </a:lnTo>
                  <a:lnTo>
                    <a:pt x="3793235" y="0"/>
                  </a:lnTo>
                  <a:close/>
                </a:path>
                <a:path w="10361930" h="6141720">
                  <a:moveTo>
                    <a:pt x="3813047" y="0"/>
                  </a:moveTo>
                  <a:lnTo>
                    <a:pt x="3803904" y="0"/>
                  </a:lnTo>
                  <a:lnTo>
                    <a:pt x="3803904" y="10668"/>
                  </a:lnTo>
                  <a:lnTo>
                    <a:pt x="3813047" y="10668"/>
                  </a:lnTo>
                  <a:lnTo>
                    <a:pt x="3813047" y="0"/>
                  </a:lnTo>
                  <a:close/>
                </a:path>
                <a:path w="10361930" h="6141720">
                  <a:moveTo>
                    <a:pt x="3834383" y="0"/>
                  </a:moveTo>
                  <a:lnTo>
                    <a:pt x="3823716" y="0"/>
                  </a:lnTo>
                  <a:lnTo>
                    <a:pt x="3823716" y="10668"/>
                  </a:lnTo>
                  <a:lnTo>
                    <a:pt x="3834383" y="10668"/>
                  </a:lnTo>
                  <a:lnTo>
                    <a:pt x="3834383" y="0"/>
                  </a:lnTo>
                  <a:close/>
                </a:path>
                <a:path w="10361930" h="6141720">
                  <a:moveTo>
                    <a:pt x="3854195" y="0"/>
                  </a:moveTo>
                  <a:lnTo>
                    <a:pt x="3845052" y="0"/>
                  </a:lnTo>
                  <a:lnTo>
                    <a:pt x="3845052" y="10668"/>
                  </a:lnTo>
                  <a:lnTo>
                    <a:pt x="3854195" y="10668"/>
                  </a:lnTo>
                  <a:lnTo>
                    <a:pt x="3854195" y="0"/>
                  </a:lnTo>
                  <a:close/>
                </a:path>
                <a:path w="10361930" h="6141720">
                  <a:moveTo>
                    <a:pt x="3875531" y="0"/>
                  </a:moveTo>
                  <a:lnTo>
                    <a:pt x="3864864" y="0"/>
                  </a:lnTo>
                  <a:lnTo>
                    <a:pt x="3864864" y="10668"/>
                  </a:lnTo>
                  <a:lnTo>
                    <a:pt x="3875531" y="10668"/>
                  </a:lnTo>
                  <a:lnTo>
                    <a:pt x="3875531" y="0"/>
                  </a:lnTo>
                  <a:close/>
                </a:path>
                <a:path w="10361930" h="6141720">
                  <a:moveTo>
                    <a:pt x="3895343" y="0"/>
                  </a:moveTo>
                  <a:lnTo>
                    <a:pt x="3886200" y="0"/>
                  </a:lnTo>
                  <a:lnTo>
                    <a:pt x="3886200" y="10668"/>
                  </a:lnTo>
                  <a:lnTo>
                    <a:pt x="3895343" y="10668"/>
                  </a:lnTo>
                  <a:lnTo>
                    <a:pt x="3895343" y="0"/>
                  </a:lnTo>
                  <a:close/>
                </a:path>
                <a:path w="10361930" h="6141720">
                  <a:moveTo>
                    <a:pt x="3916679" y="0"/>
                  </a:moveTo>
                  <a:lnTo>
                    <a:pt x="3906011" y="0"/>
                  </a:lnTo>
                  <a:lnTo>
                    <a:pt x="3906011" y="10668"/>
                  </a:lnTo>
                  <a:lnTo>
                    <a:pt x="3916679" y="10668"/>
                  </a:lnTo>
                  <a:lnTo>
                    <a:pt x="3916679" y="0"/>
                  </a:lnTo>
                  <a:close/>
                </a:path>
                <a:path w="10361930" h="6141720">
                  <a:moveTo>
                    <a:pt x="3936491" y="0"/>
                  </a:moveTo>
                  <a:lnTo>
                    <a:pt x="3927347" y="0"/>
                  </a:lnTo>
                  <a:lnTo>
                    <a:pt x="3927347" y="10668"/>
                  </a:lnTo>
                  <a:lnTo>
                    <a:pt x="3936491" y="10668"/>
                  </a:lnTo>
                  <a:lnTo>
                    <a:pt x="3936491" y="0"/>
                  </a:lnTo>
                  <a:close/>
                </a:path>
                <a:path w="10361930" h="6141720">
                  <a:moveTo>
                    <a:pt x="3957828" y="0"/>
                  </a:moveTo>
                  <a:lnTo>
                    <a:pt x="3947159" y="0"/>
                  </a:lnTo>
                  <a:lnTo>
                    <a:pt x="3947159" y="10668"/>
                  </a:lnTo>
                  <a:lnTo>
                    <a:pt x="3957828" y="10668"/>
                  </a:lnTo>
                  <a:lnTo>
                    <a:pt x="3957828" y="0"/>
                  </a:lnTo>
                  <a:close/>
                </a:path>
                <a:path w="10361930" h="6141720">
                  <a:moveTo>
                    <a:pt x="3977640" y="0"/>
                  </a:moveTo>
                  <a:lnTo>
                    <a:pt x="3968495" y="0"/>
                  </a:lnTo>
                  <a:lnTo>
                    <a:pt x="3968495" y="10668"/>
                  </a:lnTo>
                  <a:lnTo>
                    <a:pt x="3977640" y="10668"/>
                  </a:lnTo>
                  <a:lnTo>
                    <a:pt x="3977640" y="0"/>
                  </a:lnTo>
                  <a:close/>
                </a:path>
                <a:path w="10361930" h="6141720">
                  <a:moveTo>
                    <a:pt x="3998976" y="0"/>
                  </a:moveTo>
                  <a:lnTo>
                    <a:pt x="3988307" y="0"/>
                  </a:lnTo>
                  <a:lnTo>
                    <a:pt x="3988307" y="10668"/>
                  </a:lnTo>
                  <a:lnTo>
                    <a:pt x="3998976" y="10668"/>
                  </a:lnTo>
                  <a:lnTo>
                    <a:pt x="3998976" y="0"/>
                  </a:lnTo>
                  <a:close/>
                </a:path>
                <a:path w="10361930" h="6141720">
                  <a:moveTo>
                    <a:pt x="4018788" y="0"/>
                  </a:moveTo>
                  <a:lnTo>
                    <a:pt x="4009643" y="0"/>
                  </a:lnTo>
                  <a:lnTo>
                    <a:pt x="4009643" y="10668"/>
                  </a:lnTo>
                  <a:lnTo>
                    <a:pt x="4018788" y="10668"/>
                  </a:lnTo>
                  <a:lnTo>
                    <a:pt x="4018788" y="0"/>
                  </a:lnTo>
                  <a:close/>
                </a:path>
                <a:path w="10361930" h="6141720">
                  <a:moveTo>
                    <a:pt x="4040123" y="0"/>
                  </a:moveTo>
                  <a:lnTo>
                    <a:pt x="4029455" y="0"/>
                  </a:lnTo>
                  <a:lnTo>
                    <a:pt x="4029455" y="10668"/>
                  </a:lnTo>
                  <a:lnTo>
                    <a:pt x="4040123" y="10668"/>
                  </a:lnTo>
                  <a:lnTo>
                    <a:pt x="4040123" y="0"/>
                  </a:lnTo>
                  <a:close/>
                </a:path>
                <a:path w="10361930" h="6141720">
                  <a:moveTo>
                    <a:pt x="4059935" y="0"/>
                  </a:moveTo>
                  <a:lnTo>
                    <a:pt x="4050791" y="0"/>
                  </a:lnTo>
                  <a:lnTo>
                    <a:pt x="4050791" y="10668"/>
                  </a:lnTo>
                  <a:lnTo>
                    <a:pt x="4059935" y="10668"/>
                  </a:lnTo>
                  <a:lnTo>
                    <a:pt x="4059935" y="0"/>
                  </a:lnTo>
                  <a:close/>
                </a:path>
                <a:path w="10361930" h="6141720">
                  <a:moveTo>
                    <a:pt x="4081271" y="0"/>
                  </a:moveTo>
                  <a:lnTo>
                    <a:pt x="4070604" y="0"/>
                  </a:lnTo>
                  <a:lnTo>
                    <a:pt x="4070604" y="10668"/>
                  </a:lnTo>
                  <a:lnTo>
                    <a:pt x="4081271" y="10668"/>
                  </a:lnTo>
                  <a:lnTo>
                    <a:pt x="4081271" y="0"/>
                  </a:lnTo>
                  <a:close/>
                </a:path>
                <a:path w="10361930" h="6141720">
                  <a:moveTo>
                    <a:pt x="4101083" y="0"/>
                  </a:moveTo>
                  <a:lnTo>
                    <a:pt x="4091940" y="0"/>
                  </a:lnTo>
                  <a:lnTo>
                    <a:pt x="4091940" y="10668"/>
                  </a:lnTo>
                  <a:lnTo>
                    <a:pt x="4101083" y="10668"/>
                  </a:lnTo>
                  <a:lnTo>
                    <a:pt x="4101083" y="0"/>
                  </a:lnTo>
                  <a:close/>
                </a:path>
                <a:path w="10361930" h="6141720">
                  <a:moveTo>
                    <a:pt x="4122419" y="0"/>
                  </a:moveTo>
                  <a:lnTo>
                    <a:pt x="4111752" y="0"/>
                  </a:lnTo>
                  <a:lnTo>
                    <a:pt x="4111752" y="10668"/>
                  </a:lnTo>
                  <a:lnTo>
                    <a:pt x="4122419" y="10668"/>
                  </a:lnTo>
                  <a:lnTo>
                    <a:pt x="4122419" y="0"/>
                  </a:lnTo>
                  <a:close/>
                </a:path>
                <a:path w="10361930" h="6141720">
                  <a:moveTo>
                    <a:pt x="4142231" y="0"/>
                  </a:moveTo>
                  <a:lnTo>
                    <a:pt x="4133088" y="0"/>
                  </a:lnTo>
                  <a:lnTo>
                    <a:pt x="4133088" y="10668"/>
                  </a:lnTo>
                  <a:lnTo>
                    <a:pt x="4142231" y="10668"/>
                  </a:lnTo>
                  <a:lnTo>
                    <a:pt x="4142231" y="0"/>
                  </a:lnTo>
                  <a:close/>
                </a:path>
                <a:path w="10361930" h="6141720">
                  <a:moveTo>
                    <a:pt x="4163567" y="0"/>
                  </a:moveTo>
                  <a:lnTo>
                    <a:pt x="4152900" y="0"/>
                  </a:lnTo>
                  <a:lnTo>
                    <a:pt x="4152900" y="10668"/>
                  </a:lnTo>
                  <a:lnTo>
                    <a:pt x="4163567" y="10668"/>
                  </a:lnTo>
                  <a:lnTo>
                    <a:pt x="4163567" y="0"/>
                  </a:lnTo>
                  <a:close/>
                </a:path>
                <a:path w="10361930" h="6141720">
                  <a:moveTo>
                    <a:pt x="4183379" y="0"/>
                  </a:moveTo>
                  <a:lnTo>
                    <a:pt x="4174235" y="0"/>
                  </a:lnTo>
                  <a:lnTo>
                    <a:pt x="4174235" y="10668"/>
                  </a:lnTo>
                  <a:lnTo>
                    <a:pt x="4183379" y="10668"/>
                  </a:lnTo>
                  <a:lnTo>
                    <a:pt x="4183379" y="0"/>
                  </a:lnTo>
                  <a:close/>
                </a:path>
                <a:path w="10361930" h="6141720">
                  <a:moveTo>
                    <a:pt x="4204716" y="0"/>
                  </a:moveTo>
                  <a:lnTo>
                    <a:pt x="4194047" y="0"/>
                  </a:lnTo>
                  <a:lnTo>
                    <a:pt x="4194047" y="10668"/>
                  </a:lnTo>
                  <a:lnTo>
                    <a:pt x="4204716" y="10668"/>
                  </a:lnTo>
                  <a:lnTo>
                    <a:pt x="4204716" y="0"/>
                  </a:lnTo>
                  <a:close/>
                </a:path>
                <a:path w="10361930" h="6141720">
                  <a:moveTo>
                    <a:pt x="4224528" y="0"/>
                  </a:moveTo>
                  <a:lnTo>
                    <a:pt x="4215383" y="0"/>
                  </a:lnTo>
                  <a:lnTo>
                    <a:pt x="4215383" y="10668"/>
                  </a:lnTo>
                  <a:lnTo>
                    <a:pt x="4224528" y="10668"/>
                  </a:lnTo>
                  <a:lnTo>
                    <a:pt x="4224528" y="0"/>
                  </a:lnTo>
                  <a:close/>
                </a:path>
                <a:path w="10361930" h="6141720">
                  <a:moveTo>
                    <a:pt x="4245864" y="0"/>
                  </a:moveTo>
                  <a:lnTo>
                    <a:pt x="4235195" y="0"/>
                  </a:lnTo>
                  <a:lnTo>
                    <a:pt x="4235195" y="10668"/>
                  </a:lnTo>
                  <a:lnTo>
                    <a:pt x="4245864" y="10668"/>
                  </a:lnTo>
                  <a:lnTo>
                    <a:pt x="4245864" y="0"/>
                  </a:lnTo>
                  <a:close/>
                </a:path>
                <a:path w="10361930" h="6141720">
                  <a:moveTo>
                    <a:pt x="4265676" y="0"/>
                  </a:moveTo>
                  <a:lnTo>
                    <a:pt x="4256532" y="0"/>
                  </a:lnTo>
                  <a:lnTo>
                    <a:pt x="4256532" y="10668"/>
                  </a:lnTo>
                  <a:lnTo>
                    <a:pt x="4265676" y="10668"/>
                  </a:lnTo>
                  <a:lnTo>
                    <a:pt x="4265676" y="0"/>
                  </a:lnTo>
                  <a:close/>
                </a:path>
                <a:path w="10361930" h="6141720">
                  <a:moveTo>
                    <a:pt x="4287011" y="0"/>
                  </a:moveTo>
                  <a:lnTo>
                    <a:pt x="4276344" y="0"/>
                  </a:lnTo>
                  <a:lnTo>
                    <a:pt x="4276344" y="10668"/>
                  </a:lnTo>
                  <a:lnTo>
                    <a:pt x="4287011" y="10668"/>
                  </a:lnTo>
                  <a:lnTo>
                    <a:pt x="4287011" y="0"/>
                  </a:lnTo>
                  <a:close/>
                </a:path>
                <a:path w="10361930" h="6141720">
                  <a:moveTo>
                    <a:pt x="4306823" y="0"/>
                  </a:moveTo>
                  <a:lnTo>
                    <a:pt x="4297680" y="0"/>
                  </a:lnTo>
                  <a:lnTo>
                    <a:pt x="4297680" y="10668"/>
                  </a:lnTo>
                  <a:lnTo>
                    <a:pt x="4306823" y="10668"/>
                  </a:lnTo>
                  <a:lnTo>
                    <a:pt x="4306823" y="0"/>
                  </a:lnTo>
                  <a:close/>
                </a:path>
                <a:path w="10361930" h="6141720">
                  <a:moveTo>
                    <a:pt x="4328159" y="0"/>
                  </a:moveTo>
                  <a:lnTo>
                    <a:pt x="4317492" y="0"/>
                  </a:lnTo>
                  <a:lnTo>
                    <a:pt x="4317492" y="10668"/>
                  </a:lnTo>
                  <a:lnTo>
                    <a:pt x="4328159" y="10668"/>
                  </a:lnTo>
                  <a:lnTo>
                    <a:pt x="4328159" y="0"/>
                  </a:lnTo>
                  <a:close/>
                </a:path>
                <a:path w="10361930" h="6141720">
                  <a:moveTo>
                    <a:pt x="4347971" y="0"/>
                  </a:moveTo>
                  <a:lnTo>
                    <a:pt x="4337304" y="0"/>
                  </a:lnTo>
                  <a:lnTo>
                    <a:pt x="4337304" y="10668"/>
                  </a:lnTo>
                  <a:lnTo>
                    <a:pt x="4347971" y="10668"/>
                  </a:lnTo>
                  <a:lnTo>
                    <a:pt x="4347971" y="0"/>
                  </a:lnTo>
                  <a:close/>
                </a:path>
                <a:path w="10361930" h="6141720">
                  <a:moveTo>
                    <a:pt x="4369308" y="0"/>
                  </a:moveTo>
                  <a:lnTo>
                    <a:pt x="4358640" y="0"/>
                  </a:lnTo>
                  <a:lnTo>
                    <a:pt x="4358640" y="10668"/>
                  </a:lnTo>
                  <a:lnTo>
                    <a:pt x="4369308" y="10668"/>
                  </a:lnTo>
                  <a:lnTo>
                    <a:pt x="4369308" y="0"/>
                  </a:lnTo>
                  <a:close/>
                </a:path>
                <a:path w="10361930" h="6141720">
                  <a:moveTo>
                    <a:pt x="4389120" y="0"/>
                  </a:moveTo>
                  <a:lnTo>
                    <a:pt x="4378452" y="0"/>
                  </a:lnTo>
                  <a:lnTo>
                    <a:pt x="4378452" y="10668"/>
                  </a:lnTo>
                  <a:lnTo>
                    <a:pt x="4389120" y="10668"/>
                  </a:lnTo>
                  <a:lnTo>
                    <a:pt x="4389120" y="0"/>
                  </a:lnTo>
                  <a:close/>
                </a:path>
                <a:path w="10361930" h="6141720">
                  <a:moveTo>
                    <a:pt x="4410456" y="0"/>
                  </a:moveTo>
                  <a:lnTo>
                    <a:pt x="4399788" y="0"/>
                  </a:lnTo>
                  <a:lnTo>
                    <a:pt x="4399788" y="10668"/>
                  </a:lnTo>
                  <a:lnTo>
                    <a:pt x="4410456" y="10668"/>
                  </a:lnTo>
                  <a:lnTo>
                    <a:pt x="4410456" y="0"/>
                  </a:lnTo>
                  <a:close/>
                </a:path>
                <a:path w="10361930" h="6141720">
                  <a:moveTo>
                    <a:pt x="4430268" y="0"/>
                  </a:moveTo>
                  <a:lnTo>
                    <a:pt x="4419600" y="0"/>
                  </a:lnTo>
                  <a:lnTo>
                    <a:pt x="4419600" y="10668"/>
                  </a:lnTo>
                  <a:lnTo>
                    <a:pt x="4430268" y="10668"/>
                  </a:lnTo>
                  <a:lnTo>
                    <a:pt x="4430268" y="0"/>
                  </a:lnTo>
                  <a:close/>
                </a:path>
                <a:path w="10361930" h="6141720">
                  <a:moveTo>
                    <a:pt x="4451604" y="0"/>
                  </a:moveTo>
                  <a:lnTo>
                    <a:pt x="4440935" y="0"/>
                  </a:lnTo>
                  <a:lnTo>
                    <a:pt x="4440935" y="10668"/>
                  </a:lnTo>
                  <a:lnTo>
                    <a:pt x="4451604" y="10668"/>
                  </a:lnTo>
                  <a:lnTo>
                    <a:pt x="4451604" y="0"/>
                  </a:lnTo>
                  <a:close/>
                </a:path>
                <a:path w="10361930" h="6141720">
                  <a:moveTo>
                    <a:pt x="4471416" y="0"/>
                  </a:moveTo>
                  <a:lnTo>
                    <a:pt x="4460747" y="0"/>
                  </a:lnTo>
                  <a:lnTo>
                    <a:pt x="4460747" y="10668"/>
                  </a:lnTo>
                  <a:lnTo>
                    <a:pt x="4471416" y="10668"/>
                  </a:lnTo>
                  <a:lnTo>
                    <a:pt x="4471416" y="0"/>
                  </a:lnTo>
                  <a:close/>
                </a:path>
                <a:path w="10361930" h="6141720">
                  <a:moveTo>
                    <a:pt x="4492752" y="0"/>
                  </a:moveTo>
                  <a:lnTo>
                    <a:pt x="4482083" y="0"/>
                  </a:lnTo>
                  <a:lnTo>
                    <a:pt x="4482083" y="10668"/>
                  </a:lnTo>
                  <a:lnTo>
                    <a:pt x="4492752" y="10668"/>
                  </a:lnTo>
                  <a:lnTo>
                    <a:pt x="4492752" y="0"/>
                  </a:lnTo>
                  <a:close/>
                </a:path>
                <a:path w="10361930" h="6141720">
                  <a:moveTo>
                    <a:pt x="4512564" y="0"/>
                  </a:moveTo>
                  <a:lnTo>
                    <a:pt x="4501895" y="0"/>
                  </a:lnTo>
                  <a:lnTo>
                    <a:pt x="4501895" y="10668"/>
                  </a:lnTo>
                  <a:lnTo>
                    <a:pt x="4512564" y="10668"/>
                  </a:lnTo>
                  <a:lnTo>
                    <a:pt x="4512564" y="0"/>
                  </a:lnTo>
                  <a:close/>
                </a:path>
                <a:path w="10361930" h="6141720">
                  <a:moveTo>
                    <a:pt x="4533900" y="0"/>
                  </a:moveTo>
                  <a:lnTo>
                    <a:pt x="4523232" y="0"/>
                  </a:lnTo>
                  <a:lnTo>
                    <a:pt x="4523232" y="10668"/>
                  </a:lnTo>
                  <a:lnTo>
                    <a:pt x="4533900" y="10668"/>
                  </a:lnTo>
                  <a:lnTo>
                    <a:pt x="4533900" y="0"/>
                  </a:lnTo>
                  <a:close/>
                </a:path>
                <a:path w="10361930" h="6141720">
                  <a:moveTo>
                    <a:pt x="4553711" y="0"/>
                  </a:moveTo>
                  <a:lnTo>
                    <a:pt x="4543044" y="0"/>
                  </a:lnTo>
                  <a:lnTo>
                    <a:pt x="4543044" y="10668"/>
                  </a:lnTo>
                  <a:lnTo>
                    <a:pt x="4553711" y="10668"/>
                  </a:lnTo>
                  <a:lnTo>
                    <a:pt x="4553711" y="0"/>
                  </a:lnTo>
                  <a:close/>
                </a:path>
                <a:path w="10361930" h="6141720">
                  <a:moveTo>
                    <a:pt x="4575047" y="0"/>
                  </a:moveTo>
                  <a:lnTo>
                    <a:pt x="4564380" y="0"/>
                  </a:lnTo>
                  <a:lnTo>
                    <a:pt x="4564380" y="10668"/>
                  </a:lnTo>
                  <a:lnTo>
                    <a:pt x="4575047" y="10668"/>
                  </a:lnTo>
                  <a:lnTo>
                    <a:pt x="4575047" y="0"/>
                  </a:lnTo>
                  <a:close/>
                </a:path>
                <a:path w="10361930" h="6141720">
                  <a:moveTo>
                    <a:pt x="4594859" y="0"/>
                  </a:moveTo>
                  <a:lnTo>
                    <a:pt x="4584192" y="0"/>
                  </a:lnTo>
                  <a:lnTo>
                    <a:pt x="4584192" y="10668"/>
                  </a:lnTo>
                  <a:lnTo>
                    <a:pt x="4594859" y="10668"/>
                  </a:lnTo>
                  <a:lnTo>
                    <a:pt x="4594859" y="0"/>
                  </a:lnTo>
                  <a:close/>
                </a:path>
                <a:path w="10361930" h="6141720">
                  <a:moveTo>
                    <a:pt x="4616195" y="0"/>
                  </a:moveTo>
                  <a:lnTo>
                    <a:pt x="4605528" y="0"/>
                  </a:lnTo>
                  <a:lnTo>
                    <a:pt x="4605528" y="10668"/>
                  </a:lnTo>
                  <a:lnTo>
                    <a:pt x="4616195" y="10668"/>
                  </a:lnTo>
                  <a:lnTo>
                    <a:pt x="4616195" y="0"/>
                  </a:lnTo>
                  <a:close/>
                </a:path>
                <a:path w="10361930" h="6141720">
                  <a:moveTo>
                    <a:pt x="4636008" y="0"/>
                  </a:moveTo>
                  <a:lnTo>
                    <a:pt x="4625340" y="0"/>
                  </a:lnTo>
                  <a:lnTo>
                    <a:pt x="4625340" y="10668"/>
                  </a:lnTo>
                  <a:lnTo>
                    <a:pt x="4636008" y="10668"/>
                  </a:lnTo>
                  <a:lnTo>
                    <a:pt x="4636008" y="0"/>
                  </a:lnTo>
                  <a:close/>
                </a:path>
                <a:path w="10361930" h="6141720">
                  <a:moveTo>
                    <a:pt x="4657344" y="0"/>
                  </a:moveTo>
                  <a:lnTo>
                    <a:pt x="4646676" y="0"/>
                  </a:lnTo>
                  <a:lnTo>
                    <a:pt x="4646676" y="10668"/>
                  </a:lnTo>
                  <a:lnTo>
                    <a:pt x="4657344" y="10668"/>
                  </a:lnTo>
                  <a:lnTo>
                    <a:pt x="4657344" y="0"/>
                  </a:lnTo>
                  <a:close/>
                </a:path>
                <a:path w="10361930" h="6141720">
                  <a:moveTo>
                    <a:pt x="4677156" y="0"/>
                  </a:moveTo>
                  <a:lnTo>
                    <a:pt x="4666488" y="0"/>
                  </a:lnTo>
                  <a:lnTo>
                    <a:pt x="4666488" y="10668"/>
                  </a:lnTo>
                  <a:lnTo>
                    <a:pt x="4677156" y="10668"/>
                  </a:lnTo>
                  <a:lnTo>
                    <a:pt x="4677156" y="0"/>
                  </a:lnTo>
                  <a:close/>
                </a:path>
                <a:path w="10361930" h="6141720">
                  <a:moveTo>
                    <a:pt x="4698492" y="0"/>
                  </a:moveTo>
                  <a:lnTo>
                    <a:pt x="4687823" y="0"/>
                  </a:lnTo>
                  <a:lnTo>
                    <a:pt x="4687823" y="10668"/>
                  </a:lnTo>
                  <a:lnTo>
                    <a:pt x="4698492" y="10668"/>
                  </a:lnTo>
                  <a:lnTo>
                    <a:pt x="4698492" y="0"/>
                  </a:lnTo>
                  <a:close/>
                </a:path>
                <a:path w="10361930" h="6141720">
                  <a:moveTo>
                    <a:pt x="4718304" y="0"/>
                  </a:moveTo>
                  <a:lnTo>
                    <a:pt x="4707635" y="0"/>
                  </a:lnTo>
                  <a:lnTo>
                    <a:pt x="4707635" y="10668"/>
                  </a:lnTo>
                  <a:lnTo>
                    <a:pt x="4718304" y="10668"/>
                  </a:lnTo>
                  <a:lnTo>
                    <a:pt x="4718304" y="0"/>
                  </a:lnTo>
                  <a:close/>
                </a:path>
                <a:path w="10361930" h="6141720">
                  <a:moveTo>
                    <a:pt x="4739640" y="0"/>
                  </a:moveTo>
                  <a:lnTo>
                    <a:pt x="4728971" y="0"/>
                  </a:lnTo>
                  <a:lnTo>
                    <a:pt x="4728971" y="10668"/>
                  </a:lnTo>
                  <a:lnTo>
                    <a:pt x="4739640" y="10668"/>
                  </a:lnTo>
                  <a:lnTo>
                    <a:pt x="4739640" y="0"/>
                  </a:lnTo>
                  <a:close/>
                </a:path>
                <a:path w="10361930" h="6141720">
                  <a:moveTo>
                    <a:pt x="4759452" y="0"/>
                  </a:moveTo>
                  <a:lnTo>
                    <a:pt x="4748783" y="0"/>
                  </a:lnTo>
                  <a:lnTo>
                    <a:pt x="4748783" y="10668"/>
                  </a:lnTo>
                  <a:lnTo>
                    <a:pt x="4759452" y="10668"/>
                  </a:lnTo>
                  <a:lnTo>
                    <a:pt x="4759452" y="0"/>
                  </a:lnTo>
                  <a:close/>
                </a:path>
                <a:path w="10361930" h="6141720">
                  <a:moveTo>
                    <a:pt x="4780788" y="0"/>
                  </a:moveTo>
                  <a:lnTo>
                    <a:pt x="4770120" y="0"/>
                  </a:lnTo>
                  <a:lnTo>
                    <a:pt x="4770120" y="10668"/>
                  </a:lnTo>
                  <a:lnTo>
                    <a:pt x="4780788" y="10668"/>
                  </a:lnTo>
                  <a:lnTo>
                    <a:pt x="4780788" y="0"/>
                  </a:lnTo>
                  <a:close/>
                </a:path>
                <a:path w="10361930" h="6141720">
                  <a:moveTo>
                    <a:pt x="4800600" y="0"/>
                  </a:moveTo>
                  <a:lnTo>
                    <a:pt x="4789932" y="0"/>
                  </a:lnTo>
                  <a:lnTo>
                    <a:pt x="4789932" y="10668"/>
                  </a:lnTo>
                  <a:lnTo>
                    <a:pt x="4800600" y="10668"/>
                  </a:lnTo>
                  <a:lnTo>
                    <a:pt x="4800600" y="0"/>
                  </a:lnTo>
                  <a:close/>
                </a:path>
                <a:path w="10361930" h="6141720">
                  <a:moveTo>
                    <a:pt x="4821935" y="0"/>
                  </a:moveTo>
                  <a:lnTo>
                    <a:pt x="4811268" y="0"/>
                  </a:lnTo>
                  <a:lnTo>
                    <a:pt x="4811268" y="10668"/>
                  </a:lnTo>
                  <a:lnTo>
                    <a:pt x="4821935" y="10668"/>
                  </a:lnTo>
                  <a:lnTo>
                    <a:pt x="4821935" y="0"/>
                  </a:lnTo>
                  <a:close/>
                </a:path>
                <a:path w="10361930" h="6141720">
                  <a:moveTo>
                    <a:pt x="4841747" y="0"/>
                  </a:moveTo>
                  <a:lnTo>
                    <a:pt x="4831080" y="0"/>
                  </a:lnTo>
                  <a:lnTo>
                    <a:pt x="4831080" y="10668"/>
                  </a:lnTo>
                  <a:lnTo>
                    <a:pt x="4841747" y="10668"/>
                  </a:lnTo>
                  <a:lnTo>
                    <a:pt x="4841747" y="0"/>
                  </a:lnTo>
                  <a:close/>
                </a:path>
                <a:path w="10361930" h="6141720">
                  <a:moveTo>
                    <a:pt x="4863083" y="0"/>
                  </a:moveTo>
                  <a:lnTo>
                    <a:pt x="4852416" y="0"/>
                  </a:lnTo>
                  <a:lnTo>
                    <a:pt x="4852416" y="10668"/>
                  </a:lnTo>
                  <a:lnTo>
                    <a:pt x="4863083" y="10668"/>
                  </a:lnTo>
                  <a:lnTo>
                    <a:pt x="4863083" y="0"/>
                  </a:lnTo>
                  <a:close/>
                </a:path>
                <a:path w="10361930" h="6141720">
                  <a:moveTo>
                    <a:pt x="4882895" y="0"/>
                  </a:moveTo>
                  <a:lnTo>
                    <a:pt x="4872228" y="0"/>
                  </a:lnTo>
                  <a:lnTo>
                    <a:pt x="4872228" y="10668"/>
                  </a:lnTo>
                  <a:lnTo>
                    <a:pt x="4882895" y="10668"/>
                  </a:lnTo>
                  <a:lnTo>
                    <a:pt x="4882895" y="0"/>
                  </a:lnTo>
                  <a:close/>
                </a:path>
                <a:path w="10361930" h="6141720">
                  <a:moveTo>
                    <a:pt x="4904232" y="0"/>
                  </a:moveTo>
                  <a:lnTo>
                    <a:pt x="4893564" y="0"/>
                  </a:lnTo>
                  <a:lnTo>
                    <a:pt x="4893564" y="10668"/>
                  </a:lnTo>
                  <a:lnTo>
                    <a:pt x="4904232" y="10668"/>
                  </a:lnTo>
                  <a:lnTo>
                    <a:pt x="4904232" y="0"/>
                  </a:lnTo>
                  <a:close/>
                </a:path>
                <a:path w="10361930" h="6141720">
                  <a:moveTo>
                    <a:pt x="4924044" y="0"/>
                  </a:moveTo>
                  <a:lnTo>
                    <a:pt x="4913376" y="0"/>
                  </a:lnTo>
                  <a:lnTo>
                    <a:pt x="4913376" y="10668"/>
                  </a:lnTo>
                  <a:lnTo>
                    <a:pt x="4924044" y="10668"/>
                  </a:lnTo>
                  <a:lnTo>
                    <a:pt x="4924044" y="0"/>
                  </a:lnTo>
                  <a:close/>
                </a:path>
                <a:path w="10361930" h="6141720">
                  <a:moveTo>
                    <a:pt x="4943856" y="0"/>
                  </a:moveTo>
                  <a:lnTo>
                    <a:pt x="4934711" y="0"/>
                  </a:lnTo>
                  <a:lnTo>
                    <a:pt x="4934711" y="10668"/>
                  </a:lnTo>
                  <a:lnTo>
                    <a:pt x="4943856" y="10668"/>
                  </a:lnTo>
                  <a:lnTo>
                    <a:pt x="4943856" y="0"/>
                  </a:lnTo>
                  <a:close/>
                </a:path>
                <a:path w="10361930" h="6141720">
                  <a:moveTo>
                    <a:pt x="4965192" y="0"/>
                  </a:moveTo>
                  <a:lnTo>
                    <a:pt x="4954523" y="0"/>
                  </a:lnTo>
                  <a:lnTo>
                    <a:pt x="4954523" y="10668"/>
                  </a:lnTo>
                  <a:lnTo>
                    <a:pt x="4965192" y="10668"/>
                  </a:lnTo>
                  <a:lnTo>
                    <a:pt x="4965192" y="0"/>
                  </a:lnTo>
                  <a:close/>
                </a:path>
                <a:path w="10361930" h="6141720">
                  <a:moveTo>
                    <a:pt x="4985004" y="0"/>
                  </a:moveTo>
                  <a:lnTo>
                    <a:pt x="4975859" y="0"/>
                  </a:lnTo>
                  <a:lnTo>
                    <a:pt x="4975859" y="10668"/>
                  </a:lnTo>
                  <a:lnTo>
                    <a:pt x="4985004" y="10668"/>
                  </a:lnTo>
                  <a:lnTo>
                    <a:pt x="4985004" y="0"/>
                  </a:lnTo>
                  <a:close/>
                </a:path>
                <a:path w="10361930" h="6141720">
                  <a:moveTo>
                    <a:pt x="5006340" y="0"/>
                  </a:moveTo>
                  <a:lnTo>
                    <a:pt x="4995671" y="0"/>
                  </a:lnTo>
                  <a:lnTo>
                    <a:pt x="4995671" y="10668"/>
                  </a:lnTo>
                  <a:lnTo>
                    <a:pt x="5006340" y="10668"/>
                  </a:lnTo>
                  <a:lnTo>
                    <a:pt x="5006340" y="0"/>
                  </a:lnTo>
                  <a:close/>
                </a:path>
                <a:path w="10361930" h="6141720">
                  <a:moveTo>
                    <a:pt x="5026152" y="0"/>
                  </a:moveTo>
                  <a:lnTo>
                    <a:pt x="5017008" y="0"/>
                  </a:lnTo>
                  <a:lnTo>
                    <a:pt x="5017008" y="10668"/>
                  </a:lnTo>
                  <a:lnTo>
                    <a:pt x="5026152" y="10668"/>
                  </a:lnTo>
                  <a:lnTo>
                    <a:pt x="5026152" y="0"/>
                  </a:lnTo>
                  <a:close/>
                </a:path>
                <a:path w="10361930" h="6141720">
                  <a:moveTo>
                    <a:pt x="5047488" y="0"/>
                  </a:moveTo>
                  <a:lnTo>
                    <a:pt x="5036820" y="0"/>
                  </a:lnTo>
                  <a:lnTo>
                    <a:pt x="5036820" y="10668"/>
                  </a:lnTo>
                  <a:lnTo>
                    <a:pt x="5047488" y="10668"/>
                  </a:lnTo>
                  <a:lnTo>
                    <a:pt x="5047488" y="0"/>
                  </a:lnTo>
                  <a:close/>
                </a:path>
                <a:path w="10361930" h="6141720">
                  <a:moveTo>
                    <a:pt x="5067300" y="0"/>
                  </a:moveTo>
                  <a:lnTo>
                    <a:pt x="5058156" y="0"/>
                  </a:lnTo>
                  <a:lnTo>
                    <a:pt x="5058156" y="10668"/>
                  </a:lnTo>
                  <a:lnTo>
                    <a:pt x="5067300" y="10668"/>
                  </a:lnTo>
                  <a:lnTo>
                    <a:pt x="5067300" y="0"/>
                  </a:lnTo>
                  <a:close/>
                </a:path>
                <a:path w="10361930" h="6141720">
                  <a:moveTo>
                    <a:pt x="5088635" y="0"/>
                  </a:moveTo>
                  <a:lnTo>
                    <a:pt x="5077968" y="0"/>
                  </a:lnTo>
                  <a:lnTo>
                    <a:pt x="5077968" y="10668"/>
                  </a:lnTo>
                  <a:lnTo>
                    <a:pt x="5088635" y="10668"/>
                  </a:lnTo>
                  <a:lnTo>
                    <a:pt x="5088635" y="0"/>
                  </a:lnTo>
                  <a:close/>
                </a:path>
                <a:path w="10361930" h="6141720">
                  <a:moveTo>
                    <a:pt x="5108447" y="0"/>
                  </a:moveTo>
                  <a:lnTo>
                    <a:pt x="5099304" y="0"/>
                  </a:lnTo>
                  <a:lnTo>
                    <a:pt x="5099304" y="10668"/>
                  </a:lnTo>
                  <a:lnTo>
                    <a:pt x="5108447" y="10668"/>
                  </a:lnTo>
                  <a:lnTo>
                    <a:pt x="5108447" y="0"/>
                  </a:lnTo>
                  <a:close/>
                </a:path>
                <a:path w="10361930" h="6141720">
                  <a:moveTo>
                    <a:pt x="5129783" y="0"/>
                  </a:moveTo>
                  <a:lnTo>
                    <a:pt x="5119116" y="0"/>
                  </a:lnTo>
                  <a:lnTo>
                    <a:pt x="5119116" y="10668"/>
                  </a:lnTo>
                  <a:lnTo>
                    <a:pt x="5129783" y="10668"/>
                  </a:lnTo>
                  <a:lnTo>
                    <a:pt x="5129783" y="0"/>
                  </a:lnTo>
                  <a:close/>
                </a:path>
                <a:path w="10361930" h="6141720">
                  <a:moveTo>
                    <a:pt x="5149595" y="0"/>
                  </a:moveTo>
                  <a:lnTo>
                    <a:pt x="5140452" y="0"/>
                  </a:lnTo>
                  <a:lnTo>
                    <a:pt x="5140452" y="10668"/>
                  </a:lnTo>
                  <a:lnTo>
                    <a:pt x="5149595" y="10668"/>
                  </a:lnTo>
                  <a:lnTo>
                    <a:pt x="5149595" y="0"/>
                  </a:lnTo>
                  <a:close/>
                </a:path>
                <a:path w="10361930" h="6141720">
                  <a:moveTo>
                    <a:pt x="5170932" y="0"/>
                  </a:moveTo>
                  <a:lnTo>
                    <a:pt x="5160264" y="0"/>
                  </a:lnTo>
                  <a:lnTo>
                    <a:pt x="5160264" y="10668"/>
                  </a:lnTo>
                  <a:lnTo>
                    <a:pt x="5170932" y="10668"/>
                  </a:lnTo>
                  <a:lnTo>
                    <a:pt x="5170932" y="0"/>
                  </a:lnTo>
                  <a:close/>
                </a:path>
                <a:path w="10361930" h="6141720">
                  <a:moveTo>
                    <a:pt x="5190744" y="0"/>
                  </a:moveTo>
                  <a:lnTo>
                    <a:pt x="5181600" y="0"/>
                  </a:lnTo>
                  <a:lnTo>
                    <a:pt x="5181600" y="10668"/>
                  </a:lnTo>
                  <a:lnTo>
                    <a:pt x="5190744" y="10668"/>
                  </a:lnTo>
                  <a:lnTo>
                    <a:pt x="5190744" y="0"/>
                  </a:lnTo>
                  <a:close/>
                </a:path>
                <a:path w="10361930" h="6141720">
                  <a:moveTo>
                    <a:pt x="5212080" y="0"/>
                  </a:moveTo>
                  <a:lnTo>
                    <a:pt x="5201411" y="0"/>
                  </a:lnTo>
                  <a:lnTo>
                    <a:pt x="5201411" y="10668"/>
                  </a:lnTo>
                  <a:lnTo>
                    <a:pt x="5212080" y="10668"/>
                  </a:lnTo>
                  <a:lnTo>
                    <a:pt x="5212080" y="0"/>
                  </a:lnTo>
                  <a:close/>
                </a:path>
                <a:path w="10361930" h="6141720">
                  <a:moveTo>
                    <a:pt x="5231892" y="0"/>
                  </a:moveTo>
                  <a:lnTo>
                    <a:pt x="5222747" y="0"/>
                  </a:lnTo>
                  <a:lnTo>
                    <a:pt x="5222747" y="10668"/>
                  </a:lnTo>
                  <a:lnTo>
                    <a:pt x="5231892" y="10668"/>
                  </a:lnTo>
                  <a:lnTo>
                    <a:pt x="5231892" y="0"/>
                  </a:lnTo>
                  <a:close/>
                </a:path>
                <a:path w="10361930" h="6141720">
                  <a:moveTo>
                    <a:pt x="5253228" y="0"/>
                  </a:moveTo>
                  <a:lnTo>
                    <a:pt x="5242559" y="0"/>
                  </a:lnTo>
                  <a:lnTo>
                    <a:pt x="5242559" y="10668"/>
                  </a:lnTo>
                  <a:lnTo>
                    <a:pt x="5253228" y="10668"/>
                  </a:lnTo>
                  <a:lnTo>
                    <a:pt x="5253228" y="0"/>
                  </a:lnTo>
                  <a:close/>
                </a:path>
                <a:path w="10361930" h="6141720">
                  <a:moveTo>
                    <a:pt x="5273040" y="0"/>
                  </a:moveTo>
                  <a:lnTo>
                    <a:pt x="5263895" y="0"/>
                  </a:lnTo>
                  <a:lnTo>
                    <a:pt x="5263895" y="10668"/>
                  </a:lnTo>
                  <a:lnTo>
                    <a:pt x="5273040" y="10668"/>
                  </a:lnTo>
                  <a:lnTo>
                    <a:pt x="5273040" y="0"/>
                  </a:lnTo>
                  <a:close/>
                </a:path>
                <a:path w="10361930" h="6141720">
                  <a:moveTo>
                    <a:pt x="5294376" y="0"/>
                  </a:moveTo>
                  <a:lnTo>
                    <a:pt x="5283708" y="0"/>
                  </a:lnTo>
                  <a:lnTo>
                    <a:pt x="5283708" y="10668"/>
                  </a:lnTo>
                  <a:lnTo>
                    <a:pt x="5294376" y="10668"/>
                  </a:lnTo>
                  <a:lnTo>
                    <a:pt x="5294376" y="0"/>
                  </a:lnTo>
                  <a:close/>
                </a:path>
                <a:path w="10361930" h="6141720">
                  <a:moveTo>
                    <a:pt x="5314188" y="0"/>
                  </a:moveTo>
                  <a:lnTo>
                    <a:pt x="5305044" y="0"/>
                  </a:lnTo>
                  <a:lnTo>
                    <a:pt x="5305044" y="10668"/>
                  </a:lnTo>
                  <a:lnTo>
                    <a:pt x="5314188" y="10668"/>
                  </a:lnTo>
                  <a:lnTo>
                    <a:pt x="5314188" y="0"/>
                  </a:lnTo>
                  <a:close/>
                </a:path>
                <a:path w="10361930" h="6141720">
                  <a:moveTo>
                    <a:pt x="5335523" y="0"/>
                  </a:moveTo>
                  <a:lnTo>
                    <a:pt x="5324856" y="0"/>
                  </a:lnTo>
                  <a:lnTo>
                    <a:pt x="5324856" y="10668"/>
                  </a:lnTo>
                  <a:lnTo>
                    <a:pt x="5335523" y="10668"/>
                  </a:lnTo>
                  <a:lnTo>
                    <a:pt x="5335523" y="0"/>
                  </a:lnTo>
                  <a:close/>
                </a:path>
                <a:path w="10361930" h="6141720">
                  <a:moveTo>
                    <a:pt x="5355335" y="0"/>
                  </a:moveTo>
                  <a:lnTo>
                    <a:pt x="5346192" y="0"/>
                  </a:lnTo>
                  <a:lnTo>
                    <a:pt x="5346192" y="10668"/>
                  </a:lnTo>
                  <a:lnTo>
                    <a:pt x="5355335" y="10668"/>
                  </a:lnTo>
                  <a:lnTo>
                    <a:pt x="5355335" y="0"/>
                  </a:lnTo>
                  <a:close/>
                </a:path>
                <a:path w="10361930" h="6141720">
                  <a:moveTo>
                    <a:pt x="5376671" y="0"/>
                  </a:moveTo>
                  <a:lnTo>
                    <a:pt x="5366004" y="0"/>
                  </a:lnTo>
                  <a:lnTo>
                    <a:pt x="5366004" y="10668"/>
                  </a:lnTo>
                  <a:lnTo>
                    <a:pt x="5376671" y="10668"/>
                  </a:lnTo>
                  <a:lnTo>
                    <a:pt x="5376671" y="0"/>
                  </a:lnTo>
                  <a:close/>
                </a:path>
                <a:path w="10361930" h="6141720">
                  <a:moveTo>
                    <a:pt x="5396483" y="0"/>
                  </a:moveTo>
                  <a:lnTo>
                    <a:pt x="5387340" y="0"/>
                  </a:lnTo>
                  <a:lnTo>
                    <a:pt x="5387340" y="10668"/>
                  </a:lnTo>
                  <a:lnTo>
                    <a:pt x="5396483" y="10668"/>
                  </a:lnTo>
                  <a:lnTo>
                    <a:pt x="5396483" y="0"/>
                  </a:lnTo>
                  <a:close/>
                </a:path>
                <a:path w="10361930" h="6141720">
                  <a:moveTo>
                    <a:pt x="5417820" y="0"/>
                  </a:moveTo>
                  <a:lnTo>
                    <a:pt x="5407152" y="0"/>
                  </a:lnTo>
                  <a:lnTo>
                    <a:pt x="5407152" y="10668"/>
                  </a:lnTo>
                  <a:lnTo>
                    <a:pt x="5417820" y="10668"/>
                  </a:lnTo>
                  <a:lnTo>
                    <a:pt x="5417820" y="0"/>
                  </a:lnTo>
                  <a:close/>
                </a:path>
                <a:path w="10361930" h="6141720">
                  <a:moveTo>
                    <a:pt x="5437632" y="0"/>
                  </a:moveTo>
                  <a:lnTo>
                    <a:pt x="5428488" y="0"/>
                  </a:lnTo>
                  <a:lnTo>
                    <a:pt x="5428488" y="10668"/>
                  </a:lnTo>
                  <a:lnTo>
                    <a:pt x="5437632" y="10668"/>
                  </a:lnTo>
                  <a:lnTo>
                    <a:pt x="5437632" y="0"/>
                  </a:lnTo>
                  <a:close/>
                </a:path>
                <a:path w="10361930" h="6141720">
                  <a:moveTo>
                    <a:pt x="5458968" y="0"/>
                  </a:moveTo>
                  <a:lnTo>
                    <a:pt x="5448300" y="0"/>
                  </a:lnTo>
                  <a:lnTo>
                    <a:pt x="5448300" y="10668"/>
                  </a:lnTo>
                  <a:lnTo>
                    <a:pt x="5458968" y="10668"/>
                  </a:lnTo>
                  <a:lnTo>
                    <a:pt x="5458968" y="0"/>
                  </a:lnTo>
                  <a:close/>
                </a:path>
                <a:path w="10361930" h="6141720">
                  <a:moveTo>
                    <a:pt x="5478780" y="0"/>
                  </a:moveTo>
                  <a:lnTo>
                    <a:pt x="5469635" y="0"/>
                  </a:lnTo>
                  <a:lnTo>
                    <a:pt x="5469635" y="10668"/>
                  </a:lnTo>
                  <a:lnTo>
                    <a:pt x="5478780" y="10668"/>
                  </a:lnTo>
                  <a:lnTo>
                    <a:pt x="5478780" y="0"/>
                  </a:lnTo>
                  <a:close/>
                </a:path>
                <a:path w="10361930" h="6141720">
                  <a:moveTo>
                    <a:pt x="5500116" y="0"/>
                  </a:moveTo>
                  <a:lnTo>
                    <a:pt x="5489447" y="0"/>
                  </a:lnTo>
                  <a:lnTo>
                    <a:pt x="5489447" y="10668"/>
                  </a:lnTo>
                  <a:lnTo>
                    <a:pt x="5500116" y="10668"/>
                  </a:lnTo>
                  <a:lnTo>
                    <a:pt x="5500116" y="0"/>
                  </a:lnTo>
                  <a:close/>
                </a:path>
                <a:path w="10361930" h="6141720">
                  <a:moveTo>
                    <a:pt x="5519928" y="0"/>
                  </a:moveTo>
                  <a:lnTo>
                    <a:pt x="5510783" y="0"/>
                  </a:lnTo>
                  <a:lnTo>
                    <a:pt x="5510783" y="10668"/>
                  </a:lnTo>
                  <a:lnTo>
                    <a:pt x="5519928" y="10668"/>
                  </a:lnTo>
                  <a:lnTo>
                    <a:pt x="5519928" y="0"/>
                  </a:lnTo>
                  <a:close/>
                </a:path>
                <a:path w="10361930" h="6141720">
                  <a:moveTo>
                    <a:pt x="5541264" y="0"/>
                  </a:moveTo>
                  <a:lnTo>
                    <a:pt x="5530595" y="0"/>
                  </a:lnTo>
                  <a:lnTo>
                    <a:pt x="5530595" y="10668"/>
                  </a:lnTo>
                  <a:lnTo>
                    <a:pt x="5541264" y="10668"/>
                  </a:lnTo>
                  <a:lnTo>
                    <a:pt x="5541264" y="0"/>
                  </a:lnTo>
                  <a:close/>
                </a:path>
                <a:path w="10361930" h="6141720">
                  <a:moveTo>
                    <a:pt x="5561076" y="0"/>
                  </a:moveTo>
                  <a:lnTo>
                    <a:pt x="5550408" y="0"/>
                  </a:lnTo>
                  <a:lnTo>
                    <a:pt x="5550408" y="10668"/>
                  </a:lnTo>
                  <a:lnTo>
                    <a:pt x="5561076" y="10668"/>
                  </a:lnTo>
                  <a:lnTo>
                    <a:pt x="5561076" y="0"/>
                  </a:lnTo>
                  <a:close/>
                </a:path>
                <a:path w="10361930" h="6141720">
                  <a:moveTo>
                    <a:pt x="5582411" y="0"/>
                  </a:moveTo>
                  <a:lnTo>
                    <a:pt x="5571744" y="0"/>
                  </a:lnTo>
                  <a:lnTo>
                    <a:pt x="5571744" y="10668"/>
                  </a:lnTo>
                  <a:lnTo>
                    <a:pt x="5582411" y="10668"/>
                  </a:lnTo>
                  <a:lnTo>
                    <a:pt x="5582411" y="0"/>
                  </a:lnTo>
                  <a:close/>
                </a:path>
                <a:path w="10361930" h="6141720">
                  <a:moveTo>
                    <a:pt x="5602223" y="0"/>
                  </a:moveTo>
                  <a:lnTo>
                    <a:pt x="5591556" y="0"/>
                  </a:lnTo>
                  <a:lnTo>
                    <a:pt x="5591556" y="10668"/>
                  </a:lnTo>
                  <a:lnTo>
                    <a:pt x="5602223" y="10668"/>
                  </a:lnTo>
                  <a:lnTo>
                    <a:pt x="5602223" y="0"/>
                  </a:lnTo>
                  <a:close/>
                </a:path>
                <a:path w="10361930" h="6141720">
                  <a:moveTo>
                    <a:pt x="5623559" y="0"/>
                  </a:moveTo>
                  <a:lnTo>
                    <a:pt x="5612892" y="0"/>
                  </a:lnTo>
                  <a:lnTo>
                    <a:pt x="5612892" y="10668"/>
                  </a:lnTo>
                  <a:lnTo>
                    <a:pt x="5623559" y="10668"/>
                  </a:lnTo>
                  <a:lnTo>
                    <a:pt x="5623559" y="0"/>
                  </a:lnTo>
                  <a:close/>
                </a:path>
                <a:path w="10361930" h="6141720">
                  <a:moveTo>
                    <a:pt x="5643371" y="0"/>
                  </a:moveTo>
                  <a:lnTo>
                    <a:pt x="5632704" y="0"/>
                  </a:lnTo>
                  <a:lnTo>
                    <a:pt x="5632704" y="10668"/>
                  </a:lnTo>
                  <a:lnTo>
                    <a:pt x="5643371" y="10668"/>
                  </a:lnTo>
                  <a:lnTo>
                    <a:pt x="5643371" y="0"/>
                  </a:lnTo>
                  <a:close/>
                </a:path>
                <a:path w="10361930" h="6141720">
                  <a:moveTo>
                    <a:pt x="5664708" y="0"/>
                  </a:moveTo>
                  <a:lnTo>
                    <a:pt x="5654040" y="0"/>
                  </a:lnTo>
                  <a:lnTo>
                    <a:pt x="5654040" y="10668"/>
                  </a:lnTo>
                  <a:lnTo>
                    <a:pt x="5664708" y="10668"/>
                  </a:lnTo>
                  <a:lnTo>
                    <a:pt x="5664708" y="0"/>
                  </a:lnTo>
                  <a:close/>
                </a:path>
                <a:path w="10361930" h="6141720">
                  <a:moveTo>
                    <a:pt x="5684520" y="0"/>
                  </a:moveTo>
                  <a:lnTo>
                    <a:pt x="5673852" y="0"/>
                  </a:lnTo>
                  <a:lnTo>
                    <a:pt x="5673852" y="10668"/>
                  </a:lnTo>
                  <a:lnTo>
                    <a:pt x="5684520" y="10668"/>
                  </a:lnTo>
                  <a:lnTo>
                    <a:pt x="5684520" y="0"/>
                  </a:lnTo>
                  <a:close/>
                </a:path>
                <a:path w="10361930" h="6141720">
                  <a:moveTo>
                    <a:pt x="5705856" y="0"/>
                  </a:moveTo>
                  <a:lnTo>
                    <a:pt x="5695188" y="0"/>
                  </a:lnTo>
                  <a:lnTo>
                    <a:pt x="5695188" y="10668"/>
                  </a:lnTo>
                  <a:lnTo>
                    <a:pt x="5705856" y="10668"/>
                  </a:lnTo>
                  <a:lnTo>
                    <a:pt x="5705856" y="0"/>
                  </a:lnTo>
                  <a:close/>
                </a:path>
                <a:path w="10361930" h="6141720">
                  <a:moveTo>
                    <a:pt x="5725668" y="0"/>
                  </a:moveTo>
                  <a:lnTo>
                    <a:pt x="5715000" y="0"/>
                  </a:lnTo>
                  <a:lnTo>
                    <a:pt x="5715000" y="10668"/>
                  </a:lnTo>
                  <a:lnTo>
                    <a:pt x="5725668" y="10668"/>
                  </a:lnTo>
                  <a:lnTo>
                    <a:pt x="5725668" y="0"/>
                  </a:lnTo>
                  <a:close/>
                </a:path>
                <a:path w="10361930" h="6141720">
                  <a:moveTo>
                    <a:pt x="5747004" y="0"/>
                  </a:moveTo>
                  <a:lnTo>
                    <a:pt x="5736335" y="0"/>
                  </a:lnTo>
                  <a:lnTo>
                    <a:pt x="5736335" y="10668"/>
                  </a:lnTo>
                  <a:lnTo>
                    <a:pt x="5747004" y="10668"/>
                  </a:lnTo>
                  <a:lnTo>
                    <a:pt x="5747004" y="0"/>
                  </a:lnTo>
                  <a:close/>
                </a:path>
                <a:path w="10361930" h="6141720">
                  <a:moveTo>
                    <a:pt x="5766816" y="0"/>
                  </a:moveTo>
                  <a:lnTo>
                    <a:pt x="5756147" y="0"/>
                  </a:lnTo>
                  <a:lnTo>
                    <a:pt x="5756147" y="10668"/>
                  </a:lnTo>
                  <a:lnTo>
                    <a:pt x="5766816" y="10668"/>
                  </a:lnTo>
                  <a:lnTo>
                    <a:pt x="5766816" y="0"/>
                  </a:lnTo>
                  <a:close/>
                </a:path>
                <a:path w="10361930" h="6141720">
                  <a:moveTo>
                    <a:pt x="5788152" y="0"/>
                  </a:moveTo>
                  <a:lnTo>
                    <a:pt x="5777483" y="0"/>
                  </a:lnTo>
                  <a:lnTo>
                    <a:pt x="5777483" y="10668"/>
                  </a:lnTo>
                  <a:lnTo>
                    <a:pt x="5788152" y="10668"/>
                  </a:lnTo>
                  <a:lnTo>
                    <a:pt x="5788152" y="0"/>
                  </a:lnTo>
                  <a:close/>
                </a:path>
                <a:path w="10361930" h="6141720">
                  <a:moveTo>
                    <a:pt x="5807964" y="0"/>
                  </a:moveTo>
                  <a:lnTo>
                    <a:pt x="5797295" y="0"/>
                  </a:lnTo>
                  <a:lnTo>
                    <a:pt x="5797295" y="10668"/>
                  </a:lnTo>
                  <a:lnTo>
                    <a:pt x="5807964" y="10668"/>
                  </a:lnTo>
                  <a:lnTo>
                    <a:pt x="5807964" y="0"/>
                  </a:lnTo>
                  <a:close/>
                </a:path>
                <a:path w="10361930" h="6141720">
                  <a:moveTo>
                    <a:pt x="5829300" y="0"/>
                  </a:moveTo>
                  <a:lnTo>
                    <a:pt x="5818632" y="0"/>
                  </a:lnTo>
                  <a:lnTo>
                    <a:pt x="5818632" y="10668"/>
                  </a:lnTo>
                  <a:lnTo>
                    <a:pt x="5829300" y="10668"/>
                  </a:lnTo>
                  <a:lnTo>
                    <a:pt x="5829300" y="0"/>
                  </a:lnTo>
                  <a:close/>
                </a:path>
                <a:path w="10361930" h="6141720">
                  <a:moveTo>
                    <a:pt x="5849111" y="0"/>
                  </a:moveTo>
                  <a:lnTo>
                    <a:pt x="5838444" y="0"/>
                  </a:lnTo>
                  <a:lnTo>
                    <a:pt x="5838444" y="10668"/>
                  </a:lnTo>
                  <a:lnTo>
                    <a:pt x="5849111" y="10668"/>
                  </a:lnTo>
                  <a:lnTo>
                    <a:pt x="5849111" y="0"/>
                  </a:lnTo>
                  <a:close/>
                </a:path>
                <a:path w="10361930" h="6141720">
                  <a:moveTo>
                    <a:pt x="5870447" y="0"/>
                  </a:moveTo>
                  <a:lnTo>
                    <a:pt x="5859780" y="0"/>
                  </a:lnTo>
                  <a:lnTo>
                    <a:pt x="5859780" y="10668"/>
                  </a:lnTo>
                  <a:lnTo>
                    <a:pt x="5870447" y="10668"/>
                  </a:lnTo>
                  <a:lnTo>
                    <a:pt x="5870447" y="0"/>
                  </a:lnTo>
                  <a:close/>
                </a:path>
                <a:path w="10361930" h="6141720">
                  <a:moveTo>
                    <a:pt x="5890259" y="0"/>
                  </a:moveTo>
                  <a:lnTo>
                    <a:pt x="5879592" y="0"/>
                  </a:lnTo>
                  <a:lnTo>
                    <a:pt x="5879592" y="10668"/>
                  </a:lnTo>
                  <a:lnTo>
                    <a:pt x="5890259" y="10668"/>
                  </a:lnTo>
                  <a:lnTo>
                    <a:pt x="5890259" y="0"/>
                  </a:lnTo>
                  <a:close/>
                </a:path>
                <a:path w="10361930" h="6141720">
                  <a:moveTo>
                    <a:pt x="5911595" y="0"/>
                  </a:moveTo>
                  <a:lnTo>
                    <a:pt x="5900928" y="0"/>
                  </a:lnTo>
                  <a:lnTo>
                    <a:pt x="5900928" y="10668"/>
                  </a:lnTo>
                  <a:lnTo>
                    <a:pt x="5911595" y="10668"/>
                  </a:lnTo>
                  <a:lnTo>
                    <a:pt x="5911595" y="0"/>
                  </a:lnTo>
                  <a:close/>
                </a:path>
                <a:path w="10361930" h="6141720">
                  <a:moveTo>
                    <a:pt x="5931408" y="0"/>
                  </a:moveTo>
                  <a:lnTo>
                    <a:pt x="5920740" y="0"/>
                  </a:lnTo>
                  <a:lnTo>
                    <a:pt x="5920740" y="10668"/>
                  </a:lnTo>
                  <a:lnTo>
                    <a:pt x="5931408" y="10668"/>
                  </a:lnTo>
                  <a:lnTo>
                    <a:pt x="5931408" y="0"/>
                  </a:lnTo>
                  <a:close/>
                </a:path>
                <a:path w="10361930" h="6141720">
                  <a:moveTo>
                    <a:pt x="5952744" y="0"/>
                  </a:moveTo>
                  <a:lnTo>
                    <a:pt x="5942076" y="0"/>
                  </a:lnTo>
                  <a:lnTo>
                    <a:pt x="5942076" y="10668"/>
                  </a:lnTo>
                  <a:lnTo>
                    <a:pt x="5952744" y="10668"/>
                  </a:lnTo>
                  <a:lnTo>
                    <a:pt x="5952744" y="0"/>
                  </a:lnTo>
                  <a:close/>
                </a:path>
                <a:path w="10361930" h="6141720">
                  <a:moveTo>
                    <a:pt x="5972556" y="0"/>
                  </a:moveTo>
                  <a:lnTo>
                    <a:pt x="5961888" y="0"/>
                  </a:lnTo>
                  <a:lnTo>
                    <a:pt x="5961888" y="10668"/>
                  </a:lnTo>
                  <a:lnTo>
                    <a:pt x="5972556" y="10668"/>
                  </a:lnTo>
                  <a:lnTo>
                    <a:pt x="5972556" y="0"/>
                  </a:lnTo>
                  <a:close/>
                </a:path>
                <a:path w="10361930" h="6141720">
                  <a:moveTo>
                    <a:pt x="5993892" y="0"/>
                  </a:moveTo>
                  <a:lnTo>
                    <a:pt x="5983223" y="0"/>
                  </a:lnTo>
                  <a:lnTo>
                    <a:pt x="5983223" y="10668"/>
                  </a:lnTo>
                  <a:lnTo>
                    <a:pt x="5993892" y="10668"/>
                  </a:lnTo>
                  <a:lnTo>
                    <a:pt x="5993892" y="0"/>
                  </a:lnTo>
                  <a:close/>
                </a:path>
                <a:path w="10361930" h="6141720">
                  <a:moveTo>
                    <a:pt x="6013704" y="0"/>
                  </a:moveTo>
                  <a:lnTo>
                    <a:pt x="6003035" y="0"/>
                  </a:lnTo>
                  <a:lnTo>
                    <a:pt x="6003035" y="10668"/>
                  </a:lnTo>
                  <a:lnTo>
                    <a:pt x="6013704" y="10668"/>
                  </a:lnTo>
                  <a:lnTo>
                    <a:pt x="6013704" y="0"/>
                  </a:lnTo>
                  <a:close/>
                </a:path>
                <a:path w="10361930" h="6141720">
                  <a:moveTo>
                    <a:pt x="6035040" y="0"/>
                  </a:moveTo>
                  <a:lnTo>
                    <a:pt x="6024371" y="0"/>
                  </a:lnTo>
                  <a:lnTo>
                    <a:pt x="6024371" y="10668"/>
                  </a:lnTo>
                  <a:lnTo>
                    <a:pt x="6035040" y="10668"/>
                  </a:lnTo>
                  <a:lnTo>
                    <a:pt x="6035040" y="0"/>
                  </a:lnTo>
                  <a:close/>
                </a:path>
                <a:path w="10361930" h="6141720">
                  <a:moveTo>
                    <a:pt x="6054852" y="0"/>
                  </a:moveTo>
                  <a:lnTo>
                    <a:pt x="6044183" y="0"/>
                  </a:lnTo>
                  <a:lnTo>
                    <a:pt x="6044183" y="10668"/>
                  </a:lnTo>
                  <a:lnTo>
                    <a:pt x="6054852" y="10668"/>
                  </a:lnTo>
                  <a:lnTo>
                    <a:pt x="6054852" y="0"/>
                  </a:lnTo>
                  <a:close/>
                </a:path>
                <a:path w="10361930" h="6141720">
                  <a:moveTo>
                    <a:pt x="6076188" y="0"/>
                  </a:moveTo>
                  <a:lnTo>
                    <a:pt x="6065520" y="0"/>
                  </a:lnTo>
                  <a:lnTo>
                    <a:pt x="6065520" y="10668"/>
                  </a:lnTo>
                  <a:lnTo>
                    <a:pt x="6076188" y="10668"/>
                  </a:lnTo>
                  <a:lnTo>
                    <a:pt x="6076188" y="0"/>
                  </a:lnTo>
                  <a:close/>
                </a:path>
                <a:path w="10361930" h="6141720">
                  <a:moveTo>
                    <a:pt x="6096000" y="0"/>
                  </a:moveTo>
                  <a:lnTo>
                    <a:pt x="6085332" y="0"/>
                  </a:lnTo>
                  <a:lnTo>
                    <a:pt x="6085332" y="10668"/>
                  </a:lnTo>
                  <a:lnTo>
                    <a:pt x="6096000" y="10668"/>
                  </a:lnTo>
                  <a:lnTo>
                    <a:pt x="6096000" y="0"/>
                  </a:lnTo>
                  <a:close/>
                </a:path>
                <a:path w="10361930" h="6141720">
                  <a:moveTo>
                    <a:pt x="6117335" y="0"/>
                  </a:moveTo>
                  <a:lnTo>
                    <a:pt x="6106668" y="0"/>
                  </a:lnTo>
                  <a:lnTo>
                    <a:pt x="6106668" y="10668"/>
                  </a:lnTo>
                  <a:lnTo>
                    <a:pt x="6117335" y="10668"/>
                  </a:lnTo>
                  <a:lnTo>
                    <a:pt x="6117335" y="0"/>
                  </a:lnTo>
                  <a:close/>
                </a:path>
                <a:path w="10361930" h="6141720">
                  <a:moveTo>
                    <a:pt x="6137147" y="0"/>
                  </a:moveTo>
                  <a:lnTo>
                    <a:pt x="6126480" y="0"/>
                  </a:lnTo>
                  <a:lnTo>
                    <a:pt x="6126480" y="10668"/>
                  </a:lnTo>
                  <a:lnTo>
                    <a:pt x="6137147" y="10668"/>
                  </a:lnTo>
                  <a:lnTo>
                    <a:pt x="6137147" y="0"/>
                  </a:lnTo>
                  <a:close/>
                </a:path>
                <a:path w="10361930" h="6141720">
                  <a:moveTo>
                    <a:pt x="6156959" y="0"/>
                  </a:moveTo>
                  <a:lnTo>
                    <a:pt x="6147816" y="0"/>
                  </a:lnTo>
                  <a:lnTo>
                    <a:pt x="6147816" y="10668"/>
                  </a:lnTo>
                  <a:lnTo>
                    <a:pt x="6156959" y="10668"/>
                  </a:lnTo>
                  <a:lnTo>
                    <a:pt x="6156959" y="0"/>
                  </a:lnTo>
                  <a:close/>
                </a:path>
                <a:path w="10361930" h="6141720">
                  <a:moveTo>
                    <a:pt x="6178295" y="0"/>
                  </a:moveTo>
                  <a:lnTo>
                    <a:pt x="6167628" y="0"/>
                  </a:lnTo>
                  <a:lnTo>
                    <a:pt x="6167628" y="10668"/>
                  </a:lnTo>
                  <a:lnTo>
                    <a:pt x="6178295" y="10668"/>
                  </a:lnTo>
                  <a:lnTo>
                    <a:pt x="6178295" y="0"/>
                  </a:lnTo>
                  <a:close/>
                </a:path>
                <a:path w="10361930" h="6141720">
                  <a:moveTo>
                    <a:pt x="6198108" y="0"/>
                  </a:moveTo>
                  <a:lnTo>
                    <a:pt x="6188964" y="0"/>
                  </a:lnTo>
                  <a:lnTo>
                    <a:pt x="6188964" y="10668"/>
                  </a:lnTo>
                  <a:lnTo>
                    <a:pt x="6198108" y="10668"/>
                  </a:lnTo>
                  <a:lnTo>
                    <a:pt x="6198108" y="0"/>
                  </a:lnTo>
                  <a:close/>
                </a:path>
                <a:path w="10361930" h="6141720">
                  <a:moveTo>
                    <a:pt x="6219444" y="0"/>
                  </a:moveTo>
                  <a:lnTo>
                    <a:pt x="6208776" y="0"/>
                  </a:lnTo>
                  <a:lnTo>
                    <a:pt x="6208776" y="10668"/>
                  </a:lnTo>
                  <a:lnTo>
                    <a:pt x="6219444" y="10668"/>
                  </a:lnTo>
                  <a:lnTo>
                    <a:pt x="6219444" y="0"/>
                  </a:lnTo>
                  <a:close/>
                </a:path>
                <a:path w="10361930" h="6141720">
                  <a:moveTo>
                    <a:pt x="6239256" y="0"/>
                  </a:moveTo>
                  <a:lnTo>
                    <a:pt x="6230111" y="0"/>
                  </a:lnTo>
                  <a:lnTo>
                    <a:pt x="6230111" y="10668"/>
                  </a:lnTo>
                  <a:lnTo>
                    <a:pt x="6239256" y="10668"/>
                  </a:lnTo>
                  <a:lnTo>
                    <a:pt x="6239256" y="0"/>
                  </a:lnTo>
                  <a:close/>
                </a:path>
                <a:path w="10361930" h="6141720">
                  <a:moveTo>
                    <a:pt x="6260592" y="0"/>
                  </a:moveTo>
                  <a:lnTo>
                    <a:pt x="6249923" y="0"/>
                  </a:lnTo>
                  <a:lnTo>
                    <a:pt x="6249923" y="10668"/>
                  </a:lnTo>
                  <a:lnTo>
                    <a:pt x="6260592" y="10668"/>
                  </a:lnTo>
                  <a:lnTo>
                    <a:pt x="6260592" y="0"/>
                  </a:lnTo>
                  <a:close/>
                </a:path>
                <a:path w="10361930" h="6141720">
                  <a:moveTo>
                    <a:pt x="6280404" y="0"/>
                  </a:moveTo>
                  <a:lnTo>
                    <a:pt x="6271259" y="0"/>
                  </a:lnTo>
                  <a:lnTo>
                    <a:pt x="6271259" y="10668"/>
                  </a:lnTo>
                  <a:lnTo>
                    <a:pt x="6280404" y="10668"/>
                  </a:lnTo>
                  <a:lnTo>
                    <a:pt x="6280404" y="0"/>
                  </a:lnTo>
                  <a:close/>
                </a:path>
                <a:path w="10361930" h="6141720">
                  <a:moveTo>
                    <a:pt x="6301740" y="0"/>
                  </a:moveTo>
                  <a:lnTo>
                    <a:pt x="6291071" y="0"/>
                  </a:lnTo>
                  <a:lnTo>
                    <a:pt x="6291071" y="10668"/>
                  </a:lnTo>
                  <a:lnTo>
                    <a:pt x="6301740" y="10668"/>
                  </a:lnTo>
                  <a:lnTo>
                    <a:pt x="6301740" y="0"/>
                  </a:lnTo>
                  <a:close/>
                </a:path>
                <a:path w="10361930" h="6141720">
                  <a:moveTo>
                    <a:pt x="6321552" y="0"/>
                  </a:moveTo>
                  <a:lnTo>
                    <a:pt x="6312408" y="0"/>
                  </a:lnTo>
                  <a:lnTo>
                    <a:pt x="6312408" y="10668"/>
                  </a:lnTo>
                  <a:lnTo>
                    <a:pt x="6321552" y="10668"/>
                  </a:lnTo>
                  <a:lnTo>
                    <a:pt x="6321552" y="0"/>
                  </a:lnTo>
                  <a:close/>
                </a:path>
                <a:path w="10361930" h="6141720">
                  <a:moveTo>
                    <a:pt x="6342887" y="0"/>
                  </a:moveTo>
                  <a:lnTo>
                    <a:pt x="6332220" y="0"/>
                  </a:lnTo>
                  <a:lnTo>
                    <a:pt x="6332220" y="10668"/>
                  </a:lnTo>
                  <a:lnTo>
                    <a:pt x="6342887" y="10668"/>
                  </a:lnTo>
                  <a:lnTo>
                    <a:pt x="6342887" y="0"/>
                  </a:lnTo>
                  <a:close/>
                </a:path>
                <a:path w="10361930" h="6141720">
                  <a:moveTo>
                    <a:pt x="6362700" y="0"/>
                  </a:moveTo>
                  <a:lnTo>
                    <a:pt x="6353556" y="0"/>
                  </a:lnTo>
                  <a:lnTo>
                    <a:pt x="6353556" y="10668"/>
                  </a:lnTo>
                  <a:lnTo>
                    <a:pt x="6362700" y="10668"/>
                  </a:lnTo>
                  <a:lnTo>
                    <a:pt x="6362700" y="0"/>
                  </a:lnTo>
                  <a:close/>
                </a:path>
                <a:path w="10361930" h="6141720">
                  <a:moveTo>
                    <a:pt x="6384035" y="0"/>
                  </a:moveTo>
                  <a:lnTo>
                    <a:pt x="6373367" y="0"/>
                  </a:lnTo>
                  <a:lnTo>
                    <a:pt x="6373367" y="10668"/>
                  </a:lnTo>
                  <a:lnTo>
                    <a:pt x="6384035" y="10668"/>
                  </a:lnTo>
                  <a:lnTo>
                    <a:pt x="6384035" y="0"/>
                  </a:lnTo>
                  <a:close/>
                </a:path>
                <a:path w="10361930" h="6141720">
                  <a:moveTo>
                    <a:pt x="6403848" y="0"/>
                  </a:moveTo>
                  <a:lnTo>
                    <a:pt x="6394704" y="0"/>
                  </a:lnTo>
                  <a:lnTo>
                    <a:pt x="6394704" y="10668"/>
                  </a:lnTo>
                  <a:lnTo>
                    <a:pt x="6403848" y="10668"/>
                  </a:lnTo>
                  <a:lnTo>
                    <a:pt x="6403848" y="0"/>
                  </a:lnTo>
                  <a:close/>
                </a:path>
                <a:path w="10361930" h="6141720">
                  <a:moveTo>
                    <a:pt x="6425183" y="0"/>
                  </a:moveTo>
                  <a:lnTo>
                    <a:pt x="6414515" y="0"/>
                  </a:lnTo>
                  <a:lnTo>
                    <a:pt x="6414515" y="10668"/>
                  </a:lnTo>
                  <a:lnTo>
                    <a:pt x="6425183" y="10668"/>
                  </a:lnTo>
                  <a:lnTo>
                    <a:pt x="6425183" y="0"/>
                  </a:lnTo>
                  <a:close/>
                </a:path>
                <a:path w="10361930" h="6141720">
                  <a:moveTo>
                    <a:pt x="6444996" y="0"/>
                  </a:moveTo>
                  <a:lnTo>
                    <a:pt x="6435852" y="0"/>
                  </a:lnTo>
                  <a:lnTo>
                    <a:pt x="6435852" y="10668"/>
                  </a:lnTo>
                  <a:lnTo>
                    <a:pt x="6444996" y="10668"/>
                  </a:lnTo>
                  <a:lnTo>
                    <a:pt x="6444996" y="0"/>
                  </a:lnTo>
                  <a:close/>
                </a:path>
                <a:path w="10361930" h="6141720">
                  <a:moveTo>
                    <a:pt x="6466332" y="0"/>
                  </a:moveTo>
                  <a:lnTo>
                    <a:pt x="6455663" y="0"/>
                  </a:lnTo>
                  <a:lnTo>
                    <a:pt x="6455663" y="10668"/>
                  </a:lnTo>
                  <a:lnTo>
                    <a:pt x="6466332" y="10668"/>
                  </a:lnTo>
                  <a:lnTo>
                    <a:pt x="6466332" y="0"/>
                  </a:lnTo>
                  <a:close/>
                </a:path>
                <a:path w="10361930" h="6141720">
                  <a:moveTo>
                    <a:pt x="6486144" y="0"/>
                  </a:moveTo>
                  <a:lnTo>
                    <a:pt x="6477000" y="0"/>
                  </a:lnTo>
                  <a:lnTo>
                    <a:pt x="6477000" y="10668"/>
                  </a:lnTo>
                  <a:lnTo>
                    <a:pt x="6486144" y="10668"/>
                  </a:lnTo>
                  <a:lnTo>
                    <a:pt x="6486144" y="0"/>
                  </a:lnTo>
                  <a:close/>
                </a:path>
                <a:path w="10361930" h="6141720">
                  <a:moveTo>
                    <a:pt x="6507480" y="0"/>
                  </a:moveTo>
                  <a:lnTo>
                    <a:pt x="6496811" y="0"/>
                  </a:lnTo>
                  <a:lnTo>
                    <a:pt x="6496811" y="10668"/>
                  </a:lnTo>
                  <a:lnTo>
                    <a:pt x="6507480" y="10668"/>
                  </a:lnTo>
                  <a:lnTo>
                    <a:pt x="6507480" y="0"/>
                  </a:lnTo>
                  <a:close/>
                </a:path>
                <a:path w="10361930" h="6141720">
                  <a:moveTo>
                    <a:pt x="6527291" y="0"/>
                  </a:moveTo>
                  <a:lnTo>
                    <a:pt x="6518148" y="0"/>
                  </a:lnTo>
                  <a:lnTo>
                    <a:pt x="6518148" y="10668"/>
                  </a:lnTo>
                  <a:lnTo>
                    <a:pt x="6527291" y="10668"/>
                  </a:lnTo>
                  <a:lnTo>
                    <a:pt x="6527291" y="0"/>
                  </a:lnTo>
                  <a:close/>
                </a:path>
                <a:path w="10361930" h="6141720">
                  <a:moveTo>
                    <a:pt x="6548628" y="0"/>
                  </a:moveTo>
                  <a:lnTo>
                    <a:pt x="6537959" y="0"/>
                  </a:lnTo>
                  <a:lnTo>
                    <a:pt x="6537959" y="10668"/>
                  </a:lnTo>
                  <a:lnTo>
                    <a:pt x="6548628" y="10668"/>
                  </a:lnTo>
                  <a:lnTo>
                    <a:pt x="6548628" y="0"/>
                  </a:lnTo>
                  <a:close/>
                </a:path>
                <a:path w="10361930" h="6141720">
                  <a:moveTo>
                    <a:pt x="6568439" y="0"/>
                  </a:moveTo>
                  <a:lnTo>
                    <a:pt x="6559296" y="0"/>
                  </a:lnTo>
                  <a:lnTo>
                    <a:pt x="6559296" y="10668"/>
                  </a:lnTo>
                  <a:lnTo>
                    <a:pt x="6568439" y="10668"/>
                  </a:lnTo>
                  <a:lnTo>
                    <a:pt x="6568439" y="0"/>
                  </a:lnTo>
                  <a:close/>
                </a:path>
                <a:path w="10361930" h="6141720">
                  <a:moveTo>
                    <a:pt x="6589776" y="0"/>
                  </a:moveTo>
                  <a:lnTo>
                    <a:pt x="6579108" y="0"/>
                  </a:lnTo>
                  <a:lnTo>
                    <a:pt x="6579108" y="10668"/>
                  </a:lnTo>
                  <a:lnTo>
                    <a:pt x="6589776" y="10668"/>
                  </a:lnTo>
                  <a:lnTo>
                    <a:pt x="6589776" y="0"/>
                  </a:lnTo>
                  <a:close/>
                </a:path>
                <a:path w="10361930" h="6141720">
                  <a:moveTo>
                    <a:pt x="6609587" y="0"/>
                  </a:moveTo>
                  <a:lnTo>
                    <a:pt x="6600444" y="0"/>
                  </a:lnTo>
                  <a:lnTo>
                    <a:pt x="6600444" y="10668"/>
                  </a:lnTo>
                  <a:lnTo>
                    <a:pt x="6609587" y="10668"/>
                  </a:lnTo>
                  <a:lnTo>
                    <a:pt x="6609587" y="0"/>
                  </a:lnTo>
                  <a:close/>
                </a:path>
                <a:path w="10361930" h="6141720">
                  <a:moveTo>
                    <a:pt x="6630924" y="0"/>
                  </a:moveTo>
                  <a:lnTo>
                    <a:pt x="6620256" y="0"/>
                  </a:lnTo>
                  <a:lnTo>
                    <a:pt x="6620256" y="10668"/>
                  </a:lnTo>
                  <a:lnTo>
                    <a:pt x="6630924" y="10668"/>
                  </a:lnTo>
                  <a:lnTo>
                    <a:pt x="6630924" y="0"/>
                  </a:lnTo>
                  <a:close/>
                </a:path>
                <a:path w="10361930" h="6141720">
                  <a:moveTo>
                    <a:pt x="6650735" y="0"/>
                  </a:moveTo>
                  <a:lnTo>
                    <a:pt x="6641591" y="0"/>
                  </a:lnTo>
                  <a:lnTo>
                    <a:pt x="6641591" y="10668"/>
                  </a:lnTo>
                  <a:lnTo>
                    <a:pt x="6650735" y="10668"/>
                  </a:lnTo>
                  <a:lnTo>
                    <a:pt x="6650735" y="0"/>
                  </a:lnTo>
                  <a:close/>
                </a:path>
                <a:path w="10361930" h="6141720">
                  <a:moveTo>
                    <a:pt x="6672072" y="0"/>
                  </a:moveTo>
                  <a:lnTo>
                    <a:pt x="6661404" y="0"/>
                  </a:lnTo>
                  <a:lnTo>
                    <a:pt x="6661404" y="10668"/>
                  </a:lnTo>
                  <a:lnTo>
                    <a:pt x="6672072" y="10668"/>
                  </a:lnTo>
                  <a:lnTo>
                    <a:pt x="6672072" y="0"/>
                  </a:lnTo>
                  <a:close/>
                </a:path>
                <a:path w="10361930" h="6141720">
                  <a:moveTo>
                    <a:pt x="6691883" y="0"/>
                  </a:moveTo>
                  <a:lnTo>
                    <a:pt x="6682739" y="0"/>
                  </a:lnTo>
                  <a:lnTo>
                    <a:pt x="6682739" y="10668"/>
                  </a:lnTo>
                  <a:lnTo>
                    <a:pt x="6691883" y="10668"/>
                  </a:lnTo>
                  <a:lnTo>
                    <a:pt x="6691883" y="0"/>
                  </a:lnTo>
                  <a:close/>
                </a:path>
                <a:path w="10361930" h="6141720">
                  <a:moveTo>
                    <a:pt x="6713220" y="0"/>
                  </a:moveTo>
                  <a:lnTo>
                    <a:pt x="6702552" y="0"/>
                  </a:lnTo>
                  <a:lnTo>
                    <a:pt x="6702552" y="10668"/>
                  </a:lnTo>
                  <a:lnTo>
                    <a:pt x="6713220" y="10668"/>
                  </a:lnTo>
                  <a:lnTo>
                    <a:pt x="6713220" y="0"/>
                  </a:lnTo>
                  <a:close/>
                </a:path>
                <a:path w="10361930" h="6141720">
                  <a:moveTo>
                    <a:pt x="6733032" y="0"/>
                  </a:moveTo>
                  <a:lnTo>
                    <a:pt x="6723887" y="0"/>
                  </a:lnTo>
                  <a:lnTo>
                    <a:pt x="6723887" y="10668"/>
                  </a:lnTo>
                  <a:lnTo>
                    <a:pt x="6733032" y="10668"/>
                  </a:lnTo>
                  <a:lnTo>
                    <a:pt x="6733032" y="0"/>
                  </a:lnTo>
                  <a:close/>
                </a:path>
                <a:path w="10361930" h="6141720">
                  <a:moveTo>
                    <a:pt x="6754367" y="0"/>
                  </a:moveTo>
                  <a:lnTo>
                    <a:pt x="6743700" y="0"/>
                  </a:lnTo>
                  <a:lnTo>
                    <a:pt x="6743700" y="10668"/>
                  </a:lnTo>
                  <a:lnTo>
                    <a:pt x="6754367" y="10668"/>
                  </a:lnTo>
                  <a:lnTo>
                    <a:pt x="6754367" y="0"/>
                  </a:lnTo>
                  <a:close/>
                </a:path>
                <a:path w="10361930" h="6141720">
                  <a:moveTo>
                    <a:pt x="6774180" y="0"/>
                  </a:moveTo>
                  <a:lnTo>
                    <a:pt x="6763511" y="0"/>
                  </a:lnTo>
                  <a:lnTo>
                    <a:pt x="6763511" y="10668"/>
                  </a:lnTo>
                  <a:lnTo>
                    <a:pt x="6774180" y="10668"/>
                  </a:lnTo>
                  <a:lnTo>
                    <a:pt x="6774180" y="0"/>
                  </a:lnTo>
                  <a:close/>
                </a:path>
                <a:path w="10361930" h="6141720">
                  <a:moveTo>
                    <a:pt x="6795515" y="0"/>
                  </a:moveTo>
                  <a:lnTo>
                    <a:pt x="6784848" y="0"/>
                  </a:lnTo>
                  <a:lnTo>
                    <a:pt x="6784848" y="10668"/>
                  </a:lnTo>
                  <a:lnTo>
                    <a:pt x="6795515" y="10668"/>
                  </a:lnTo>
                  <a:lnTo>
                    <a:pt x="6795515" y="0"/>
                  </a:lnTo>
                  <a:close/>
                </a:path>
                <a:path w="10361930" h="6141720">
                  <a:moveTo>
                    <a:pt x="6815328" y="0"/>
                  </a:moveTo>
                  <a:lnTo>
                    <a:pt x="6804659" y="0"/>
                  </a:lnTo>
                  <a:lnTo>
                    <a:pt x="6804659" y="10668"/>
                  </a:lnTo>
                  <a:lnTo>
                    <a:pt x="6815328" y="10668"/>
                  </a:lnTo>
                  <a:lnTo>
                    <a:pt x="6815328" y="0"/>
                  </a:lnTo>
                  <a:close/>
                </a:path>
                <a:path w="10361930" h="6141720">
                  <a:moveTo>
                    <a:pt x="6836663" y="0"/>
                  </a:moveTo>
                  <a:lnTo>
                    <a:pt x="6825996" y="0"/>
                  </a:lnTo>
                  <a:lnTo>
                    <a:pt x="6825996" y="10668"/>
                  </a:lnTo>
                  <a:lnTo>
                    <a:pt x="6836663" y="10668"/>
                  </a:lnTo>
                  <a:lnTo>
                    <a:pt x="6836663" y="0"/>
                  </a:lnTo>
                  <a:close/>
                </a:path>
                <a:path w="10361930" h="6141720">
                  <a:moveTo>
                    <a:pt x="6856476" y="0"/>
                  </a:moveTo>
                  <a:lnTo>
                    <a:pt x="6845808" y="0"/>
                  </a:lnTo>
                  <a:lnTo>
                    <a:pt x="6845808" y="10668"/>
                  </a:lnTo>
                  <a:lnTo>
                    <a:pt x="6856476" y="10668"/>
                  </a:lnTo>
                  <a:lnTo>
                    <a:pt x="6856476" y="0"/>
                  </a:lnTo>
                  <a:close/>
                </a:path>
                <a:path w="10361930" h="6141720">
                  <a:moveTo>
                    <a:pt x="6877811" y="0"/>
                  </a:moveTo>
                  <a:lnTo>
                    <a:pt x="6867144" y="0"/>
                  </a:lnTo>
                  <a:lnTo>
                    <a:pt x="6867144" y="10668"/>
                  </a:lnTo>
                  <a:lnTo>
                    <a:pt x="6877811" y="10668"/>
                  </a:lnTo>
                  <a:lnTo>
                    <a:pt x="6877811" y="0"/>
                  </a:lnTo>
                  <a:close/>
                </a:path>
                <a:path w="10361930" h="6141720">
                  <a:moveTo>
                    <a:pt x="6897624" y="0"/>
                  </a:moveTo>
                  <a:lnTo>
                    <a:pt x="6886956" y="0"/>
                  </a:lnTo>
                  <a:lnTo>
                    <a:pt x="6886956" y="10668"/>
                  </a:lnTo>
                  <a:lnTo>
                    <a:pt x="6897624" y="10668"/>
                  </a:lnTo>
                  <a:lnTo>
                    <a:pt x="6897624" y="0"/>
                  </a:lnTo>
                  <a:close/>
                </a:path>
                <a:path w="10361930" h="6141720">
                  <a:moveTo>
                    <a:pt x="6918959" y="0"/>
                  </a:moveTo>
                  <a:lnTo>
                    <a:pt x="6908291" y="0"/>
                  </a:lnTo>
                  <a:lnTo>
                    <a:pt x="6908291" y="10668"/>
                  </a:lnTo>
                  <a:lnTo>
                    <a:pt x="6918959" y="10668"/>
                  </a:lnTo>
                  <a:lnTo>
                    <a:pt x="6918959" y="0"/>
                  </a:lnTo>
                  <a:close/>
                </a:path>
                <a:path w="10361930" h="6141720">
                  <a:moveTo>
                    <a:pt x="6938772" y="0"/>
                  </a:moveTo>
                  <a:lnTo>
                    <a:pt x="6928104" y="0"/>
                  </a:lnTo>
                  <a:lnTo>
                    <a:pt x="6928104" y="10668"/>
                  </a:lnTo>
                  <a:lnTo>
                    <a:pt x="6938772" y="10668"/>
                  </a:lnTo>
                  <a:lnTo>
                    <a:pt x="6938772" y="0"/>
                  </a:lnTo>
                  <a:close/>
                </a:path>
                <a:path w="10361930" h="6141720">
                  <a:moveTo>
                    <a:pt x="6960108" y="0"/>
                  </a:moveTo>
                  <a:lnTo>
                    <a:pt x="6949439" y="0"/>
                  </a:lnTo>
                  <a:lnTo>
                    <a:pt x="6949439" y="10668"/>
                  </a:lnTo>
                  <a:lnTo>
                    <a:pt x="6960108" y="10668"/>
                  </a:lnTo>
                  <a:lnTo>
                    <a:pt x="6960108" y="0"/>
                  </a:lnTo>
                  <a:close/>
                </a:path>
                <a:path w="10361930" h="6141720">
                  <a:moveTo>
                    <a:pt x="6979920" y="0"/>
                  </a:moveTo>
                  <a:lnTo>
                    <a:pt x="6969252" y="0"/>
                  </a:lnTo>
                  <a:lnTo>
                    <a:pt x="6969252" y="10668"/>
                  </a:lnTo>
                  <a:lnTo>
                    <a:pt x="6979920" y="10668"/>
                  </a:lnTo>
                  <a:lnTo>
                    <a:pt x="6979920" y="0"/>
                  </a:lnTo>
                  <a:close/>
                </a:path>
                <a:path w="10361930" h="6141720">
                  <a:moveTo>
                    <a:pt x="7001256" y="0"/>
                  </a:moveTo>
                  <a:lnTo>
                    <a:pt x="6990587" y="0"/>
                  </a:lnTo>
                  <a:lnTo>
                    <a:pt x="6990587" y="10668"/>
                  </a:lnTo>
                  <a:lnTo>
                    <a:pt x="7001256" y="10668"/>
                  </a:lnTo>
                  <a:lnTo>
                    <a:pt x="7001256" y="0"/>
                  </a:lnTo>
                  <a:close/>
                </a:path>
                <a:path w="10361930" h="6141720">
                  <a:moveTo>
                    <a:pt x="7021067" y="0"/>
                  </a:moveTo>
                  <a:lnTo>
                    <a:pt x="7010400" y="0"/>
                  </a:lnTo>
                  <a:lnTo>
                    <a:pt x="7010400" y="10668"/>
                  </a:lnTo>
                  <a:lnTo>
                    <a:pt x="7021067" y="10668"/>
                  </a:lnTo>
                  <a:lnTo>
                    <a:pt x="7021067" y="0"/>
                  </a:lnTo>
                  <a:close/>
                </a:path>
                <a:path w="10361930" h="6141720">
                  <a:moveTo>
                    <a:pt x="7042404" y="0"/>
                  </a:moveTo>
                  <a:lnTo>
                    <a:pt x="7031735" y="0"/>
                  </a:lnTo>
                  <a:lnTo>
                    <a:pt x="7031735" y="10668"/>
                  </a:lnTo>
                  <a:lnTo>
                    <a:pt x="7042404" y="10668"/>
                  </a:lnTo>
                  <a:lnTo>
                    <a:pt x="7042404" y="0"/>
                  </a:lnTo>
                  <a:close/>
                </a:path>
                <a:path w="10361930" h="6141720">
                  <a:moveTo>
                    <a:pt x="7062215" y="0"/>
                  </a:moveTo>
                  <a:lnTo>
                    <a:pt x="7051548" y="0"/>
                  </a:lnTo>
                  <a:lnTo>
                    <a:pt x="7051548" y="10668"/>
                  </a:lnTo>
                  <a:lnTo>
                    <a:pt x="7062215" y="10668"/>
                  </a:lnTo>
                  <a:lnTo>
                    <a:pt x="7062215" y="0"/>
                  </a:lnTo>
                  <a:close/>
                </a:path>
                <a:path w="10361930" h="6141720">
                  <a:moveTo>
                    <a:pt x="7083552" y="0"/>
                  </a:moveTo>
                  <a:lnTo>
                    <a:pt x="7072883" y="0"/>
                  </a:lnTo>
                  <a:lnTo>
                    <a:pt x="7072883" y="10668"/>
                  </a:lnTo>
                  <a:lnTo>
                    <a:pt x="7083552" y="10668"/>
                  </a:lnTo>
                  <a:lnTo>
                    <a:pt x="7083552" y="0"/>
                  </a:lnTo>
                  <a:close/>
                </a:path>
                <a:path w="10361930" h="6141720">
                  <a:moveTo>
                    <a:pt x="7103363" y="0"/>
                  </a:moveTo>
                  <a:lnTo>
                    <a:pt x="7092696" y="0"/>
                  </a:lnTo>
                  <a:lnTo>
                    <a:pt x="7092696" y="10668"/>
                  </a:lnTo>
                  <a:lnTo>
                    <a:pt x="7103363" y="10668"/>
                  </a:lnTo>
                  <a:lnTo>
                    <a:pt x="7103363" y="0"/>
                  </a:lnTo>
                  <a:close/>
                </a:path>
                <a:path w="10361930" h="6141720">
                  <a:moveTo>
                    <a:pt x="7124700" y="0"/>
                  </a:moveTo>
                  <a:lnTo>
                    <a:pt x="7114032" y="0"/>
                  </a:lnTo>
                  <a:lnTo>
                    <a:pt x="7114032" y="10668"/>
                  </a:lnTo>
                  <a:lnTo>
                    <a:pt x="7124700" y="10668"/>
                  </a:lnTo>
                  <a:lnTo>
                    <a:pt x="7124700" y="0"/>
                  </a:lnTo>
                  <a:close/>
                </a:path>
                <a:path w="10361930" h="6141720">
                  <a:moveTo>
                    <a:pt x="7144511" y="0"/>
                  </a:moveTo>
                  <a:lnTo>
                    <a:pt x="7133844" y="0"/>
                  </a:lnTo>
                  <a:lnTo>
                    <a:pt x="7133844" y="10668"/>
                  </a:lnTo>
                  <a:lnTo>
                    <a:pt x="7144511" y="10668"/>
                  </a:lnTo>
                  <a:lnTo>
                    <a:pt x="7144511" y="0"/>
                  </a:lnTo>
                  <a:close/>
                </a:path>
                <a:path w="10361930" h="6141720">
                  <a:moveTo>
                    <a:pt x="7165848" y="0"/>
                  </a:moveTo>
                  <a:lnTo>
                    <a:pt x="7155180" y="0"/>
                  </a:lnTo>
                  <a:lnTo>
                    <a:pt x="7155180" y="10668"/>
                  </a:lnTo>
                  <a:lnTo>
                    <a:pt x="7165848" y="10668"/>
                  </a:lnTo>
                  <a:lnTo>
                    <a:pt x="7165848" y="0"/>
                  </a:lnTo>
                  <a:close/>
                </a:path>
                <a:path w="10361930" h="6141720">
                  <a:moveTo>
                    <a:pt x="7185659" y="0"/>
                  </a:moveTo>
                  <a:lnTo>
                    <a:pt x="7174991" y="0"/>
                  </a:lnTo>
                  <a:lnTo>
                    <a:pt x="7174991" y="10668"/>
                  </a:lnTo>
                  <a:lnTo>
                    <a:pt x="7185659" y="10668"/>
                  </a:lnTo>
                  <a:lnTo>
                    <a:pt x="7185659" y="0"/>
                  </a:lnTo>
                  <a:close/>
                </a:path>
                <a:path w="10361930" h="6141720">
                  <a:moveTo>
                    <a:pt x="7206996" y="0"/>
                  </a:moveTo>
                  <a:lnTo>
                    <a:pt x="7196328" y="0"/>
                  </a:lnTo>
                  <a:lnTo>
                    <a:pt x="7196328" y="10668"/>
                  </a:lnTo>
                  <a:lnTo>
                    <a:pt x="7206996" y="10668"/>
                  </a:lnTo>
                  <a:lnTo>
                    <a:pt x="7206996" y="0"/>
                  </a:lnTo>
                  <a:close/>
                </a:path>
                <a:path w="10361930" h="6141720">
                  <a:moveTo>
                    <a:pt x="7226808" y="0"/>
                  </a:moveTo>
                  <a:lnTo>
                    <a:pt x="7216139" y="0"/>
                  </a:lnTo>
                  <a:lnTo>
                    <a:pt x="7216139" y="10668"/>
                  </a:lnTo>
                  <a:lnTo>
                    <a:pt x="7226808" y="10668"/>
                  </a:lnTo>
                  <a:lnTo>
                    <a:pt x="7226808" y="0"/>
                  </a:lnTo>
                  <a:close/>
                </a:path>
                <a:path w="10361930" h="6141720">
                  <a:moveTo>
                    <a:pt x="7248144" y="0"/>
                  </a:moveTo>
                  <a:lnTo>
                    <a:pt x="7237476" y="0"/>
                  </a:lnTo>
                  <a:lnTo>
                    <a:pt x="7237476" y="10668"/>
                  </a:lnTo>
                  <a:lnTo>
                    <a:pt x="7248144" y="10668"/>
                  </a:lnTo>
                  <a:lnTo>
                    <a:pt x="7248144" y="0"/>
                  </a:lnTo>
                  <a:close/>
                </a:path>
                <a:path w="10361930" h="6141720">
                  <a:moveTo>
                    <a:pt x="7267956" y="0"/>
                  </a:moveTo>
                  <a:lnTo>
                    <a:pt x="7257287" y="0"/>
                  </a:lnTo>
                  <a:lnTo>
                    <a:pt x="7257287" y="10668"/>
                  </a:lnTo>
                  <a:lnTo>
                    <a:pt x="7267956" y="10668"/>
                  </a:lnTo>
                  <a:lnTo>
                    <a:pt x="7267956" y="0"/>
                  </a:lnTo>
                  <a:close/>
                </a:path>
                <a:path w="10361930" h="6141720">
                  <a:moveTo>
                    <a:pt x="7289291" y="0"/>
                  </a:moveTo>
                  <a:lnTo>
                    <a:pt x="7278624" y="0"/>
                  </a:lnTo>
                  <a:lnTo>
                    <a:pt x="7278624" y="10668"/>
                  </a:lnTo>
                  <a:lnTo>
                    <a:pt x="7289291" y="10668"/>
                  </a:lnTo>
                  <a:lnTo>
                    <a:pt x="7289291" y="0"/>
                  </a:lnTo>
                  <a:close/>
                </a:path>
                <a:path w="10361930" h="6141720">
                  <a:moveTo>
                    <a:pt x="7309104" y="0"/>
                  </a:moveTo>
                  <a:lnTo>
                    <a:pt x="7298435" y="0"/>
                  </a:lnTo>
                  <a:lnTo>
                    <a:pt x="7298435" y="10668"/>
                  </a:lnTo>
                  <a:lnTo>
                    <a:pt x="7309104" y="10668"/>
                  </a:lnTo>
                  <a:lnTo>
                    <a:pt x="7309104" y="0"/>
                  </a:lnTo>
                  <a:close/>
                </a:path>
                <a:path w="10361930" h="6141720">
                  <a:moveTo>
                    <a:pt x="7330439" y="0"/>
                  </a:moveTo>
                  <a:lnTo>
                    <a:pt x="7319772" y="0"/>
                  </a:lnTo>
                  <a:lnTo>
                    <a:pt x="7319772" y="10668"/>
                  </a:lnTo>
                  <a:lnTo>
                    <a:pt x="7330439" y="10668"/>
                  </a:lnTo>
                  <a:lnTo>
                    <a:pt x="7330439" y="0"/>
                  </a:lnTo>
                  <a:close/>
                </a:path>
                <a:path w="10361930" h="6141720">
                  <a:moveTo>
                    <a:pt x="7350252" y="0"/>
                  </a:moveTo>
                  <a:lnTo>
                    <a:pt x="7339583" y="0"/>
                  </a:lnTo>
                  <a:lnTo>
                    <a:pt x="7339583" y="10668"/>
                  </a:lnTo>
                  <a:lnTo>
                    <a:pt x="7350252" y="10668"/>
                  </a:lnTo>
                  <a:lnTo>
                    <a:pt x="7350252" y="0"/>
                  </a:lnTo>
                  <a:close/>
                </a:path>
                <a:path w="10361930" h="6141720">
                  <a:moveTo>
                    <a:pt x="7370063" y="0"/>
                  </a:moveTo>
                  <a:lnTo>
                    <a:pt x="7360920" y="0"/>
                  </a:lnTo>
                  <a:lnTo>
                    <a:pt x="7360920" y="10668"/>
                  </a:lnTo>
                  <a:lnTo>
                    <a:pt x="7370063" y="10668"/>
                  </a:lnTo>
                  <a:lnTo>
                    <a:pt x="7370063" y="0"/>
                  </a:lnTo>
                  <a:close/>
                </a:path>
                <a:path w="10361930" h="6141720">
                  <a:moveTo>
                    <a:pt x="7391400" y="0"/>
                  </a:moveTo>
                  <a:lnTo>
                    <a:pt x="7380732" y="0"/>
                  </a:lnTo>
                  <a:lnTo>
                    <a:pt x="7380732" y="10668"/>
                  </a:lnTo>
                  <a:lnTo>
                    <a:pt x="7391400" y="10668"/>
                  </a:lnTo>
                  <a:lnTo>
                    <a:pt x="7391400" y="0"/>
                  </a:lnTo>
                  <a:close/>
                </a:path>
                <a:path w="10361930" h="6141720">
                  <a:moveTo>
                    <a:pt x="7411211" y="0"/>
                  </a:moveTo>
                  <a:lnTo>
                    <a:pt x="7402067" y="0"/>
                  </a:lnTo>
                  <a:lnTo>
                    <a:pt x="7402067" y="10668"/>
                  </a:lnTo>
                  <a:lnTo>
                    <a:pt x="7411211" y="10668"/>
                  </a:lnTo>
                  <a:lnTo>
                    <a:pt x="7411211" y="0"/>
                  </a:lnTo>
                  <a:close/>
                </a:path>
                <a:path w="10361930" h="6141720">
                  <a:moveTo>
                    <a:pt x="7432548" y="0"/>
                  </a:moveTo>
                  <a:lnTo>
                    <a:pt x="7421880" y="0"/>
                  </a:lnTo>
                  <a:lnTo>
                    <a:pt x="7421880" y="10668"/>
                  </a:lnTo>
                  <a:lnTo>
                    <a:pt x="7432548" y="10668"/>
                  </a:lnTo>
                  <a:lnTo>
                    <a:pt x="7432548" y="0"/>
                  </a:lnTo>
                  <a:close/>
                </a:path>
                <a:path w="10361930" h="6141720">
                  <a:moveTo>
                    <a:pt x="7452359" y="0"/>
                  </a:moveTo>
                  <a:lnTo>
                    <a:pt x="7443215" y="0"/>
                  </a:lnTo>
                  <a:lnTo>
                    <a:pt x="7443215" y="10668"/>
                  </a:lnTo>
                  <a:lnTo>
                    <a:pt x="7452359" y="10668"/>
                  </a:lnTo>
                  <a:lnTo>
                    <a:pt x="7452359" y="0"/>
                  </a:lnTo>
                  <a:close/>
                </a:path>
                <a:path w="10361930" h="6141720">
                  <a:moveTo>
                    <a:pt x="7473696" y="0"/>
                  </a:moveTo>
                  <a:lnTo>
                    <a:pt x="7463028" y="0"/>
                  </a:lnTo>
                  <a:lnTo>
                    <a:pt x="7463028" y="10668"/>
                  </a:lnTo>
                  <a:lnTo>
                    <a:pt x="7473696" y="10668"/>
                  </a:lnTo>
                  <a:lnTo>
                    <a:pt x="7473696" y="0"/>
                  </a:lnTo>
                  <a:close/>
                </a:path>
                <a:path w="10361930" h="6141720">
                  <a:moveTo>
                    <a:pt x="7493508" y="0"/>
                  </a:moveTo>
                  <a:lnTo>
                    <a:pt x="7484363" y="0"/>
                  </a:lnTo>
                  <a:lnTo>
                    <a:pt x="7484363" y="10668"/>
                  </a:lnTo>
                  <a:lnTo>
                    <a:pt x="7493508" y="10668"/>
                  </a:lnTo>
                  <a:lnTo>
                    <a:pt x="7493508" y="0"/>
                  </a:lnTo>
                  <a:close/>
                </a:path>
                <a:path w="10361930" h="6141720">
                  <a:moveTo>
                    <a:pt x="7514844" y="0"/>
                  </a:moveTo>
                  <a:lnTo>
                    <a:pt x="7504176" y="0"/>
                  </a:lnTo>
                  <a:lnTo>
                    <a:pt x="7504176" y="10668"/>
                  </a:lnTo>
                  <a:lnTo>
                    <a:pt x="7514844" y="10668"/>
                  </a:lnTo>
                  <a:lnTo>
                    <a:pt x="7514844" y="0"/>
                  </a:lnTo>
                  <a:close/>
                </a:path>
                <a:path w="10361930" h="6141720">
                  <a:moveTo>
                    <a:pt x="7534656" y="0"/>
                  </a:moveTo>
                  <a:lnTo>
                    <a:pt x="7525511" y="0"/>
                  </a:lnTo>
                  <a:lnTo>
                    <a:pt x="7525511" y="10668"/>
                  </a:lnTo>
                  <a:lnTo>
                    <a:pt x="7534656" y="10668"/>
                  </a:lnTo>
                  <a:lnTo>
                    <a:pt x="7534656" y="0"/>
                  </a:lnTo>
                  <a:close/>
                </a:path>
                <a:path w="10361930" h="6141720">
                  <a:moveTo>
                    <a:pt x="7555991" y="0"/>
                  </a:moveTo>
                  <a:lnTo>
                    <a:pt x="7545324" y="0"/>
                  </a:lnTo>
                  <a:lnTo>
                    <a:pt x="7545324" y="10668"/>
                  </a:lnTo>
                  <a:lnTo>
                    <a:pt x="7555991" y="10668"/>
                  </a:lnTo>
                  <a:lnTo>
                    <a:pt x="7555991" y="0"/>
                  </a:lnTo>
                  <a:close/>
                </a:path>
                <a:path w="10361930" h="6141720">
                  <a:moveTo>
                    <a:pt x="7575804" y="0"/>
                  </a:moveTo>
                  <a:lnTo>
                    <a:pt x="7566659" y="0"/>
                  </a:lnTo>
                  <a:lnTo>
                    <a:pt x="7566659" y="10668"/>
                  </a:lnTo>
                  <a:lnTo>
                    <a:pt x="7575804" y="10668"/>
                  </a:lnTo>
                  <a:lnTo>
                    <a:pt x="7575804" y="0"/>
                  </a:lnTo>
                  <a:close/>
                </a:path>
                <a:path w="10361930" h="6141720">
                  <a:moveTo>
                    <a:pt x="7597139" y="0"/>
                  </a:moveTo>
                  <a:lnTo>
                    <a:pt x="7586472" y="0"/>
                  </a:lnTo>
                  <a:lnTo>
                    <a:pt x="7586472" y="10668"/>
                  </a:lnTo>
                  <a:lnTo>
                    <a:pt x="7597139" y="10668"/>
                  </a:lnTo>
                  <a:lnTo>
                    <a:pt x="7597139" y="0"/>
                  </a:lnTo>
                  <a:close/>
                </a:path>
                <a:path w="10361930" h="6141720">
                  <a:moveTo>
                    <a:pt x="7616952" y="0"/>
                  </a:moveTo>
                  <a:lnTo>
                    <a:pt x="7607808" y="0"/>
                  </a:lnTo>
                  <a:lnTo>
                    <a:pt x="7607808" y="10668"/>
                  </a:lnTo>
                  <a:lnTo>
                    <a:pt x="7616952" y="10668"/>
                  </a:lnTo>
                  <a:lnTo>
                    <a:pt x="7616952" y="0"/>
                  </a:lnTo>
                  <a:close/>
                </a:path>
                <a:path w="10361930" h="6141720">
                  <a:moveTo>
                    <a:pt x="7638287" y="0"/>
                  </a:moveTo>
                  <a:lnTo>
                    <a:pt x="7627620" y="0"/>
                  </a:lnTo>
                  <a:lnTo>
                    <a:pt x="7627620" y="10668"/>
                  </a:lnTo>
                  <a:lnTo>
                    <a:pt x="7638287" y="10668"/>
                  </a:lnTo>
                  <a:lnTo>
                    <a:pt x="7638287" y="0"/>
                  </a:lnTo>
                  <a:close/>
                </a:path>
                <a:path w="10361930" h="6141720">
                  <a:moveTo>
                    <a:pt x="7658100" y="0"/>
                  </a:moveTo>
                  <a:lnTo>
                    <a:pt x="7648956" y="0"/>
                  </a:lnTo>
                  <a:lnTo>
                    <a:pt x="7648956" y="10668"/>
                  </a:lnTo>
                  <a:lnTo>
                    <a:pt x="7658100" y="10668"/>
                  </a:lnTo>
                  <a:lnTo>
                    <a:pt x="7658100" y="0"/>
                  </a:lnTo>
                  <a:close/>
                </a:path>
                <a:path w="10361930" h="6141720">
                  <a:moveTo>
                    <a:pt x="7679435" y="0"/>
                  </a:moveTo>
                  <a:lnTo>
                    <a:pt x="7668767" y="0"/>
                  </a:lnTo>
                  <a:lnTo>
                    <a:pt x="7668767" y="10668"/>
                  </a:lnTo>
                  <a:lnTo>
                    <a:pt x="7679435" y="10668"/>
                  </a:lnTo>
                  <a:lnTo>
                    <a:pt x="7679435" y="0"/>
                  </a:lnTo>
                  <a:close/>
                </a:path>
                <a:path w="10361930" h="6141720">
                  <a:moveTo>
                    <a:pt x="7699248" y="0"/>
                  </a:moveTo>
                  <a:lnTo>
                    <a:pt x="7690104" y="0"/>
                  </a:lnTo>
                  <a:lnTo>
                    <a:pt x="7690104" y="10668"/>
                  </a:lnTo>
                  <a:lnTo>
                    <a:pt x="7699248" y="10668"/>
                  </a:lnTo>
                  <a:lnTo>
                    <a:pt x="7699248" y="0"/>
                  </a:lnTo>
                  <a:close/>
                </a:path>
                <a:path w="10361930" h="6141720">
                  <a:moveTo>
                    <a:pt x="7720583" y="0"/>
                  </a:moveTo>
                  <a:lnTo>
                    <a:pt x="7709915" y="0"/>
                  </a:lnTo>
                  <a:lnTo>
                    <a:pt x="7709915" y="10668"/>
                  </a:lnTo>
                  <a:lnTo>
                    <a:pt x="7720583" y="10668"/>
                  </a:lnTo>
                  <a:lnTo>
                    <a:pt x="7720583" y="0"/>
                  </a:lnTo>
                  <a:close/>
                </a:path>
                <a:path w="10361930" h="6141720">
                  <a:moveTo>
                    <a:pt x="7740396" y="0"/>
                  </a:moveTo>
                  <a:lnTo>
                    <a:pt x="7731252" y="0"/>
                  </a:lnTo>
                  <a:lnTo>
                    <a:pt x="7731252" y="10668"/>
                  </a:lnTo>
                  <a:lnTo>
                    <a:pt x="7740396" y="10668"/>
                  </a:lnTo>
                  <a:lnTo>
                    <a:pt x="7740396" y="0"/>
                  </a:lnTo>
                  <a:close/>
                </a:path>
                <a:path w="10361930" h="6141720">
                  <a:moveTo>
                    <a:pt x="7761732" y="0"/>
                  </a:moveTo>
                  <a:lnTo>
                    <a:pt x="7751063" y="0"/>
                  </a:lnTo>
                  <a:lnTo>
                    <a:pt x="7751063" y="10668"/>
                  </a:lnTo>
                  <a:lnTo>
                    <a:pt x="7761732" y="10668"/>
                  </a:lnTo>
                  <a:lnTo>
                    <a:pt x="7761732" y="0"/>
                  </a:lnTo>
                  <a:close/>
                </a:path>
                <a:path w="10361930" h="6141720">
                  <a:moveTo>
                    <a:pt x="7781544" y="0"/>
                  </a:moveTo>
                  <a:lnTo>
                    <a:pt x="7772400" y="0"/>
                  </a:lnTo>
                  <a:lnTo>
                    <a:pt x="7772400" y="10668"/>
                  </a:lnTo>
                  <a:lnTo>
                    <a:pt x="7781544" y="10668"/>
                  </a:lnTo>
                  <a:lnTo>
                    <a:pt x="7781544" y="0"/>
                  </a:lnTo>
                  <a:close/>
                </a:path>
                <a:path w="10361930" h="6141720">
                  <a:moveTo>
                    <a:pt x="7802880" y="0"/>
                  </a:moveTo>
                  <a:lnTo>
                    <a:pt x="7792211" y="0"/>
                  </a:lnTo>
                  <a:lnTo>
                    <a:pt x="7792211" y="10668"/>
                  </a:lnTo>
                  <a:lnTo>
                    <a:pt x="7802880" y="10668"/>
                  </a:lnTo>
                  <a:lnTo>
                    <a:pt x="7802880" y="0"/>
                  </a:lnTo>
                  <a:close/>
                </a:path>
                <a:path w="10361930" h="6141720">
                  <a:moveTo>
                    <a:pt x="7822691" y="0"/>
                  </a:moveTo>
                  <a:lnTo>
                    <a:pt x="7813548" y="0"/>
                  </a:lnTo>
                  <a:lnTo>
                    <a:pt x="7813548" y="10668"/>
                  </a:lnTo>
                  <a:lnTo>
                    <a:pt x="7822691" y="10668"/>
                  </a:lnTo>
                  <a:lnTo>
                    <a:pt x="7822691" y="0"/>
                  </a:lnTo>
                  <a:close/>
                </a:path>
                <a:path w="10361930" h="6141720">
                  <a:moveTo>
                    <a:pt x="7844028" y="0"/>
                  </a:moveTo>
                  <a:lnTo>
                    <a:pt x="7833359" y="0"/>
                  </a:lnTo>
                  <a:lnTo>
                    <a:pt x="7833359" y="10668"/>
                  </a:lnTo>
                  <a:lnTo>
                    <a:pt x="7844028" y="10668"/>
                  </a:lnTo>
                  <a:lnTo>
                    <a:pt x="7844028" y="0"/>
                  </a:lnTo>
                  <a:close/>
                </a:path>
                <a:path w="10361930" h="6141720">
                  <a:moveTo>
                    <a:pt x="7863839" y="0"/>
                  </a:moveTo>
                  <a:lnTo>
                    <a:pt x="7854696" y="0"/>
                  </a:lnTo>
                  <a:lnTo>
                    <a:pt x="7854696" y="10668"/>
                  </a:lnTo>
                  <a:lnTo>
                    <a:pt x="7863839" y="10668"/>
                  </a:lnTo>
                  <a:lnTo>
                    <a:pt x="7863839" y="0"/>
                  </a:lnTo>
                  <a:close/>
                </a:path>
                <a:path w="10361930" h="6141720">
                  <a:moveTo>
                    <a:pt x="7885176" y="0"/>
                  </a:moveTo>
                  <a:lnTo>
                    <a:pt x="7874508" y="0"/>
                  </a:lnTo>
                  <a:lnTo>
                    <a:pt x="7874508" y="10668"/>
                  </a:lnTo>
                  <a:lnTo>
                    <a:pt x="7885176" y="10668"/>
                  </a:lnTo>
                  <a:lnTo>
                    <a:pt x="7885176" y="0"/>
                  </a:lnTo>
                  <a:close/>
                </a:path>
                <a:path w="10361930" h="6141720">
                  <a:moveTo>
                    <a:pt x="7904987" y="0"/>
                  </a:moveTo>
                  <a:lnTo>
                    <a:pt x="7895844" y="0"/>
                  </a:lnTo>
                  <a:lnTo>
                    <a:pt x="7895844" y="10668"/>
                  </a:lnTo>
                  <a:lnTo>
                    <a:pt x="7904987" y="10668"/>
                  </a:lnTo>
                  <a:lnTo>
                    <a:pt x="7904987" y="0"/>
                  </a:lnTo>
                  <a:close/>
                </a:path>
                <a:path w="10361930" h="6141720">
                  <a:moveTo>
                    <a:pt x="7926324" y="0"/>
                  </a:moveTo>
                  <a:lnTo>
                    <a:pt x="7915656" y="0"/>
                  </a:lnTo>
                  <a:lnTo>
                    <a:pt x="7915656" y="10668"/>
                  </a:lnTo>
                  <a:lnTo>
                    <a:pt x="7926324" y="10668"/>
                  </a:lnTo>
                  <a:lnTo>
                    <a:pt x="7926324" y="0"/>
                  </a:lnTo>
                  <a:close/>
                </a:path>
                <a:path w="10361930" h="6141720">
                  <a:moveTo>
                    <a:pt x="7946135" y="0"/>
                  </a:moveTo>
                  <a:lnTo>
                    <a:pt x="7936991" y="0"/>
                  </a:lnTo>
                  <a:lnTo>
                    <a:pt x="7936991" y="10668"/>
                  </a:lnTo>
                  <a:lnTo>
                    <a:pt x="7946135" y="10668"/>
                  </a:lnTo>
                  <a:lnTo>
                    <a:pt x="7946135" y="0"/>
                  </a:lnTo>
                  <a:close/>
                </a:path>
                <a:path w="10361930" h="6141720">
                  <a:moveTo>
                    <a:pt x="7967472" y="0"/>
                  </a:moveTo>
                  <a:lnTo>
                    <a:pt x="7956804" y="0"/>
                  </a:lnTo>
                  <a:lnTo>
                    <a:pt x="7956804" y="10668"/>
                  </a:lnTo>
                  <a:lnTo>
                    <a:pt x="7967472" y="10668"/>
                  </a:lnTo>
                  <a:lnTo>
                    <a:pt x="7967472" y="0"/>
                  </a:lnTo>
                  <a:close/>
                </a:path>
                <a:path w="10361930" h="6141720">
                  <a:moveTo>
                    <a:pt x="7987283" y="0"/>
                  </a:moveTo>
                  <a:lnTo>
                    <a:pt x="7976615" y="0"/>
                  </a:lnTo>
                  <a:lnTo>
                    <a:pt x="7976615" y="10668"/>
                  </a:lnTo>
                  <a:lnTo>
                    <a:pt x="7987283" y="10668"/>
                  </a:lnTo>
                  <a:lnTo>
                    <a:pt x="7987283" y="0"/>
                  </a:lnTo>
                  <a:close/>
                </a:path>
                <a:path w="10361930" h="6141720">
                  <a:moveTo>
                    <a:pt x="8008620" y="0"/>
                  </a:moveTo>
                  <a:lnTo>
                    <a:pt x="7997952" y="0"/>
                  </a:lnTo>
                  <a:lnTo>
                    <a:pt x="7997952" y="10668"/>
                  </a:lnTo>
                  <a:lnTo>
                    <a:pt x="8008620" y="10668"/>
                  </a:lnTo>
                  <a:lnTo>
                    <a:pt x="8008620" y="0"/>
                  </a:lnTo>
                  <a:close/>
                </a:path>
                <a:path w="10361930" h="6141720">
                  <a:moveTo>
                    <a:pt x="8028432" y="0"/>
                  </a:moveTo>
                  <a:lnTo>
                    <a:pt x="8017763" y="0"/>
                  </a:lnTo>
                  <a:lnTo>
                    <a:pt x="8017763" y="10668"/>
                  </a:lnTo>
                  <a:lnTo>
                    <a:pt x="8028432" y="10668"/>
                  </a:lnTo>
                  <a:lnTo>
                    <a:pt x="8028432" y="0"/>
                  </a:lnTo>
                  <a:close/>
                </a:path>
                <a:path w="10361930" h="6141720">
                  <a:moveTo>
                    <a:pt x="8049767" y="0"/>
                  </a:moveTo>
                  <a:lnTo>
                    <a:pt x="8039100" y="0"/>
                  </a:lnTo>
                  <a:lnTo>
                    <a:pt x="8039100" y="10668"/>
                  </a:lnTo>
                  <a:lnTo>
                    <a:pt x="8049767" y="10668"/>
                  </a:lnTo>
                  <a:lnTo>
                    <a:pt x="8049767" y="0"/>
                  </a:lnTo>
                  <a:close/>
                </a:path>
                <a:path w="10361930" h="6141720">
                  <a:moveTo>
                    <a:pt x="8069580" y="0"/>
                  </a:moveTo>
                  <a:lnTo>
                    <a:pt x="8058911" y="0"/>
                  </a:lnTo>
                  <a:lnTo>
                    <a:pt x="8058911" y="10668"/>
                  </a:lnTo>
                  <a:lnTo>
                    <a:pt x="8069580" y="10668"/>
                  </a:lnTo>
                  <a:lnTo>
                    <a:pt x="8069580" y="0"/>
                  </a:lnTo>
                  <a:close/>
                </a:path>
                <a:path w="10361930" h="6141720">
                  <a:moveTo>
                    <a:pt x="8090915" y="0"/>
                  </a:moveTo>
                  <a:lnTo>
                    <a:pt x="8080248" y="0"/>
                  </a:lnTo>
                  <a:lnTo>
                    <a:pt x="8080248" y="10668"/>
                  </a:lnTo>
                  <a:lnTo>
                    <a:pt x="8090915" y="10668"/>
                  </a:lnTo>
                  <a:lnTo>
                    <a:pt x="8090915" y="0"/>
                  </a:lnTo>
                  <a:close/>
                </a:path>
                <a:path w="10361930" h="6141720">
                  <a:moveTo>
                    <a:pt x="8110728" y="0"/>
                  </a:moveTo>
                  <a:lnTo>
                    <a:pt x="8100059" y="0"/>
                  </a:lnTo>
                  <a:lnTo>
                    <a:pt x="8100059" y="10668"/>
                  </a:lnTo>
                  <a:lnTo>
                    <a:pt x="8110728" y="10668"/>
                  </a:lnTo>
                  <a:lnTo>
                    <a:pt x="8110728" y="0"/>
                  </a:lnTo>
                  <a:close/>
                </a:path>
                <a:path w="10361930" h="6141720">
                  <a:moveTo>
                    <a:pt x="8132063" y="0"/>
                  </a:moveTo>
                  <a:lnTo>
                    <a:pt x="8121396" y="0"/>
                  </a:lnTo>
                  <a:lnTo>
                    <a:pt x="8121396" y="10668"/>
                  </a:lnTo>
                  <a:lnTo>
                    <a:pt x="8132063" y="10668"/>
                  </a:lnTo>
                  <a:lnTo>
                    <a:pt x="8132063" y="0"/>
                  </a:lnTo>
                  <a:close/>
                </a:path>
                <a:path w="10361930" h="6141720">
                  <a:moveTo>
                    <a:pt x="8151876" y="0"/>
                  </a:moveTo>
                  <a:lnTo>
                    <a:pt x="8141208" y="0"/>
                  </a:lnTo>
                  <a:lnTo>
                    <a:pt x="8141208" y="10668"/>
                  </a:lnTo>
                  <a:lnTo>
                    <a:pt x="8151876" y="10668"/>
                  </a:lnTo>
                  <a:lnTo>
                    <a:pt x="8151876" y="0"/>
                  </a:lnTo>
                  <a:close/>
                </a:path>
                <a:path w="10361930" h="6141720">
                  <a:moveTo>
                    <a:pt x="8173211" y="0"/>
                  </a:moveTo>
                  <a:lnTo>
                    <a:pt x="8162544" y="0"/>
                  </a:lnTo>
                  <a:lnTo>
                    <a:pt x="8162544" y="10668"/>
                  </a:lnTo>
                  <a:lnTo>
                    <a:pt x="8173211" y="10668"/>
                  </a:lnTo>
                  <a:lnTo>
                    <a:pt x="8173211" y="0"/>
                  </a:lnTo>
                  <a:close/>
                </a:path>
                <a:path w="10361930" h="6141720">
                  <a:moveTo>
                    <a:pt x="8193024" y="0"/>
                  </a:moveTo>
                  <a:lnTo>
                    <a:pt x="8182356" y="0"/>
                  </a:lnTo>
                  <a:lnTo>
                    <a:pt x="8182356" y="10668"/>
                  </a:lnTo>
                  <a:lnTo>
                    <a:pt x="8193024" y="10668"/>
                  </a:lnTo>
                  <a:lnTo>
                    <a:pt x="8193024" y="0"/>
                  </a:lnTo>
                  <a:close/>
                </a:path>
                <a:path w="10361930" h="6141720">
                  <a:moveTo>
                    <a:pt x="8214359" y="0"/>
                  </a:moveTo>
                  <a:lnTo>
                    <a:pt x="8203691" y="0"/>
                  </a:lnTo>
                  <a:lnTo>
                    <a:pt x="8203691" y="10668"/>
                  </a:lnTo>
                  <a:lnTo>
                    <a:pt x="8214359" y="10668"/>
                  </a:lnTo>
                  <a:lnTo>
                    <a:pt x="8214359" y="0"/>
                  </a:lnTo>
                  <a:close/>
                </a:path>
                <a:path w="10361930" h="6141720">
                  <a:moveTo>
                    <a:pt x="8234172" y="0"/>
                  </a:moveTo>
                  <a:lnTo>
                    <a:pt x="8223504" y="0"/>
                  </a:lnTo>
                  <a:lnTo>
                    <a:pt x="8223504" y="10668"/>
                  </a:lnTo>
                  <a:lnTo>
                    <a:pt x="8234172" y="10668"/>
                  </a:lnTo>
                  <a:lnTo>
                    <a:pt x="8234172" y="0"/>
                  </a:lnTo>
                  <a:close/>
                </a:path>
                <a:path w="10361930" h="6141720">
                  <a:moveTo>
                    <a:pt x="8255508" y="0"/>
                  </a:moveTo>
                  <a:lnTo>
                    <a:pt x="8244839" y="0"/>
                  </a:lnTo>
                  <a:lnTo>
                    <a:pt x="8244839" y="10668"/>
                  </a:lnTo>
                  <a:lnTo>
                    <a:pt x="8255508" y="10668"/>
                  </a:lnTo>
                  <a:lnTo>
                    <a:pt x="8255508" y="0"/>
                  </a:lnTo>
                  <a:close/>
                </a:path>
                <a:path w="10361930" h="6141720">
                  <a:moveTo>
                    <a:pt x="8275320" y="0"/>
                  </a:moveTo>
                  <a:lnTo>
                    <a:pt x="8264652" y="0"/>
                  </a:lnTo>
                  <a:lnTo>
                    <a:pt x="8264652" y="10668"/>
                  </a:lnTo>
                  <a:lnTo>
                    <a:pt x="8275320" y="10668"/>
                  </a:lnTo>
                  <a:lnTo>
                    <a:pt x="8275320" y="0"/>
                  </a:lnTo>
                  <a:close/>
                </a:path>
                <a:path w="10361930" h="6141720">
                  <a:moveTo>
                    <a:pt x="8296656" y="0"/>
                  </a:moveTo>
                  <a:lnTo>
                    <a:pt x="8285987" y="0"/>
                  </a:lnTo>
                  <a:lnTo>
                    <a:pt x="8285987" y="10668"/>
                  </a:lnTo>
                  <a:lnTo>
                    <a:pt x="8296656" y="10668"/>
                  </a:lnTo>
                  <a:lnTo>
                    <a:pt x="8296656" y="0"/>
                  </a:lnTo>
                  <a:close/>
                </a:path>
                <a:path w="10361930" h="6141720">
                  <a:moveTo>
                    <a:pt x="8316467" y="0"/>
                  </a:moveTo>
                  <a:lnTo>
                    <a:pt x="8305800" y="0"/>
                  </a:lnTo>
                  <a:lnTo>
                    <a:pt x="8305800" y="10668"/>
                  </a:lnTo>
                  <a:lnTo>
                    <a:pt x="8316467" y="10668"/>
                  </a:lnTo>
                  <a:lnTo>
                    <a:pt x="8316467" y="0"/>
                  </a:lnTo>
                  <a:close/>
                </a:path>
                <a:path w="10361930" h="6141720">
                  <a:moveTo>
                    <a:pt x="8337804" y="0"/>
                  </a:moveTo>
                  <a:lnTo>
                    <a:pt x="8327135" y="0"/>
                  </a:lnTo>
                  <a:lnTo>
                    <a:pt x="8327135" y="10668"/>
                  </a:lnTo>
                  <a:lnTo>
                    <a:pt x="8337804" y="10668"/>
                  </a:lnTo>
                  <a:lnTo>
                    <a:pt x="8337804" y="0"/>
                  </a:lnTo>
                  <a:close/>
                </a:path>
                <a:path w="10361930" h="6141720">
                  <a:moveTo>
                    <a:pt x="8357615" y="0"/>
                  </a:moveTo>
                  <a:lnTo>
                    <a:pt x="8346948" y="0"/>
                  </a:lnTo>
                  <a:lnTo>
                    <a:pt x="8346948" y="10668"/>
                  </a:lnTo>
                  <a:lnTo>
                    <a:pt x="8357615" y="10668"/>
                  </a:lnTo>
                  <a:lnTo>
                    <a:pt x="8357615" y="0"/>
                  </a:lnTo>
                  <a:close/>
                </a:path>
                <a:path w="10361930" h="6141720">
                  <a:moveTo>
                    <a:pt x="8378952" y="0"/>
                  </a:moveTo>
                  <a:lnTo>
                    <a:pt x="8368283" y="0"/>
                  </a:lnTo>
                  <a:lnTo>
                    <a:pt x="8368283" y="10668"/>
                  </a:lnTo>
                  <a:lnTo>
                    <a:pt x="8378952" y="10668"/>
                  </a:lnTo>
                  <a:lnTo>
                    <a:pt x="8378952" y="0"/>
                  </a:lnTo>
                  <a:close/>
                </a:path>
                <a:path w="10361930" h="6141720">
                  <a:moveTo>
                    <a:pt x="8398764" y="0"/>
                  </a:moveTo>
                  <a:lnTo>
                    <a:pt x="8388096" y="0"/>
                  </a:lnTo>
                  <a:lnTo>
                    <a:pt x="8388096" y="10668"/>
                  </a:lnTo>
                  <a:lnTo>
                    <a:pt x="8398764" y="10668"/>
                  </a:lnTo>
                  <a:lnTo>
                    <a:pt x="8398764" y="0"/>
                  </a:lnTo>
                  <a:close/>
                </a:path>
                <a:path w="10361930" h="6141720">
                  <a:moveTo>
                    <a:pt x="8420100" y="0"/>
                  </a:moveTo>
                  <a:lnTo>
                    <a:pt x="8409432" y="0"/>
                  </a:lnTo>
                  <a:lnTo>
                    <a:pt x="8409432" y="10668"/>
                  </a:lnTo>
                  <a:lnTo>
                    <a:pt x="8420100" y="10668"/>
                  </a:lnTo>
                  <a:lnTo>
                    <a:pt x="8420100" y="0"/>
                  </a:lnTo>
                  <a:close/>
                </a:path>
                <a:path w="10361930" h="6141720">
                  <a:moveTo>
                    <a:pt x="8439912" y="0"/>
                  </a:moveTo>
                  <a:lnTo>
                    <a:pt x="8429244" y="0"/>
                  </a:lnTo>
                  <a:lnTo>
                    <a:pt x="8429244" y="10668"/>
                  </a:lnTo>
                  <a:lnTo>
                    <a:pt x="8439912" y="10668"/>
                  </a:lnTo>
                  <a:lnTo>
                    <a:pt x="8439912" y="0"/>
                  </a:lnTo>
                  <a:close/>
                </a:path>
                <a:path w="10361930" h="6141720">
                  <a:moveTo>
                    <a:pt x="8461248" y="0"/>
                  </a:moveTo>
                  <a:lnTo>
                    <a:pt x="8450580" y="0"/>
                  </a:lnTo>
                  <a:lnTo>
                    <a:pt x="8450580" y="10668"/>
                  </a:lnTo>
                  <a:lnTo>
                    <a:pt x="8461248" y="10668"/>
                  </a:lnTo>
                  <a:lnTo>
                    <a:pt x="8461248" y="0"/>
                  </a:lnTo>
                  <a:close/>
                </a:path>
                <a:path w="10361930" h="6141720">
                  <a:moveTo>
                    <a:pt x="8481060" y="0"/>
                  </a:moveTo>
                  <a:lnTo>
                    <a:pt x="8470391" y="0"/>
                  </a:lnTo>
                  <a:lnTo>
                    <a:pt x="8470391" y="10668"/>
                  </a:lnTo>
                  <a:lnTo>
                    <a:pt x="8481060" y="10668"/>
                  </a:lnTo>
                  <a:lnTo>
                    <a:pt x="8481060" y="0"/>
                  </a:lnTo>
                  <a:close/>
                </a:path>
                <a:path w="10361930" h="6141720">
                  <a:moveTo>
                    <a:pt x="8502396" y="0"/>
                  </a:moveTo>
                  <a:lnTo>
                    <a:pt x="8491728" y="0"/>
                  </a:lnTo>
                  <a:lnTo>
                    <a:pt x="8491728" y="10668"/>
                  </a:lnTo>
                  <a:lnTo>
                    <a:pt x="8502396" y="10668"/>
                  </a:lnTo>
                  <a:lnTo>
                    <a:pt x="8502396" y="0"/>
                  </a:lnTo>
                  <a:close/>
                </a:path>
                <a:path w="10361930" h="6141720">
                  <a:moveTo>
                    <a:pt x="8522208" y="0"/>
                  </a:moveTo>
                  <a:lnTo>
                    <a:pt x="8511540" y="0"/>
                  </a:lnTo>
                  <a:lnTo>
                    <a:pt x="8511540" y="10668"/>
                  </a:lnTo>
                  <a:lnTo>
                    <a:pt x="8522208" y="10668"/>
                  </a:lnTo>
                  <a:lnTo>
                    <a:pt x="8522208" y="0"/>
                  </a:lnTo>
                  <a:close/>
                </a:path>
                <a:path w="10361930" h="6141720">
                  <a:moveTo>
                    <a:pt x="8543544" y="0"/>
                  </a:moveTo>
                  <a:lnTo>
                    <a:pt x="8532876" y="0"/>
                  </a:lnTo>
                  <a:lnTo>
                    <a:pt x="8532876" y="10668"/>
                  </a:lnTo>
                  <a:lnTo>
                    <a:pt x="8543544" y="10668"/>
                  </a:lnTo>
                  <a:lnTo>
                    <a:pt x="8543544" y="0"/>
                  </a:lnTo>
                  <a:close/>
                </a:path>
                <a:path w="10361930" h="6141720">
                  <a:moveTo>
                    <a:pt x="8563356" y="0"/>
                  </a:moveTo>
                  <a:lnTo>
                    <a:pt x="8552688" y="0"/>
                  </a:lnTo>
                  <a:lnTo>
                    <a:pt x="8552688" y="10668"/>
                  </a:lnTo>
                  <a:lnTo>
                    <a:pt x="8563356" y="10668"/>
                  </a:lnTo>
                  <a:lnTo>
                    <a:pt x="8563356" y="0"/>
                  </a:lnTo>
                  <a:close/>
                </a:path>
                <a:path w="10361930" h="6141720">
                  <a:moveTo>
                    <a:pt x="8583167" y="0"/>
                  </a:moveTo>
                  <a:lnTo>
                    <a:pt x="8574024" y="0"/>
                  </a:lnTo>
                  <a:lnTo>
                    <a:pt x="8574024" y="10668"/>
                  </a:lnTo>
                  <a:lnTo>
                    <a:pt x="8583167" y="10668"/>
                  </a:lnTo>
                  <a:lnTo>
                    <a:pt x="8583167" y="0"/>
                  </a:lnTo>
                  <a:close/>
                </a:path>
                <a:path w="10361930" h="6141720">
                  <a:moveTo>
                    <a:pt x="8604504" y="0"/>
                  </a:moveTo>
                  <a:lnTo>
                    <a:pt x="8593836" y="0"/>
                  </a:lnTo>
                  <a:lnTo>
                    <a:pt x="8593836" y="10668"/>
                  </a:lnTo>
                  <a:lnTo>
                    <a:pt x="8604504" y="10668"/>
                  </a:lnTo>
                  <a:lnTo>
                    <a:pt x="8604504" y="0"/>
                  </a:lnTo>
                  <a:close/>
                </a:path>
                <a:path w="10361930" h="6141720">
                  <a:moveTo>
                    <a:pt x="8624316" y="0"/>
                  </a:moveTo>
                  <a:lnTo>
                    <a:pt x="8615172" y="0"/>
                  </a:lnTo>
                  <a:lnTo>
                    <a:pt x="8615172" y="10668"/>
                  </a:lnTo>
                  <a:lnTo>
                    <a:pt x="8624316" y="10668"/>
                  </a:lnTo>
                  <a:lnTo>
                    <a:pt x="8624316" y="0"/>
                  </a:lnTo>
                  <a:close/>
                </a:path>
                <a:path w="10361930" h="6141720">
                  <a:moveTo>
                    <a:pt x="8645652" y="0"/>
                  </a:moveTo>
                  <a:lnTo>
                    <a:pt x="8634984" y="0"/>
                  </a:lnTo>
                  <a:lnTo>
                    <a:pt x="8634984" y="10668"/>
                  </a:lnTo>
                  <a:lnTo>
                    <a:pt x="8645652" y="10668"/>
                  </a:lnTo>
                  <a:lnTo>
                    <a:pt x="8645652" y="0"/>
                  </a:lnTo>
                  <a:close/>
                </a:path>
                <a:path w="10361930" h="6141720">
                  <a:moveTo>
                    <a:pt x="8665464" y="0"/>
                  </a:moveTo>
                  <a:lnTo>
                    <a:pt x="8656320" y="0"/>
                  </a:lnTo>
                  <a:lnTo>
                    <a:pt x="8656320" y="10668"/>
                  </a:lnTo>
                  <a:lnTo>
                    <a:pt x="8665464" y="10668"/>
                  </a:lnTo>
                  <a:lnTo>
                    <a:pt x="8665464" y="0"/>
                  </a:lnTo>
                  <a:close/>
                </a:path>
                <a:path w="10361930" h="6141720">
                  <a:moveTo>
                    <a:pt x="8686800" y="0"/>
                  </a:moveTo>
                  <a:lnTo>
                    <a:pt x="8676132" y="0"/>
                  </a:lnTo>
                  <a:lnTo>
                    <a:pt x="8676132" y="10668"/>
                  </a:lnTo>
                  <a:lnTo>
                    <a:pt x="8686800" y="10668"/>
                  </a:lnTo>
                  <a:lnTo>
                    <a:pt x="8686800" y="0"/>
                  </a:lnTo>
                  <a:close/>
                </a:path>
                <a:path w="10361930" h="6141720">
                  <a:moveTo>
                    <a:pt x="8706612" y="0"/>
                  </a:moveTo>
                  <a:lnTo>
                    <a:pt x="8697467" y="0"/>
                  </a:lnTo>
                  <a:lnTo>
                    <a:pt x="8697467" y="10668"/>
                  </a:lnTo>
                  <a:lnTo>
                    <a:pt x="8706612" y="10668"/>
                  </a:lnTo>
                  <a:lnTo>
                    <a:pt x="8706612" y="0"/>
                  </a:lnTo>
                  <a:close/>
                </a:path>
                <a:path w="10361930" h="6141720">
                  <a:moveTo>
                    <a:pt x="8727948" y="0"/>
                  </a:moveTo>
                  <a:lnTo>
                    <a:pt x="8717280" y="0"/>
                  </a:lnTo>
                  <a:lnTo>
                    <a:pt x="8717280" y="10668"/>
                  </a:lnTo>
                  <a:lnTo>
                    <a:pt x="8727948" y="10668"/>
                  </a:lnTo>
                  <a:lnTo>
                    <a:pt x="8727948" y="0"/>
                  </a:lnTo>
                  <a:close/>
                </a:path>
                <a:path w="10361930" h="6141720">
                  <a:moveTo>
                    <a:pt x="8747760" y="0"/>
                  </a:moveTo>
                  <a:lnTo>
                    <a:pt x="8738616" y="0"/>
                  </a:lnTo>
                  <a:lnTo>
                    <a:pt x="8738616" y="10668"/>
                  </a:lnTo>
                  <a:lnTo>
                    <a:pt x="8747760" y="10668"/>
                  </a:lnTo>
                  <a:lnTo>
                    <a:pt x="8747760" y="0"/>
                  </a:lnTo>
                  <a:close/>
                </a:path>
                <a:path w="10361930" h="6141720">
                  <a:moveTo>
                    <a:pt x="8769096" y="0"/>
                  </a:moveTo>
                  <a:lnTo>
                    <a:pt x="8758428" y="0"/>
                  </a:lnTo>
                  <a:lnTo>
                    <a:pt x="8758428" y="10668"/>
                  </a:lnTo>
                  <a:lnTo>
                    <a:pt x="8769096" y="10668"/>
                  </a:lnTo>
                  <a:lnTo>
                    <a:pt x="8769096" y="0"/>
                  </a:lnTo>
                  <a:close/>
                </a:path>
                <a:path w="10361930" h="6141720">
                  <a:moveTo>
                    <a:pt x="8788908" y="0"/>
                  </a:moveTo>
                  <a:lnTo>
                    <a:pt x="8779764" y="0"/>
                  </a:lnTo>
                  <a:lnTo>
                    <a:pt x="8779764" y="10668"/>
                  </a:lnTo>
                  <a:lnTo>
                    <a:pt x="8788908" y="10668"/>
                  </a:lnTo>
                  <a:lnTo>
                    <a:pt x="8788908" y="0"/>
                  </a:lnTo>
                  <a:close/>
                </a:path>
                <a:path w="10361930" h="6141720">
                  <a:moveTo>
                    <a:pt x="8810244" y="0"/>
                  </a:moveTo>
                  <a:lnTo>
                    <a:pt x="8799576" y="0"/>
                  </a:lnTo>
                  <a:lnTo>
                    <a:pt x="8799576" y="10668"/>
                  </a:lnTo>
                  <a:lnTo>
                    <a:pt x="8810244" y="10668"/>
                  </a:lnTo>
                  <a:lnTo>
                    <a:pt x="8810244" y="0"/>
                  </a:lnTo>
                  <a:close/>
                </a:path>
                <a:path w="10361930" h="6141720">
                  <a:moveTo>
                    <a:pt x="8830056" y="0"/>
                  </a:moveTo>
                  <a:lnTo>
                    <a:pt x="8820912" y="0"/>
                  </a:lnTo>
                  <a:lnTo>
                    <a:pt x="8820912" y="10668"/>
                  </a:lnTo>
                  <a:lnTo>
                    <a:pt x="8830056" y="10668"/>
                  </a:lnTo>
                  <a:lnTo>
                    <a:pt x="8830056" y="0"/>
                  </a:lnTo>
                  <a:close/>
                </a:path>
                <a:path w="10361930" h="6141720">
                  <a:moveTo>
                    <a:pt x="8851391" y="0"/>
                  </a:moveTo>
                  <a:lnTo>
                    <a:pt x="8840724" y="0"/>
                  </a:lnTo>
                  <a:lnTo>
                    <a:pt x="8840724" y="10668"/>
                  </a:lnTo>
                  <a:lnTo>
                    <a:pt x="8851391" y="10668"/>
                  </a:lnTo>
                  <a:lnTo>
                    <a:pt x="8851391" y="0"/>
                  </a:lnTo>
                  <a:close/>
                </a:path>
                <a:path w="10361930" h="6141720">
                  <a:moveTo>
                    <a:pt x="8871204" y="0"/>
                  </a:moveTo>
                  <a:lnTo>
                    <a:pt x="8862060" y="0"/>
                  </a:lnTo>
                  <a:lnTo>
                    <a:pt x="8862060" y="10668"/>
                  </a:lnTo>
                  <a:lnTo>
                    <a:pt x="8871204" y="10668"/>
                  </a:lnTo>
                  <a:lnTo>
                    <a:pt x="8871204" y="0"/>
                  </a:lnTo>
                  <a:close/>
                </a:path>
                <a:path w="10361930" h="6141720">
                  <a:moveTo>
                    <a:pt x="8892540" y="0"/>
                  </a:moveTo>
                  <a:lnTo>
                    <a:pt x="8881872" y="0"/>
                  </a:lnTo>
                  <a:lnTo>
                    <a:pt x="8881872" y="10668"/>
                  </a:lnTo>
                  <a:lnTo>
                    <a:pt x="8892540" y="10668"/>
                  </a:lnTo>
                  <a:lnTo>
                    <a:pt x="8892540" y="0"/>
                  </a:lnTo>
                  <a:close/>
                </a:path>
                <a:path w="10361930" h="6141720">
                  <a:moveTo>
                    <a:pt x="8912352" y="0"/>
                  </a:moveTo>
                  <a:lnTo>
                    <a:pt x="8903208" y="0"/>
                  </a:lnTo>
                  <a:lnTo>
                    <a:pt x="8903208" y="10668"/>
                  </a:lnTo>
                  <a:lnTo>
                    <a:pt x="8912352" y="10668"/>
                  </a:lnTo>
                  <a:lnTo>
                    <a:pt x="8912352" y="0"/>
                  </a:lnTo>
                  <a:close/>
                </a:path>
                <a:path w="10361930" h="6141720">
                  <a:moveTo>
                    <a:pt x="8933688" y="0"/>
                  </a:moveTo>
                  <a:lnTo>
                    <a:pt x="8923020" y="0"/>
                  </a:lnTo>
                  <a:lnTo>
                    <a:pt x="8923020" y="10668"/>
                  </a:lnTo>
                  <a:lnTo>
                    <a:pt x="8933688" y="10668"/>
                  </a:lnTo>
                  <a:lnTo>
                    <a:pt x="8933688" y="0"/>
                  </a:lnTo>
                  <a:close/>
                </a:path>
                <a:path w="10361930" h="6141720">
                  <a:moveTo>
                    <a:pt x="8953500" y="0"/>
                  </a:moveTo>
                  <a:lnTo>
                    <a:pt x="8944356" y="0"/>
                  </a:lnTo>
                  <a:lnTo>
                    <a:pt x="8944356" y="10668"/>
                  </a:lnTo>
                  <a:lnTo>
                    <a:pt x="8953500" y="10668"/>
                  </a:lnTo>
                  <a:lnTo>
                    <a:pt x="8953500" y="0"/>
                  </a:lnTo>
                  <a:close/>
                </a:path>
                <a:path w="10361930" h="6141720">
                  <a:moveTo>
                    <a:pt x="8974836" y="0"/>
                  </a:moveTo>
                  <a:lnTo>
                    <a:pt x="8964167" y="0"/>
                  </a:lnTo>
                  <a:lnTo>
                    <a:pt x="8964167" y="10668"/>
                  </a:lnTo>
                  <a:lnTo>
                    <a:pt x="8974836" y="10668"/>
                  </a:lnTo>
                  <a:lnTo>
                    <a:pt x="8974836" y="0"/>
                  </a:lnTo>
                  <a:close/>
                </a:path>
                <a:path w="10361930" h="6141720">
                  <a:moveTo>
                    <a:pt x="8994648" y="0"/>
                  </a:moveTo>
                  <a:lnTo>
                    <a:pt x="8985504" y="0"/>
                  </a:lnTo>
                  <a:lnTo>
                    <a:pt x="8985504" y="10668"/>
                  </a:lnTo>
                  <a:lnTo>
                    <a:pt x="8994648" y="10668"/>
                  </a:lnTo>
                  <a:lnTo>
                    <a:pt x="8994648" y="0"/>
                  </a:lnTo>
                  <a:close/>
                </a:path>
                <a:path w="10361930" h="6141720">
                  <a:moveTo>
                    <a:pt x="9015984" y="0"/>
                  </a:moveTo>
                  <a:lnTo>
                    <a:pt x="9005316" y="0"/>
                  </a:lnTo>
                  <a:lnTo>
                    <a:pt x="9005316" y="10668"/>
                  </a:lnTo>
                  <a:lnTo>
                    <a:pt x="9015984" y="10668"/>
                  </a:lnTo>
                  <a:lnTo>
                    <a:pt x="9015984" y="0"/>
                  </a:lnTo>
                  <a:close/>
                </a:path>
                <a:path w="10361930" h="6141720">
                  <a:moveTo>
                    <a:pt x="9035796" y="0"/>
                  </a:moveTo>
                  <a:lnTo>
                    <a:pt x="9026652" y="0"/>
                  </a:lnTo>
                  <a:lnTo>
                    <a:pt x="9026652" y="10668"/>
                  </a:lnTo>
                  <a:lnTo>
                    <a:pt x="9035796" y="10668"/>
                  </a:lnTo>
                  <a:lnTo>
                    <a:pt x="9035796" y="0"/>
                  </a:lnTo>
                  <a:close/>
                </a:path>
                <a:path w="10361930" h="6141720">
                  <a:moveTo>
                    <a:pt x="9057132" y="0"/>
                  </a:moveTo>
                  <a:lnTo>
                    <a:pt x="9046464" y="0"/>
                  </a:lnTo>
                  <a:lnTo>
                    <a:pt x="9046464" y="10668"/>
                  </a:lnTo>
                  <a:lnTo>
                    <a:pt x="9057132" y="10668"/>
                  </a:lnTo>
                  <a:lnTo>
                    <a:pt x="9057132" y="0"/>
                  </a:lnTo>
                  <a:close/>
                </a:path>
                <a:path w="10361930" h="6141720">
                  <a:moveTo>
                    <a:pt x="9076944" y="0"/>
                  </a:moveTo>
                  <a:lnTo>
                    <a:pt x="9067800" y="0"/>
                  </a:lnTo>
                  <a:lnTo>
                    <a:pt x="9067800" y="10668"/>
                  </a:lnTo>
                  <a:lnTo>
                    <a:pt x="9076944" y="10668"/>
                  </a:lnTo>
                  <a:lnTo>
                    <a:pt x="9076944" y="0"/>
                  </a:lnTo>
                  <a:close/>
                </a:path>
                <a:path w="10361930" h="6141720">
                  <a:moveTo>
                    <a:pt x="9098280" y="0"/>
                  </a:moveTo>
                  <a:lnTo>
                    <a:pt x="9087612" y="0"/>
                  </a:lnTo>
                  <a:lnTo>
                    <a:pt x="9087612" y="10668"/>
                  </a:lnTo>
                  <a:lnTo>
                    <a:pt x="9098280" y="10668"/>
                  </a:lnTo>
                  <a:lnTo>
                    <a:pt x="9098280" y="0"/>
                  </a:lnTo>
                  <a:close/>
                </a:path>
                <a:path w="10361930" h="6141720">
                  <a:moveTo>
                    <a:pt x="9118091" y="0"/>
                  </a:moveTo>
                  <a:lnTo>
                    <a:pt x="9108948" y="0"/>
                  </a:lnTo>
                  <a:lnTo>
                    <a:pt x="9108948" y="10668"/>
                  </a:lnTo>
                  <a:lnTo>
                    <a:pt x="9118091" y="10668"/>
                  </a:lnTo>
                  <a:lnTo>
                    <a:pt x="9118091" y="0"/>
                  </a:lnTo>
                  <a:close/>
                </a:path>
                <a:path w="10361930" h="6141720">
                  <a:moveTo>
                    <a:pt x="9139428" y="0"/>
                  </a:moveTo>
                  <a:lnTo>
                    <a:pt x="9128760" y="0"/>
                  </a:lnTo>
                  <a:lnTo>
                    <a:pt x="9128760" y="10668"/>
                  </a:lnTo>
                  <a:lnTo>
                    <a:pt x="9139428" y="10668"/>
                  </a:lnTo>
                  <a:lnTo>
                    <a:pt x="9139428" y="0"/>
                  </a:lnTo>
                  <a:close/>
                </a:path>
                <a:path w="10361930" h="6141720">
                  <a:moveTo>
                    <a:pt x="9159240" y="0"/>
                  </a:moveTo>
                  <a:lnTo>
                    <a:pt x="9150096" y="0"/>
                  </a:lnTo>
                  <a:lnTo>
                    <a:pt x="9150096" y="10668"/>
                  </a:lnTo>
                  <a:lnTo>
                    <a:pt x="9159240" y="10668"/>
                  </a:lnTo>
                  <a:lnTo>
                    <a:pt x="9159240" y="0"/>
                  </a:lnTo>
                  <a:close/>
                </a:path>
                <a:path w="10361930" h="6141720">
                  <a:moveTo>
                    <a:pt x="9180576" y="0"/>
                  </a:moveTo>
                  <a:lnTo>
                    <a:pt x="9169908" y="0"/>
                  </a:lnTo>
                  <a:lnTo>
                    <a:pt x="9169908" y="10668"/>
                  </a:lnTo>
                  <a:lnTo>
                    <a:pt x="9180576" y="10668"/>
                  </a:lnTo>
                  <a:lnTo>
                    <a:pt x="9180576" y="0"/>
                  </a:lnTo>
                  <a:close/>
                </a:path>
                <a:path w="10361930" h="6141720">
                  <a:moveTo>
                    <a:pt x="9200388" y="0"/>
                  </a:moveTo>
                  <a:lnTo>
                    <a:pt x="9189720" y="0"/>
                  </a:lnTo>
                  <a:lnTo>
                    <a:pt x="9189720" y="10668"/>
                  </a:lnTo>
                  <a:lnTo>
                    <a:pt x="9200388" y="10668"/>
                  </a:lnTo>
                  <a:lnTo>
                    <a:pt x="9200388" y="0"/>
                  </a:lnTo>
                  <a:close/>
                </a:path>
                <a:path w="10361930" h="6141720">
                  <a:moveTo>
                    <a:pt x="9221724" y="0"/>
                  </a:moveTo>
                  <a:lnTo>
                    <a:pt x="9211056" y="0"/>
                  </a:lnTo>
                  <a:lnTo>
                    <a:pt x="9211056" y="10668"/>
                  </a:lnTo>
                  <a:lnTo>
                    <a:pt x="9221724" y="10668"/>
                  </a:lnTo>
                  <a:lnTo>
                    <a:pt x="9221724" y="0"/>
                  </a:lnTo>
                  <a:close/>
                </a:path>
                <a:path w="10361930" h="6141720">
                  <a:moveTo>
                    <a:pt x="9241536" y="0"/>
                  </a:moveTo>
                  <a:lnTo>
                    <a:pt x="9230867" y="0"/>
                  </a:lnTo>
                  <a:lnTo>
                    <a:pt x="9230867" y="10668"/>
                  </a:lnTo>
                  <a:lnTo>
                    <a:pt x="9241536" y="10668"/>
                  </a:lnTo>
                  <a:lnTo>
                    <a:pt x="9241536" y="0"/>
                  </a:lnTo>
                  <a:close/>
                </a:path>
                <a:path w="10361930" h="6141720">
                  <a:moveTo>
                    <a:pt x="9262872" y="0"/>
                  </a:moveTo>
                  <a:lnTo>
                    <a:pt x="9252204" y="0"/>
                  </a:lnTo>
                  <a:lnTo>
                    <a:pt x="9252204" y="10668"/>
                  </a:lnTo>
                  <a:lnTo>
                    <a:pt x="9262872" y="10668"/>
                  </a:lnTo>
                  <a:lnTo>
                    <a:pt x="9262872" y="0"/>
                  </a:lnTo>
                  <a:close/>
                </a:path>
                <a:path w="10361930" h="6141720">
                  <a:moveTo>
                    <a:pt x="9282684" y="0"/>
                  </a:moveTo>
                  <a:lnTo>
                    <a:pt x="9272016" y="0"/>
                  </a:lnTo>
                  <a:lnTo>
                    <a:pt x="9272016" y="10668"/>
                  </a:lnTo>
                  <a:lnTo>
                    <a:pt x="9282684" y="10668"/>
                  </a:lnTo>
                  <a:lnTo>
                    <a:pt x="9282684" y="0"/>
                  </a:lnTo>
                  <a:close/>
                </a:path>
                <a:path w="10361930" h="6141720">
                  <a:moveTo>
                    <a:pt x="9304020" y="0"/>
                  </a:moveTo>
                  <a:lnTo>
                    <a:pt x="9293352" y="0"/>
                  </a:lnTo>
                  <a:lnTo>
                    <a:pt x="9293352" y="10668"/>
                  </a:lnTo>
                  <a:lnTo>
                    <a:pt x="9304020" y="10668"/>
                  </a:lnTo>
                  <a:lnTo>
                    <a:pt x="9304020" y="0"/>
                  </a:lnTo>
                  <a:close/>
                </a:path>
                <a:path w="10361930" h="6141720">
                  <a:moveTo>
                    <a:pt x="9323832" y="0"/>
                  </a:moveTo>
                  <a:lnTo>
                    <a:pt x="9313164" y="0"/>
                  </a:lnTo>
                  <a:lnTo>
                    <a:pt x="9313164" y="10668"/>
                  </a:lnTo>
                  <a:lnTo>
                    <a:pt x="9323832" y="10668"/>
                  </a:lnTo>
                  <a:lnTo>
                    <a:pt x="9323832" y="0"/>
                  </a:lnTo>
                  <a:close/>
                </a:path>
                <a:path w="10361930" h="6141720">
                  <a:moveTo>
                    <a:pt x="9345167" y="0"/>
                  </a:moveTo>
                  <a:lnTo>
                    <a:pt x="9334500" y="0"/>
                  </a:lnTo>
                  <a:lnTo>
                    <a:pt x="9334500" y="10668"/>
                  </a:lnTo>
                  <a:lnTo>
                    <a:pt x="9345167" y="10668"/>
                  </a:lnTo>
                  <a:lnTo>
                    <a:pt x="9345167" y="0"/>
                  </a:lnTo>
                  <a:close/>
                </a:path>
                <a:path w="10361930" h="6141720">
                  <a:moveTo>
                    <a:pt x="9364980" y="0"/>
                  </a:moveTo>
                  <a:lnTo>
                    <a:pt x="9354312" y="0"/>
                  </a:lnTo>
                  <a:lnTo>
                    <a:pt x="9354312" y="10668"/>
                  </a:lnTo>
                  <a:lnTo>
                    <a:pt x="9364980" y="10668"/>
                  </a:lnTo>
                  <a:lnTo>
                    <a:pt x="9364980" y="0"/>
                  </a:lnTo>
                  <a:close/>
                </a:path>
                <a:path w="10361930" h="6141720">
                  <a:moveTo>
                    <a:pt x="9386316" y="0"/>
                  </a:moveTo>
                  <a:lnTo>
                    <a:pt x="9375648" y="0"/>
                  </a:lnTo>
                  <a:lnTo>
                    <a:pt x="9375648" y="10668"/>
                  </a:lnTo>
                  <a:lnTo>
                    <a:pt x="9386316" y="10668"/>
                  </a:lnTo>
                  <a:lnTo>
                    <a:pt x="9386316" y="0"/>
                  </a:lnTo>
                  <a:close/>
                </a:path>
                <a:path w="10361930" h="6141720">
                  <a:moveTo>
                    <a:pt x="9406128" y="0"/>
                  </a:moveTo>
                  <a:lnTo>
                    <a:pt x="9395460" y="0"/>
                  </a:lnTo>
                  <a:lnTo>
                    <a:pt x="9395460" y="10668"/>
                  </a:lnTo>
                  <a:lnTo>
                    <a:pt x="9406128" y="10668"/>
                  </a:lnTo>
                  <a:lnTo>
                    <a:pt x="9406128" y="0"/>
                  </a:lnTo>
                  <a:close/>
                </a:path>
                <a:path w="10361930" h="6141720">
                  <a:moveTo>
                    <a:pt x="9427464" y="0"/>
                  </a:moveTo>
                  <a:lnTo>
                    <a:pt x="9416796" y="0"/>
                  </a:lnTo>
                  <a:lnTo>
                    <a:pt x="9416796" y="10668"/>
                  </a:lnTo>
                  <a:lnTo>
                    <a:pt x="9427464" y="10668"/>
                  </a:lnTo>
                  <a:lnTo>
                    <a:pt x="9427464" y="0"/>
                  </a:lnTo>
                  <a:close/>
                </a:path>
                <a:path w="10361930" h="6141720">
                  <a:moveTo>
                    <a:pt x="9447276" y="0"/>
                  </a:moveTo>
                  <a:lnTo>
                    <a:pt x="9436608" y="0"/>
                  </a:lnTo>
                  <a:lnTo>
                    <a:pt x="9436608" y="10668"/>
                  </a:lnTo>
                  <a:lnTo>
                    <a:pt x="9447276" y="10668"/>
                  </a:lnTo>
                  <a:lnTo>
                    <a:pt x="9447276" y="0"/>
                  </a:lnTo>
                  <a:close/>
                </a:path>
                <a:path w="10361930" h="6141720">
                  <a:moveTo>
                    <a:pt x="9468612" y="0"/>
                  </a:moveTo>
                  <a:lnTo>
                    <a:pt x="9457944" y="0"/>
                  </a:lnTo>
                  <a:lnTo>
                    <a:pt x="9457944" y="10668"/>
                  </a:lnTo>
                  <a:lnTo>
                    <a:pt x="9468612" y="10668"/>
                  </a:lnTo>
                  <a:lnTo>
                    <a:pt x="9468612" y="0"/>
                  </a:lnTo>
                  <a:close/>
                </a:path>
                <a:path w="10361930" h="6141720">
                  <a:moveTo>
                    <a:pt x="9488424" y="0"/>
                  </a:moveTo>
                  <a:lnTo>
                    <a:pt x="9477756" y="0"/>
                  </a:lnTo>
                  <a:lnTo>
                    <a:pt x="9477756" y="10668"/>
                  </a:lnTo>
                  <a:lnTo>
                    <a:pt x="9488424" y="10668"/>
                  </a:lnTo>
                  <a:lnTo>
                    <a:pt x="9488424" y="0"/>
                  </a:lnTo>
                  <a:close/>
                </a:path>
                <a:path w="10361930" h="6141720">
                  <a:moveTo>
                    <a:pt x="9509760" y="0"/>
                  </a:moveTo>
                  <a:lnTo>
                    <a:pt x="9499091" y="0"/>
                  </a:lnTo>
                  <a:lnTo>
                    <a:pt x="9499091" y="10668"/>
                  </a:lnTo>
                  <a:lnTo>
                    <a:pt x="9509760" y="10668"/>
                  </a:lnTo>
                  <a:lnTo>
                    <a:pt x="9509760" y="0"/>
                  </a:lnTo>
                  <a:close/>
                </a:path>
                <a:path w="10361930" h="6141720">
                  <a:moveTo>
                    <a:pt x="9529572" y="0"/>
                  </a:moveTo>
                  <a:lnTo>
                    <a:pt x="9518904" y="0"/>
                  </a:lnTo>
                  <a:lnTo>
                    <a:pt x="9518904" y="10668"/>
                  </a:lnTo>
                  <a:lnTo>
                    <a:pt x="9529572" y="10668"/>
                  </a:lnTo>
                  <a:lnTo>
                    <a:pt x="9529572" y="0"/>
                  </a:lnTo>
                  <a:close/>
                </a:path>
                <a:path w="10361930" h="6141720">
                  <a:moveTo>
                    <a:pt x="9550908" y="0"/>
                  </a:moveTo>
                  <a:lnTo>
                    <a:pt x="9540240" y="0"/>
                  </a:lnTo>
                  <a:lnTo>
                    <a:pt x="9540240" y="10668"/>
                  </a:lnTo>
                  <a:lnTo>
                    <a:pt x="9550908" y="10668"/>
                  </a:lnTo>
                  <a:lnTo>
                    <a:pt x="9550908" y="0"/>
                  </a:lnTo>
                  <a:close/>
                </a:path>
                <a:path w="10361930" h="6141720">
                  <a:moveTo>
                    <a:pt x="9570720" y="0"/>
                  </a:moveTo>
                  <a:lnTo>
                    <a:pt x="9560052" y="0"/>
                  </a:lnTo>
                  <a:lnTo>
                    <a:pt x="9560052" y="10668"/>
                  </a:lnTo>
                  <a:lnTo>
                    <a:pt x="9570720" y="10668"/>
                  </a:lnTo>
                  <a:lnTo>
                    <a:pt x="9570720" y="0"/>
                  </a:lnTo>
                  <a:close/>
                </a:path>
                <a:path w="10361930" h="6141720">
                  <a:moveTo>
                    <a:pt x="9592056" y="0"/>
                  </a:moveTo>
                  <a:lnTo>
                    <a:pt x="9581388" y="0"/>
                  </a:lnTo>
                  <a:lnTo>
                    <a:pt x="9581388" y="10668"/>
                  </a:lnTo>
                  <a:lnTo>
                    <a:pt x="9592056" y="10668"/>
                  </a:lnTo>
                  <a:lnTo>
                    <a:pt x="9592056" y="0"/>
                  </a:lnTo>
                  <a:close/>
                </a:path>
                <a:path w="10361930" h="6141720">
                  <a:moveTo>
                    <a:pt x="9611867" y="0"/>
                  </a:moveTo>
                  <a:lnTo>
                    <a:pt x="9601200" y="0"/>
                  </a:lnTo>
                  <a:lnTo>
                    <a:pt x="9601200" y="10668"/>
                  </a:lnTo>
                  <a:lnTo>
                    <a:pt x="9611867" y="10668"/>
                  </a:lnTo>
                  <a:lnTo>
                    <a:pt x="9611867" y="0"/>
                  </a:lnTo>
                  <a:close/>
                </a:path>
                <a:path w="10361930" h="6141720">
                  <a:moveTo>
                    <a:pt x="9633204" y="0"/>
                  </a:moveTo>
                  <a:lnTo>
                    <a:pt x="9622536" y="0"/>
                  </a:lnTo>
                  <a:lnTo>
                    <a:pt x="9622536" y="10668"/>
                  </a:lnTo>
                  <a:lnTo>
                    <a:pt x="9633204" y="10668"/>
                  </a:lnTo>
                  <a:lnTo>
                    <a:pt x="9633204" y="0"/>
                  </a:lnTo>
                  <a:close/>
                </a:path>
                <a:path w="10361930" h="6141720">
                  <a:moveTo>
                    <a:pt x="9653016" y="0"/>
                  </a:moveTo>
                  <a:lnTo>
                    <a:pt x="9642348" y="0"/>
                  </a:lnTo>
                  <a:lnTo>
                    <a:pt x="9642348" y="10668"/>
                  </a:lnTo>
                  <a:lnTo>
                    <a:pt x="9653016" y="10668"/>
                  </a:lnTo>
                  <a:lnTo>
                    <a:pt x="9653016" y="0"/>
                  </a:lnTo>
                  <a:close/>
                </a:path>
                <a:path w="10361930" h="6141720">
                  <a:moveTo>
                    <a:pt x="9674352" y="0"/>
                  </a:moveTo>
                  <a:lnTo>
                    <a:pt x="9663684" y="0"/>
                  </a:lnTo>
                  <a:lnTo>
                    <a:pt x="9663684" y="10668"/>
                  </a:lnTo>
                  <a:lnTo>
                    <a:pt x="9674352" y="10668"/>
                  </a:lnTo>
                  <a:lnTo>
                    <a:pt x="9674352" y="0"/>
                  </a:lnTo>
                  <a:close/>
                </a:path>
                <a:path w="10361930" h="6141720">
                  <a:moveTo>
                    <a:pt x="9694164" y="0"/>
                  </a:moveTo>
                  <a:lnTo>
                    <a:pt x="9683496" y="0"/>
                  </a:lnTo>
                  <a:lnTo>
                    <a:pt x="9683496" y="10668"/>
                  </a:lnTo>
                  <a:lnTo>
                    <a:pt x="9694164" y="10668"/>
                  </a:lnTo>
                  <a:lnTo>
                    <a:pt x="9694164" y="0"/>
                  </a:lnTo>
                  <a:close/>
                </a:path>
                <a:path w="10361930" h="6141720">
                  <a:moveTo>
                    <a:pt x="9715500" y="0"/>
                  </a:moveTo>
                  <a:lnTo>
                    <a:pt x="9704832" y="0"/>
                  </a:lnTo>
                  <a:lnTo>
                    <a:pt x="9704832" y="10668"/>
                  </a:lnTo>
                  <a:lnTo>
                    <a:pt x="9715500" y="10668"/>
                  </a:lnTo>
                  <a:lnTo>
                    <a:pt x="9715500" y="0"/>
                  </a:lnTo>
                  <a:close/>
                </a:path>
                <a:path w="10361930" h="6141720">
                  <a:moveTo>
                    <a:pt x="9735312" y="0"/>
                  </a:moveTo>
                  <a:lnTo>
                    <a:pt x="9724644" y="0"/>
                  </a:lnTo>
                  <a:lnTo>
                    <a:pt x="9724644" y="10668"/>
                  </a:lnTo>
                  <a:lnTo>
                    <a:pt x="9735312" y="10668"/>
                  </a:lnTo>
                  <a:lnTo>
                    <a:pt x="9735312" y="0"/>
                  </a:lnTo>
                  <a:close/>
                </a:path>
                <a:path w="10361930" h="6141720">
                  <a:moveTo>
                    <a:pt x="9756648" y="0"/>
                  </a:moveTo>
                  <a:lnTo>
                    <a:pt x="9745980" y="0"/>
                  </a:lnTo>
                  <a:lnTo>
                    <a:pt x="9745980" y="10668"/>
                  </a:lnTo>
                  <a:lnTo>
                    <a:pt x="9756648" y="10668"/>
                  </a:lnTo>
                  <a:lnTo>
                    <a:pt x="9756648" y="0"/>
                  </a:lnTo>
                  <a:close/>
                </a:path>
                <a:path w="10361930" h="6141720">
                  <a:moveTo>
                    <a:pt x="9776460" y="0"/>
                  </a:moveTo>
                  <a:lnTo>
                    <a:pt x="9765791" y="0"/>
                  </a:lnTo>
                  <a:lnTo>
                    <a:pt x="9765791" y="10668"/>
                  </a:lnTo>
                  <a:lnTo>
                    <a:pt x="9776460" y="10668"/>
                  </a:lnTo>
                  <a:lnTo>
                    <a:pt x="9776460" y="0"/>
                  </a:lnTo>
                  <a:close/>
                </a:path>
                <a:path w="10361930" h="6141720">
                  <a:moveTo>
                    <a:pt x="9796272" y="0"/>
                  </a:moveTo>
                  <a:lnTo>
                    <a:pt x="9787128" y="0"/>
                  </a:lnTo>
                  <a:lnTo>
                    <a:pt x="9787128" y="10668"/>
                  </a:lnTo>
                  <a:lnTo>
                    <a:pt x="9796272" y="10668"/>
                  </a:lnTo>
                  <a:lnTo>
                    <a:pt x="9796272" y="0"/>
                  </a:lnTo>
                  <a:close/>
                </a:path>
                <a:path w="10361930" h="6141720">
                  <a:moveTo>
                    <a:pt x="9817608" y="0"/>
                  </a:moveTo>
                  <a:lnTo>
                    <a:pt x="9806940" y="0"/>
                  </a:lnTo>
                  <a:lnTo>
                    <a:pt x="9806940" y="10668"/>
                  </a:lnTo>
                  <a:lnTo>
                    <a:pt x="9817608" y="10668"/>
                  </a:lnTo>
                  <a:lnTo>
                    <a:pt x="9817608" y="0"/>
                  </a:lnTo>
                  <a:close/>
                </a:path>
                <a:path w="10361930" h="6141720">
                  <a:moveTo>
                    <a:pt x="9837420" y="0"/>
                  </a:moveTo>
                  <a:lnTo>
                    <a:pt x="9828276" y="0"/>
                  </a:lnTo>
                  <a:lnTo>
                    <a:pt x="9828276" y="10668"/>
                  </a:lnTo>
                  <a:lnTo>
                    <a:pt x="9837420" y="10668"/>
                  </a:lnTo>
                  <a:lnTo>
                    <a:pt x="9837420" y="0"/>
                  </a:lnTo>
                  <a:close/>
                </a:path>
                <a:path w="10361930" h="6141720">
                  <a:moveTo>
                    <a:pt x="9858756" y="0"/>
                  </a:moveTo>
                  <a:lnTo>
                    <a:pt x="9848088" y="0"/>
                  </a:lnTo>
                  <a:lnTo>
                    <a:pt x="9848088" y="10668"/>
                  </a:lnTo>
                  <a:lnTo>
                    <a:pt x="9858756" y="10668"/>
                  </a:lnTo>
                  <a:lnTo>
                    <a:pt x="9858756" y="0"/>
                  </a:lnTo>
                  <a:close/>
                </a:path>
                <a:path w="10361930" h="6141720">
                  <a:moveTo>
                    <a:pt x="9878567" y="0"/>
                  </a:moveTo>
                  <a:lnTo>
                    <a:pt x="9869424" y="0"/>
                  </a:lnTo>
                  <a:lnTo>
                    <a:pt x="9869424" y="10668"/>
                  </a:lnTo>
                  <a:lnTo>
                    <a:pt x="9878567" y="10668"/>
                  </a:lnTo>
                  <a:lnTo>
                    <a:pt x="9878567" y="0"/>
                  </a:lnTo>
                  <a:close/>
                </a:path>
                <a:path w="10361930" h="6141720">
                  <a:moveTo>
                    <a:pt x="9899904" y="0"/>
                  </a:moveTo>
                  <a:lnTo>
                    <a:pt x="9889236" y="0"/>
                  </a:lnTo>
                  <a:lnTo>
                    <a:pt x="9889236" y="10668"/>
                  </a:lnTo>
                  <a:lnTo>
                    <a:pt x="9899904" y="10668"/>
                  </a:lnTo>
                  <a:lnTo>
                    <a:pt x="9899904" y="0"/>
                  </a:lnTo>
                  <a:close/>
                </a:path>
                <a:path w="10361930" h="6141720">
                  <a:moveTo>
                    <a:pt x="9919716" y="0"/>
                  </a:moveTo>
                  <a:lnTo>
                    <a:pt x="9910572" y="0"/>
                  </a:lnTo>
                  <a:lnTo>
                    <a:pt x="9910572" y="10668"/>
                  </a:lnTo>
                  <a:lnTo>
                    <a:pt x="9919716" y="10668"/>
                  </a:lnTo>
                  <a:lnTo>
                    <a:pt x="9919716" y="0"/>
                  </a:lnTo>
                  <a:close/>
                </a:path>
                <a:path w="10361930" h="6141720">
                  <a:moveTo>
                    <a:pt x="9941052" y="0"/>
                  </a:moveTo>
                  <a:lnTo>
                    <a:pt x="9930384" y="0"/>
                  </a:lnTo>
                  <a:lnTo>
                    <a:pt x="9930384" y="10668"/>
                  </a:lnTo>
                  <a:lnTo>
                    <a:pt x="9941052" y="10668"/>
                  </a:lnTo>
                  <a:lnTo>
                    <a:pt x="9941052" y="0"/>
                  </a:lnTo>
                  <a:close/>
                </a:path>
                <a:path w="10361930" h="6141720">
                  <a:moveTo>
                    <a:pt x="9960864" y="0"/>
                  </a:moveTo>
                  <a:lnTo>
                    <a:pt x="9951720" y="0"/>
                  </a:lnTo>
                  <a:lnTo>
                    <a:pt x="9951720" y="10668"/>
                  </a:lnTo>
                  <a:lnTo>
                    <a:pt x="9960864" y="10668"/>
                  </a:lnTo>
                  <a:lnTo>
                    <a:pt x="9960864" y="0"/>
                  </a:lnTo>
                  <a:close/>
                </a:path>
                <a:path w="10361930" h="6141720">
                  <a:moveTo>
                    <a:pt x="9982200" y="0"/>
                  </a:moveTo>
                  <a:lnTo>
                    <a:pt x="9971532" y="0"/>
                  </a:lnTo>
                  <a:lnTo>
                    <a:pt x="9971532" y="10668"/>
                  </a:lnTo>
                  <a:lnTo>
                    <a:pt x="9982200" y="10668"/>
                  </a:lnTo>
                  <a:lnTo>
                    <a:pt x="9982200" y="0"/>
                  </a:lnTo>
                  <a:close/>
                </a:path>
                <a:path w="10361930" h="6141720">
                  <a:moveTo>
                    <a:pt x="10002012" y="0"/>
                  </a:moveTo>
                  <a:lnTo>
                    <a:pt x="9992867" y="0"/>
                  </a:lnTo>
                  <a:lnTo>
                    <a:pt x="9992867" y="10668"/>
                  </a:lnTo>
                  <a:lnTo>
                    <a:pt x="10002012" y="10668"/>
                  </a:lnTo>
                  <a:lnTo>
                    <a:pt x="10002012" y="0"/>
                  </a:lnTo>
                  <a:close/>
                </a:path>
                <a:path w="10361930" h="6141720">
                  <a:moveTo>
                    <a:pt x="10023348" y="0"/>
                  </a:moveTo>
                  <a:lnTo>
                    <a:pt x="10012680" y="0"/>
                  </a:lnTo>
                  <a:lnTo>
                    <a:pt x="10012680" y="10668"/>
                  </a:lnTo>
                  <a:lnTo>
                    <a:pt x="10023348" y="10668"/>
                  </a:lnTo>
                  <a:lnTo>
                    <a:pt x="10023348" y="0"/>
                  </a:lnTo>
                  <a:close/>
                </a:path>
                <a:path w="10361930" h="6141720">
                  <a:moveTo>
                    <a:pt x="10043160" y="0"/>
                  </a:moveTo>
                  <a:lnTo>
                    <a:pt x="10034016" y="0"/>
                  </a:lnTo>
                  <a:lnTo>
                    <a:pt x="10034016" y="10668"/>
                  </a:lnTo>
                  <a:lnTo>
                    <a:pt x="10043160" y="10668"/>
                  </a:lnTo>
                  <a:lnTo>
                    <a:pt x="10043160" y="0"/>
                  </a:lnTo>
                  <a:close/>
                </a:path>
                <a:path w="10361930" h="6141720">
                  <a:moveTo>
                    <a:pt x="10064496" y="0"/>
                  </a:moveTo>
                  <a:lnTo>
                    <a:pt x="10053828" y="0"/>
                  </a:lnTo>
                  <a:lnTo>
                    <a:pt x="10053828" y="10668"/>
                  </a:lnTo>
                  <a:lnTo>
                    <a:pt x="10064496" y="10668"/>
                  </a:lnTo>
                  <a:lnTo>
                    <a:pt x="10064496" y="0"/>
                  </a:lnTo>
                  <a:close/>
                </a:path>
                <a:path w="10361930" h="6141720">
                  <a:moveTo>
                    <a:pt x="10084308" y="0"/>
                  </a:moveTo>
                  <a:lnTo>
                    <a:pt x="10075164" y="0"/>
                  </a:lnTo>
                  <a:lnTo>
                    <a:pt x="10075164" y="10668"/>
                  </a:lnTo>
                  <a:lnTo>
                    <a:pt x="10084308" y="10668"/>
                  </a:lnTo>
                  <a:lnTo>
                    <a:pt x="10084308" y="0"/>
                  </a:lnTo>
                  <a:close/>
                </a:path>
                <a:path w="10361930" h="6141720">
                  <a:moveTo>
                    <a:pt x="10105644" y="0"/>
                  </a:moveTo>
                  <a:lnTo>
                    <a:pt x="10094976" y="0"/>
                  </a:lnTo>
                  <a:lnTo>
                    <a:pt x="10094976" y="10668"/>
                  </a:lnTo>
                  <a:lnTo>
                    <a:pt x="10105644" y="10668"/>
                  </a:lnTo>
                  <a:lnTo>
                    <a:pt x="10105644" y="0"/>
                  </a:lnTo>
                  <a:close/>
                </a:path>
                <a:path w="10361930" h="6141720">
                  <a:moveTo>
                    <a:pt x="10125456" y="0"/>
                  </a:moveTo>
                  <a:lnTo>
                    <a:pt x="10116312" y="0"/>
                  </a:lnTo>
                  <a:lnTo>
                    <a:pt x="10116312" y="10668"/>
                  </a:lnTo>
                  <a:lnTo>
                    <a:pt x="10125456" y="10668"/>
                  </a:lnTo>
                  <a:lnTo>
                    <a:pt x="10125456" y="0"/>
                  </a:lnTo>
                  <a:close/>
                </a:path>
                <a:path w="10361930" h="6141720">
                  <a:moveTo>
                    <a:pt x="10146791" y="0"/>
                  </a:moveTo>
                  <a:lnTo>
                    <a:pt x="10136124" y="0"/>
                  </a:lnTo>
                  <a:lnTo>
                    <a:pt x="10136124" y="10668"/>
                  </a:lnTo>
                  <a:lnTo>
                    <a:pt x="10146791" y="10668"/>
                  </a:lnTo>
                  <a:lnTo>
                    <a:pt x="10146791" y="0"/>
                  </a:lnTo>
                  <a:close/>
                </a:path>
                <a:path w="10361930" h="6141720">
                  <a:moveTo>
                    <a:pt x="10166604" y="0"/>
                  </a:moveTo>
                  <a:lnTo>
                    <a:pt x="10157460" y="0"/>
                  </a:lnTo>
                  <a:lnTo>
                    <a:pt x="10157460" y="10668"/>
                  </a:lnTo>
                  <a:lnTo>
                    <a:pt x="10166604" y="10668"/>
                  </a:lnTo>
                  <a:lnTo>
                    <a:pt x="10166604" y="0"/>
                  </a:lnTo>
                  <a:close/>
                </a:path>
                <a:path w="10361930" h="6141720">
                  <a:moveTo>
                    <a:pt x="10187940" y="0"/>
                  </a:moveTo>
                  <a:lnTo>
                    <a:pt x="10177272" y="0"/>
                  </a:lnTo>
                  <a:lnTo>
                    <a:pt x="10177272" y="10668"/>
                  </a:lnTo>
                  <a:lnTo>
                    <a:pt x="10187940" y="10668"/>
                  </a:lnTo>
                  <a:lnTo>
                    <a:pt x="10187940" y="0"/>
                  </a:lnTo>
                  <a:close/>
                </a:path>
                <a:path w="10361930" h="6141720">
                  <a:moveTo>
                    <a:pt x="10207752" y="0"/>
                  </a:moveTo>
                  <a:lnTo>
                    <a:pt x="10198608" y="0"/>
                  </a:lnTo>
                  <a:lnTo>
                    <a:pt x="10198608" y="10668"/>
                  </a:lnTo>
                  <a:lnTo>
                    <a:pt x="10207752" y="10668"/>
                  </a:lnTo>
                  <a:lnTo>
                    <a:pt x="10207752" y="0"/>
                  </a:lnTo>
                  <a:close/>
                </a:path>
                <a:path w="10361930" h="6141720">
                  <a:moveTo>
                    <a:pt x="10229088" y="0"/>
                  </a:moveTo>
                  <a:lnTo>
                    <a:pt x="10218420" y="0"/>
                  </a:lnTo>
                  <a:lnTo>
                    <a:pt x="10218420" y="10668"/>
                  </a:lnTo>
                  <a:lnTo>
                    <a:pt x="10229088" y="10668"/>
                  </a:lnTo>
                  <a:lnTo>
                    <a:pt x="10229088" y="0"/>
                  </a:lnTo>
                  <a:close/>
                </a:path>
                <a:path w="10361930" h="6141720">
                  <a:moveTo>
                    <a:pt x="10248900" y="0"/>
                  </a:moveTo>
                  <a:lnTo>
                    <a:pt x="10239756" y="0"/>
                  </a:lnTo>
                  <a:lnTo>
                    <a:pt x="10239756" y="10668"/>
                  </a:lnTo>
                  <a:lnTo>
                    <a:pt x="10248900" y="10668"/>
                  </a:lnTo>
                  <a:lnTo>
                    <a:pt x="10248900" y="0"/>
                  </a:lnTo>
                  <a:close/>
                </a:path>
                <a:path w="10361930" h="6141720">
                  <a:moveTo>
                    <a:pt x="10270236" y="0"/>
                  </a:moveTo>
                  <a:lnTo>
                    <a:pt x="10259567" y="0"/>
                  </a:lnTo>
                  <a:lnTo>
                    <a:pt x="10259567" y="10668"/>
                  </a:lnTo>
                  <a:lnTo>
                    <a:pt x="10270236" y="10668"/>
                  </a:lnTo>
                  <a:lnTo>
                    <a:pt x="10270236" y="0"/>
                  </a:lnTo>
                  <a:close/>
                </a:path>
                <a:path w="10361930" h="6141720">
                  <a:moveTo>
                    <a:pt x="10290048" y="0"/>
                  </a:moveTo>
                  <a:lnTo>
                    <a:pt x="10280904" y="0"/>
                  </a:lnTo>
                  <a:lnTo>
                    <a:pt x="10280904" y="10668"/>
                  </a:lnTo>
                  <a:lnTo>
                    <a:pt x="10290048" y="10668"/>
                  </a:lnTo>
                  <a:lnTo>
                    <a:pt x="10290048" y="0"/>
                  </a:lnTo>
                  <a:close/>
                </a:path>
                <a:path w="10361930" h="6141720">
                  <a:moveTo>
                    <a:pt x="10311384" y="0"/>
                  </a:moveTo>
                  <a:lnTo>
                    <a:pt x="10300716" y="0"/>
                  </a:lnTo>
                  <a:lnTo>
                    <a:pt x="10300716" y="10668"/>
                  </a:lnTo>
                  <a:lnTo>
                    <a:pt x="10311384" y="10668"/>
                  </a:lnTo>
                  <a:lnTo>
                    <a:pt x="10311384" y="0"/>
                  </a:lnTo>
                  <a:close/>
                </a:path>
                <a:path w="10361930" h="6141720">
                  <a:moveTo>
                    <a:pt x="10331196" y="0"/>
                  </a:moveTo>
                  <a:lnTo>
                    <a:pt x="10322052" y="0"/>
                  </a:lnTo>
                  <a:lnTo>
                    <a:pt x="10322052" y="10668"/>
                  </a:lnTo>
                  <a:lnTo>
                    <a:pt x="10331196" y="10668"/>
                  </a:lnTo>
                  <a:lnTo>
                    <a:pt x="10331196" y="0"/>
                  </a:lnTo>
                  <a:close/>
                </a:path>
                <a:path w="10361930" h="6141720">
                  <a:moveTo>
                    <a:pt x="10352532" y="0"/>
                  </a:moveTo>
                  <a:lnTo>
                    <a:pt x="10341864" y="0"/>
                  </a:lnTo>
                  <a:lnTo>
                    <a:pt x="10341864" y="10668"/>
                  </a:lnTo>
                  <a:lnTo>
                    <a:pt x="10352532" y="10668"/>
                  </a:lnTo>
                  <a:lnTo>
                    <a:pt x="10352532" y="0"/>
                  </a:lnTo>
                  <a:close/>
                </a:path>
                <a:path w="10361930" h="6141720">
                  <a:moveTo>
                    <a:pt x="10361676" y="12192"/>
                  </a:moveTo>
                  <a:lnTo>
                    <a:pt x="10351008" y="12192"/>
                  </a:lnTo>
                  <a:lnTo>
                    <a:pt x="10351008" y="21336"/>
                  </a:lnTo>
                  <a:lnTo>
                    <a:pt x="10361676" y="21336"/>
                  </a:lnTo>
                  <a:lnTo>
                    <a:pt x="10361676" y="12192"/>
                  </a:lnTo>
                  <a:close/>
                </a:path>
                <a:path w="10361930" h="6141720">
                  <a:moveTo>
                    <a:pt x="10361676" y="32004"/>
                  </a:moveTo>
                  <a:lnTo>
                    <a:pt x="10351008" y="32004"/>
                  </a:lnTo>
                  <a:lnTo>
                    <a:pt x="10351008" y="42672"/>
                  </a:lnTo>
                  <a:lnTo>
                    <a:pt x="10361676" y="42672"/>
                  </a:lnTo>
                  <a:lnTo>
                    <a:pt x="10361676" y="32004"/>
                  </a:lnTo>
                  <a:close/>
                </a:path>
                <a:path w="10361930" h="6141720">
                  <a:moveTo>
                    <a:pt x="10361676" y="53340"/>
                  </a:moveTo>
                  <a:lnTo>
                    <a:pt x="10351008" y="53340"/>
                  </a:lnTo>
                  <a:lnTo>
                    <a:pt x="10351008" y="62484"/>
                  </a:lnTo>
                  <a:lnTo>
                    <a:pt x="10361676" y="62484"/>
                  </a:lnTo>
                  <a:lnTo>
                    <a:pt x="10361676" y="53340"/>
                  </a:lnTo>
                  <a:close/>
                </a:path>
                <a:path w="10361930" h="6141720">
                  <a:moveTo>
                    <a:pt x="10361676" y="73152"/>
                  </a:moveTo>
                  <a:lnTo>
                    <a:pt x="10351008" y="73152"/>
                  </a:lnTo>
                  <a:lnTo>
                    <a:pt x="10351008" y="83820"/>
                  </a:lnTo>
                  <a:lnTo>
                    <a:pt x="10361676" y="83820"/>
                  </a:lnTo>
                  <a:lnTo>
                    <a:pt x="10361676" y="73152"/>
                  </a:lnTo>
                  <a:close/>
                </a:path>
                <a:path w="10361930" h="6141720">
                  <a:moveTo>
                    <a:pt x="10361676" y="94488"/>
                  </a:moveTo>
                  <a:lnTo>
                    <a:pt x="10351008" y="94488"/>
                  </a:lnTo>
                  <a:lnTo>
                    <a:pt x="10351008" y="103632"/>
                  </a:lnTo>
                  <a:lnTo>
                    <a:pt x="10361676" y="103632"/>
                  </a:lnTo>
                  <a:lnTo>
                    <a:pt x="10361676" y="94488"/>
                  </a:lnTo>
                  <a:close/>
                </a:path>
                <a:path w="10361930" h="6141720">
                  <a:moveTo>
                    <a:pt x="10361676" y="114300"/>
                  </a:moveTo>
                  <a:lnTo>
                    <a:pt x="10351008" y="114300"/>
                  </a:lnTo>
                  <a:lnTo>
                    <a:pt x="10351008" y="124968"/>
                  </a:lnTo>
                  <a:lnTo>
                    <a:pt x="10361676" y="124968"/>
                  </a:lnTo>
                  <a:lnTo>
                    <a:pt x="10361676" y="114300"/>
                  </a:lnTo>
                  <a:close/>
                </a:path>
                <a:path w="10361930" h="6141720">
                  <a:moveTo>
                    <a:pt x="10361676" y="135636"/>
                  </a:moveTo>
                  <a:lnTo>
                    <a:pt x="10351008" y="135636"/>
                  </a:lnTo>
                  <a:lnTo>
                    <a:pt x="10351008" y="144780"/>
                  </a:lnTo>
                  <a:lnTo>
                    <a:pt x="10361676" y="144780"/>
                  </a:lnTo>
                  <a:lnTo>
                    <a:pt x="10361676" y="135636"/>
                  </a:lnTo>
                  <a:close/>
                </a:path>
                <a:path w="10361930" h="6141720">
                  <a:moveTo>
                    <a:pt x="10361676" y="155448"/>
                  </a:moveTo>
                  <a:lnTo>
                    <a:pt x="10351008" y="155448"/>
                  </a:lnTo>
                  <a:lnTo>
                    <a:pt x="10351008" y="166116"/>
                  </a:lnTo>
                  <a:lnTo>
                    <a:pt x="10361676" y="166116"/>
                  </a:lnTo>
                  <a:lnTo>
                    <a:pt x="10361676" y="155448"/>
                  </a:lnTo>
                  <a:close/>
                </a:path>
                <a:path w="10361930" h="6141720">
                  <a:moveTo>
                    <a:pt x="10361676" y="176784"/>
                  </a:moveTo>
                  <a:lnTo>
                    <a:pt x="10351008" y="176784"/>
                  </a:lnTo>
                  <a:lnTo>
                    <a:pt x="10351008" y="185928"/>
                  </a:lnTo>
                  <a:lnTo>
                    <a:pt x="10361676" y="185928"/>
                  </a:lnTo>
                  <a:lnTo>
                    <a:pt x="10361676" y="176784"/>
                  </a:lnTo>
                  <a:close/>
                </a:path>
                <a:path w="10361930" h="6141720">
                  <a:moveTo>
                    <a:pt x="10361676" y="196596"/>
                  </a:moveTo>
                  <a:lnTo>
                    <a:pt x="10351008" y="196596"/>
                  </a:lnTo>
                  <a:lnTo>
                    <a:pt x="10351008" y="207264"/>
                  </a:lnTo>
                  <a:lnTo>
                    <a:pt x="10361676" y="207264"/>
                  </a:lnTo>
                  <a:lnTo>
                    <a:pt x="10361676" y="196596"/>
                  </a:lnTo>
                  <a:close/>
                </a:path>
                <a:path w="10361930" h="6141720">
                  <a:moveTo>
                    <a:pt x="10361676" y="216408"/>
                  </a:moveTo>
                  <a:lnTo>
                    <a:pt x="10351008" y="216408"/>
                  </a:lnTo>
                  <a:lnTo>
                    <a:pt x="10351008" y="227075"/>
                  </a:lnTo>
                  <a:lnTo>
                    <a:pt x="10361676" y="227075"/>
                  </a:lnTo>
                  <a:lnTo>
                    <a:pt x="10361676" y="216408"/>
                  </a:lnTo>
                  <a:close/>
                </a:path>
                <a:path w="10361930" h="6141720">
                  <a:moveTo>
                    <a:pt x="10361676" y="237744"/>
                  </a:moveTo>
                  <a:lnTo>
                    <a:pt x="10351008" y="237744"/>
                  </a:lnTo>
                  <a:lnTo>
                    <a:pt x="10351008" y="248412"/>
                  </a:lnTo>
                  <a:lnTo>
                    <a:pt x="10361676" y="248412"/>
                  </a:lnTo>
                  <a:lnTo>
                    <a:pt x="10361676" y="237744"/>
                  </a:lnTo>
                  <a:close/>
                </a:path>
                <a:path w="10361930" h="6141720">
                  <a:moveTo>
                    <a:pt x="10361676" y="257556"/>
                  </a:moveTo>
                  <a:lnTo>
                    <a:pt x="10351008" y="257556"/>
                  </a:lnTo>
                  <a:lnTo>
                    <a:pt x="10351008" y="268224"/>
                  </a:lnTo>
                  <a:lnTo>
                    <a:pt x="10361676" y="268224"/>
                  </a:lnTo>
                  <a:lnTo>
                    <a:pt x="10361676" y="257556"/>
                  </a:lnTo>
                  <a:close/>
                </a:path>
                <a:path w="10361930" h="6141720">
                  <a:moveTo>
                    <a:pt x="10361676" y="278892"/>
                  </a:moveTo>
                  <a:lnTo>
                    <a:pt x="10351008" y="278892"/>
                  </a:lnTo>
                  <a:lnTo>
                    <a:pt x="10351008" y="289560"/>
                  </a:lnTo>
                  <a:lnTo>
                    <a:pt x="10361676" y="289560"/>
                  </a:lnTo>
                  <a:lnTo>
                    <a:pt x="10361676" y="278892"/>
                  </a:lnTo>
                  <a:close/>
                </a:path>
                <a:path w="10361930" h="6141720">
                  <a:moveTo>
                    <a:pt x="10361676" y="298704"/>
                  </a:moveTo>
                  <a:lnTo>
                    <a:pt x="10351008" y="298704"/>
                  </a:lnTo>
                  <a:lnTo>
                    <a:pt x="10351008" y="309372"/>
                  </a:lnTo>
                  <a:lnTo>
                    <a:pt x="10361676" y="309372"/>
                  </a:lnTo>
                  <a:lnTo>
                    <a:pt x="10361676" y="298704"/>
                  </a:lnTo>
                  <a:close/>
                </a:path>
                <a:path w="10361930" h="6141720">
                  <a:moveTo>
                    <a:pt x="10361676" y="320040"/>
                  </a:moveTo>
                  <a:lnTo>
                    <a:pt x="10351008" y="320040"/>
                  </a:lnTo>
                  <a:lnTo>
                    <a:pt x="10351008" y="330708"/>
                  </a:lnTo>
                  <a:lnTo>
                    <a:pt x="10361676" y="330708"/>
                  </a:lnTo>
                  <a:lnTo>
                    <a:pt x="10361676" y="320040"/>
                  </a:lnTo>
                  <a:close/>
                </a:path>
                <a:path w="10361930" h="6141720">
                  <a:moveTo>
                    <a:pt x="10361676" y="339852"/>
                  </a:moveTo>
                  <a:lnTo>
                    <a:pt x="10351008" y="339852"/>
                  </a:lnTo>
                  <a:lnTo>
                    <a:pt x="10351008" y="350520"/>
                  </a:lnTo>
                  <a:lnTo>
                    <a:pt x="10361676" y="350520"/>
                  </a:lnTo>
                  <a:lnTo>
                    <a:pt x="10361676" y="339852"/>
                  </a:lnTo>
                  <a:close/>
                </a:path>
                <a:path w="10361930" h="6141720">
                  <a:moveTo>
                    <a:pt x="10361676" y="361188"/>
                  </a:moveTo>
                  <a:lnTo>
                    <a:pt x="10351008" y="361188"/>
                  </a:lnTo>
                  <a:lnTo>
                    <a:pt x="10351008" y="371856"/>
                  </a:lnTo>
                  <a:lnTo>
                    <a:pt x="10361676" y="371856"/>
                  </a:lnTo>
                  <a:lnTo>
                    <a:pt x="10361676" y="361188"/>
                  </a:lnTo>
                  <a:close/>
                </a:path>
                <a:path w="10361930" h="6141720">
                  <a:moveTo>
                    <a:pt x="10361676" y="381000"/>
                  </a:moveTo>
                  <a:lnTo>
                    <a:pt x="10351008" y="381000"/>
                  </a:lnTo>
                  <a:lnTo>
                    <a:pt x="10351008" y="391668"/>
                  </a:lnTo>
                  <a:lnTo>
                    <a:pt x="10361676" y="391668"/>
                  </a:lnTo>
                  <a:lnTo>
                    <a:pt x="10361676" y="381000"/>
                  </a:lnTo>
                  <a:close/>
                </a:path>
                <a:path w="10361930" h="6141720">
                  <a:moveTo>
                    <a:pt x="10361676" y="402336"/>
                  </a:moveTo>
                  <a:lnTo>
                    <a:pt x="10351008" y="402336"/>
                  </a:lnTo>
                  <a:lnTo>
                    <a:pt x="10351008" y="413004"/>
                  </a:lnTo>
                  <a:lnTo>
                    <a:pt x="10361676" y="413004"/>
                  </a:lnTo>
                  <a:lnTo>
                    <a:pt x="10361676" y="402336"/>
                  </a:lnTo>
                  <a:close/>
                </a:path>
                <a:path w="10361930" h="6141720">
                  <a:moveTo>
                    <a:pt x="10361676" y="422148"/>
                  </a:moveTo>
                  <a:lnTo>
                    <a:pt x="10351008" y="422148"/>
                  </a:lnTo>
                  <a:lnTo>
                    <a:pt x="10351008" y="432816"/>
                  </a:lnTo>
                  <a:lnTo>
                    <a:pt x="10361676" y="432816"/>
                  </a:lnTo>
                  <a:lnTo>
                    <a:pt x="10361676" y="422148"/>
                  </a:lnTo>
                  <a:close/>
                </a:path>
                <a:path w="10361930" h="6141720">
                  <a:moveTo>
                    <a:pt x="10361676" y="443484"/>
                  </a:moveTo>
                  <a:lnTo>
                    <a:pt x="10351008" y="443484"/>
                  </a:lnTo>
                  <a:lnTo>
                    <a:pt x="10351008" y="454152"/>
                  </a:lnTo>
                  <a:lnTo>
                    <a:pt x="10361676" y="454152"/>
                  </a:lnTo>
                  <a:lnTo>
                    <a:pt x="10361676" y="443484"/>
                  </a:lnTo>
                  <a:close/>
                </a:path>
                <a:path w="10361930" h="6141720">
                  <a:moveTo>
                    <a:pt x="10361676" y="463296"/>
                  </a:moveTo>
                  <a:lnTo>
                    <a:pt x="10351008" y="463296"/>
                  </a:lnTo>
                  <a:lnTo>
                    <a:pt x="10351008" y="473964"/>
                  </a:lnTo>
                  <a:lnTo>
                    <a:pt x="10361676" y="473964"/>
                  </a:lnTo>
                  <a:lnTo>
                    <a:pt x="10361676" y="463296"/>
                  </a:lnTo>
                  <a:close/>
                </a:path>
                <a:path w="10361930" h="6141720">
                  <a:moveTo>
                    <a:pt x="10361676" y="484632"/>
                  </a:moveTo>
                  <a:lnTo>
                    <a:pt x="10351008" y="484632"/>
                  </a:lnTo>
                  <a:lnTo>
                    <a:pt x="10351008" y="495300"/>
                  </a:lnTo>
                  <a:lnTo>
                    <a:pt x="10361676" y="495300"/>
                  </a:lnTo>
                  <a:lnTo>
                    <a:pt x="10361676" y="484632"/>
                  </a:lnTo>
                  <a:close/>
                </a:path>
                <a:path w="10361930" h="6141720">
                  <a:moveTo>
                    <a:pt x="10361676" y="504444"/>
                  </a:moveTo>
                  <a:lnTo>
                    <a:pt x="10351008" y="504444"/>
                  </a:lnTo>
                  <a:lnTo>
                    <a:pt x="10351008" y="515112"/>
                  </a:lnTo>
                  <a:lnTo>
                    <a:pt x="10361676" y="515112"/>
                  </a:lnTo>
                  <a:lnTo>
                    <a:pt x="10361676" y="504444"/>
                  </a:lnTo>
                  <a:close/>
                </a:path>
                <a:path w="10361930" h="6141720">
                  <a:moveTo>
                    <a:pt x="10361676" y="525780"/>
                  </a:moveTo>
                  <a:lnTo>
                    <a:pt x="10351008" y="525780"/>
                  </a:lnTo>
                  <a:lnTo>
                    <a:pt x="10351008" y="536448"/>
                  </a:lnTo>
                  <a:lnTo>
                    <a:pt x="10361676" y="536448"/>
                  </a:lnTo>
                  <a:lnTo>
                    <a:pt x="10361676" y="525780"/>
                  </a:lnTo>
                  <a:close/>
                </a:path>
                <a:path w="10361930" h="6141720">
                  <a:moveTo>
                    <a:pt x="10361676" y="545592"/>
                  </a:moveTo>
                  <a:lnTo>
                    <a:pt x="10351008" y="545592"/>
                  </a:lnTo>
                  <a:lnTo>
                    <a:pt x="10351008" y="556260"/>
                  </a:lnTo>
                  <a:lnTo>
                    <a:pt x="10361676" y="556260"/>
                  </a:lnTo>
                  <a:lnTo>
                    <a:pt x="10361676" y="545592"/>
                  </a:lnTo>
                  <a:close/>
                </a:path>
                <a:path w="10361930" h="6141720">
                  <a:moveTo>
                    <a:pt x="10361676" y="566928"/>
                  </a:moveTo>
                  <a:lnTo>
                    <a:pt x="10351008" y="566928"/>
                  </a:lnTo>
                  <a:lnTo>
                    <a:pt x="10351008" y="577596"/>
                  </a:lnTo>
                  <a:lnTo>
                    <a:pt x="10361676" y="577596"/>
                  </a:lnTo>
                  <a:lnTo>
                    <a:pt x="10361676" y="566928"/>
                  </a:lnTo>
                  <a:close/>
                </a:path>
                <a:path w="10361930" h="6141720">
                  <a:moveTo>
                    <a:pt x="10361676" y="586740"/>
                  </a:moveTo>
                  <a:lnTo>
                    <a:pt x="10351008" y="586740"/>
                  </a:lnTo>
                  <a:lnTo>
                    <a:pt x="10351008" y="597408"/>
                  </a:lnTo>
                  <a:lnTo>
                    <a:pt x="10361676" y="597408"/>
                  </a:lnTo>
                  <a:lnTo>
                    <a:pt x="10361676" y="586740"/>
                  </a:lnTo>
                  <a:close/>
                </a:path>
                <a:path w="10361930" h="6141720">
                  <a:moveTo>
                    <a:pt x="10361676" y="608076"/>
                  </a:moveTo>
                  <a:lnTo>
                    <a:pt x="10351008" y="608076"/>
                  </a:lnTo>
                  <a:lnTo>
                    <a:pt x="10351008" y="618744"/>
                  </a:lnTo>
                  <a:lnTo>
                    <a:pt x="10361676" y="618744"/>
                  </a:lnTo>
                  <a:lnTo>
                    <a:pt x="10361676" y="608076"/>
                  </a:lnTo>
                  <a:close/>
                </a:path>
                <a:path w="10361930" h="6141720">
                  <a:moveTo>
                    <a:pt x="10361676" y="627888"/>
                  </a:moveTo>
                  <a:lnTo>
                    <a:pt x="10351008" y="627888"/>
                  </a:lnTo>
                  <a:lnTo>
                    <a:pt x="10351008" y="638556"/>
                  </a:lnTo>
                  <a:lnTo>
                    <a:pt x="10361676" y="638556"/>
                  </a:lnTo>
                  <a:lnTo>
                    <a:pt x="10361676" y="627888"/>
                  </a:lnTo>
                  <a:close/>
                </a:path>
                <a:path w="10361930" h="6141720">
                  <a:moveTo>
                    <a:pt x="10361676" y="649224"/>
                  </a:moveTo>
                  <a:lnTo>
                    <a:pt x="10351008" y="649224"/>
                  </a:lnTo>
                  <a:lnTo>
                    <a:pt x="10351008" y="659892"/>
                  </a:lnTo>
                  <a:lnTo>
                    <a:pt x="10361676" y="659892"/>
                  </a:lnTo>
                  <a:lnTo>
                    <a:pt x="10361676" y="649224"/>
                  </a:lnTo>
                  <a:close/>
                </a:path>
                <a:path w="10361930" h="6141720">
                  <a:moveTo>
                    <a:pt x="10361676" y="669036"/>
                  </a:moveTo>
                  <a:lnTo>
                    <a:pt x="10351008" y="669036"/>
                  </a:lnTo>
                  <a:lnTo>
                    <a:pt x="10351008" y="679704"/>
                  </a:lnTo>
                  <a:lnTo>
                    <a:pt x="10361676" y="679704"/>
                  </a:lnTo>
                  <a:lnTo>
                    <a:pt x="10361676" y="669036"/>
                  </a:lnTo>
                  <a:close/>
                </a:path>
                <a:path w="10361930" h="6141720">
                  <a:moveTo>
                    <a:pt x="10361676" y="690372"/>
                  </a:moveTo>
                  <a:lnTo>
                    <a:pt x="10351008" y="690372"/>
                  </a:lnTo>
                  <a:lnTo>
                    <a:pt x="10351008" y="701040"/>
                  </a:lnTo>
                  <a:lnTo>
                    <a:pt x="10361676" y="701040"/>
                  </a:lnTo>
                  <a:lnTo>
                    <a:pt x="10361676" y="690372"/>
                  </a:lnTo>
                  <a:close/>
                </a:path>
                <a:path w="10361930" h="6141720">
                  <a:moveTo>
                    <a:pt x="10361676" y="710184"/>
                  </a:moveTo>
                  <a:lnTo>
                    <a:pt x="10351008" y="710184"/>
                  </a:lnTo>
                  <a:lnTo>
                    <a:pt x="10351008" y="720852"/>
                  </a:lnTo>
                  <a:lnTo>
                    <a:pt x="10361676" y="720852"/>
                  </a:lnTo>
                  <a:lnTo>
                    <a:pt x="10361676" y="710184"/>
                  </a:lnTo>
                  <a:close/>
                </a:path>
                <a:path w="10361930" h="6141720">
                  <a:moveTo>
                    <a:pt x="10361676" y="731520"/>
                  </a:moveTo>
                  <a:lnTo>
                    <a:pt x="10351008" y="731520"/>
                  </a:lnTo>
                  <a:lnTo>
                    <a:pt x="10351008" y="742188"/>
                  </a:lnTo>
                  <a:lnTo>
                    <a:pt x="10361676" y="742188"/>
                  </a:lnTo>
                  <a:lnTo>
                    <a:pt x="10361676" y="731520"/>
                  </a:lnTo>
                  <a:close/>
                </a:path>
                <a:path w="10361930" h="6141720">
                  <a:moveTo>
                    <a:pt x="10361676" y="751332"/>
                  </a:moveTo>
                  <a:lnTo>
                    <a:pt x="10351008" y="751332"/>
                  </a:lnTo>
                  <a:lnTo>
                    <a:pt x="10351008" y="762000"/>
                  </a:lnTo>
                  <a:lnTo>
                    <a:pt x="10361676" y="762000"/>
                  </a:lnTo>
                  <a:lnTo>
                    <a:pt x="10361676" y="751332"/>
                  </a:lnTo>
                  <a:close/>
                </a:path>
                <a:path w="10361930" h="6141720">
                  <a:moveTo>
                    <a:pt x="10361676" y="772668"/>
                  </a:moveTo>
                  <a:lnTo>
                    <a:pt x="10351008" y="772668"/>
                  </a:lnTo>
                  <a:lnTo>
                    <a:pt x="10351008" y="783336"/>
                  </a:lnTo>
                  <a:lnTo>
                    <a:pt x="10361676" y="783336"/>
                  </a:lnTo>
                  <a:lnTo>
                    <a:pt x="10361676" y="772668"/>
                  </a:lnTo>
                  <a:close/>
                </a:path>
                <a:path w="10361930" h="6141720">
                  <a:moveTo>
                    <a:pt x="10361676" y="792480"/>
                  </a:moveTo>
                  <a:lnTo>
                    <a:pt x="10351008" y="792480"/>
                  </a:lnTo>
                  <a:lnTo>
                    <a:pt x="10351008" y="803148"/>
                  </a:lnTo>
                  <a:lnTo>
                    <a:pt x="10361676" y="803148"/>
                  </a:lnTo>
                  <a:lnTo>
                    <a:pt x="10361676" y="792480"/>
                  </a:lnTo>
                  <a:close/>
                </a:path>
                <a:path w="10361930" h="6141720">
                  <a:moveTo>
                    <a:pt x="10361676" y="813816"/>
                  </a:moveTo>
                  <a:lnTo>
                    <a:pt x="10351008" y="813816"/>
                  </a:lnTo>
                  <a:lnTo>
                    <a:pt x="10351008" y="822960"/>
                  </a:lnTo>
                  <a:lnTo>
                    <a:pt x="10361676" y="822960"/>
                  </a:lnTo>
                  <a:lnTo>
                    <a:pt x="10361676" y="813816"/>
                  </a:lnTo>
                  <a:close/>
                </a:path>
                <a:path w="10361930" h="6141720">
                  <a:moveTo>
                    <a:pt x="10361676" y="833628"/>
                  </a:moveTo>
                  <a:lnTo>
                    <a:pt x="10351008" y="833628"/>
                  </a:lnTo>
                  <a:lnTo>
                    <a:pt x="10351008" y="844296"/>
                  </a:lnTo>
                  <a:lnTo>
                    <a:pt x="10361676" y="844296"/>
                  </a:lnTo>
                  <a:lnTo>
                    <a:pt x="10361676" y="833628"/>
                  </a:lnTo>
                  <a:close/>
                </a:path>
                <a:path w="10361930" h="6141720">
                  <a:moveTo>
                    <a:pt x="10361676" y="854964"/>
                  </a:moveTo>
                  <a:lnTo>
                    <a:pt x="10351008" y="854964"/>
                  </a:lnTo>
                  <a:lnTo>
                    <a:pt x="10351008" y="864108"/>
                  </a:lnTo>
                  <a:lnTo>
                    <a:pt x="10361676" y="864108"/>
                  </a:lnTo>
                  <a:lnTo>
                    <a:pt x="10361676" y="854964"/>
                  </a:lnTo>
                  <a:close/>
                </a:path>
                <a:path w="10361930" h="6141720">
                  <a:moveTo>
                    <a:pt x="10361676" y="874776"/>
                  </a:moveTo>
                  <a:lnTo>
                    <a:pt x="10351008" y="874776"/>
                  </a:lnTo>
                  <a:lnTo>
                    <a:pt x="10351008" y="885444"/>
                  </a:lnTo>
                  <a:lnTo>
                    <a:pt x="10361676" y="885444"/>
                  </a:lnTo>
                  <a:lnTo>
                    <a:pt x="10361676" y="874776"/>
                  </a:lnTo>
                  <a:close/>
                </a:path>
                <a:path w="10361930" h="6141720">
                  <a:moveTo>
                    <a:pt x="10361676" y="896112"/>
                  </a:moveTo>
                  <a:lnTo>
                    <a:pt x="10351008" y="896112"/>
                  </a:lnTo>
                  <a:lnTo>
                    <a:pt x="10351008" y="905256"/>
                  </a:lnTo>
                  <a:lnTo>
                    <a:pt x="10361676" y="905256"/>
                  </a:lnTo>
                  <a:lnTo>
                    <a:pt x="10361676" y="896112"/>
                  </a:lnTo>
                  <a:close/>
                </a:path>
                <a:path w="10361930" h="6141720">
                  <a:moveTo>
                    <a:pt x="10361676" y="915924"/>
                  </a:moveTo>
                  <a:lnTo>
                    <a:pt x="10351008" y="915924"/>
                  </a:lnTo>
                  <a:lnTo>
                    <a:pt x="10351008" y="926592"/>
                  </a:lnTo>
                  <a:lnTo>
                    <a:pt x="10361676" y="926592"/>
                  </a:lnTo>
                  <a:lnTo>
                    <a:pt x="10361676" y="915924"/>
                  </a:lnTo>
                  <a:close/>
                </a:path>
                <a:path w="10361930" h="6141720">
                  <a:moveTo>
                    <a:pt x="10361676" y="937260"/>
                  </a:moveTo>
                  <a:lnTo>
                    <a:pt x="10351008" y="937260"/>
                  </a:lnTo>
                  <a:lnTo>
                    <a:pt x="10351008" y="946404"/>
                  </a:lnTo>
                  <a:lnTo>
                    <a:pt x="10361676" y="946404"/>
                  </a:lnTo>
                  <a:lnTo>
                    <a:pt x="10361676" y="937260"/>
                  </a:lnTo>
                  <a:close/>
                </a:path>
                <a:path w="10361930" h="6141720">
                  <a:moveTo>
                    <a:pt x="10361676" y="957072"/>
                  </a:moveTo>
                  <a:lnTo>
                    <a:pt x="10351008" y="957072"/>
                  </a:lnTo>
                  <a:lnTo>
                    <a:pt x="10351008" y="967740"/>
                  </a:lnTo>
                  <a:lnTo>
                    <a:pt x="10361676" y="967740"/>
                  </a:lnTo>
                  <a:lnTo>
                    <a:pt x="10361676" y="957072"/>
                  </a:lnTo>
                  <a:close/>
                </a:path>
                <a:path w="10361930" h="6141720">
                  <a:moveTo>
                    <a:pt x="10361676" y="978408"/>
                  </a:moveTo>
                  <a:lnTo>
                    <a:pt x="10351008" y="978408"/>
                  </a:lnTo>
                  <a:lnTo>
                    <a:pt x="10351008" y="987552"/>
                  </a:lnTo>
                  <a:lnTo>
                    <a:pt x="10361676" y="987552"/>
                  </a:lnTo>
                  <a:lnTo>
                    <a:pt x="10361676" y="978408"/>
                  </a:lnTo>
                  <a:close/>
                </a:path>
                <a:path w="10361930" h="6141720">
                  <a:moveTo>
                    <a:pt x="10361676" y="998220"/>
                  </a:moveTo>
                  <a:lnTo>
                    <a:pt x="10351008" y="998220"/>
                  </a:lnTo>
                  <a:lnTo>
                    <a:pt x="10351008" y="1008888"/>
                  </a:lnTo>
                  <a:lnTo>
                    <a:pt x="10361676" y="1008888"/>
                  </a:lnTo>
                  <a:lnTo>
                    <a:pt x="10361676" y="998220"/>
                  </a:lnTo>
                  <a:close/>
                </a:path>
                <a:path w="10361930" h="6141720">
                  <a:moveTo>
                    <a:pt x="10361676" y="1019556"/>
                  </a:moveTo>
                  <a:lnTo>
                    <a:pt x="10351008" y="1019556"/>
                  </a:lnTo>
                  <a:lnTo>
                    <a:pt x="10351008" y="1028700"/>
                  </a:lnTo>
                  <a:lnTo>
                    <a:pt x="10361676" y="1028700"/>
                  </a:lnTo>
                  <a:lnTo>
                    <a:pt x="10361676" y="1019556"/>
                  </a:lnTo>
                  <a:close/>
                </a:path>
                <a:path w="10361930" h="6141720">
                  <a:moveTo>
                    <a:pt x="10361676" y="1039368"/>
                  </a:moveTo>
                  <a:lnTo>
                    <a:pt x="10351008" y="1039368"/>
                  </a:lnTo>
                  <a:lnTo>
                    <a:pt x="10351008" y="1050036"/>
                  </a:lnTo>
                  <a:lnTo>
                    <a:pt x="10361676" y="1050036"/>
                  </a:lnTo>
                  <a:lnTo>
                    <a:pt x="10361676" y="1039368"/>
                  </a:lnTo>
                  <a:close/>
                </a:path>
                <a:path w="10361930" h="6141720">
                  <a:moveTo>
                    <a:pt x="10361676" y="1060704"/>
                  </a:moveTo>
                  <a:lnTo>
                    <a:pt x="10351008" y="1060704"/>
                  </a:lnTo>
                  <a:lnTo>
                    <a:pt x="10351008" y="1069848"/>
                  </a:lnTo>
                  <a:lnTo>
                    <a:pt x="10361676" y="1069848"/>
                  </a:lnTo>
                  <a:lnTo>
                    <a:pt x="10361676" y="1060704"/>
                  </a:lnTo>
                  <a:close/>
                </a:path>
                <a:path w="10361930" h="6141720">
                  <a:moveTo>
                    <a:pt x="10361676" y="1080516"/>
                  </a:moveTo>
                  <a:lnTo>
                    <a:pt x="10351008" y="1080516"/>
                  </a:lnTo>
                  <a:lnTo>
                    <a:pt x="10351008" y="1091184"/>
                  </a:lnTo>
                  <a:lnTo>
                    <a:pt x="10361676" y="1091184"/>
                  </a:lnTo>
                  <a:lnTo>
                    <a:pt x="10361676" y="1080516"/>
                  </a:lnTo>
                  <a:close/>
                </a:path>
                <a:path w="10361930" h="6141720">
                  <a:moveTo>
                    <a:pt x="10361676" y="1101852"/>
                  </a:moveTo>
                  <a:lnTo>
                    <a:pt x="10351008" y="1101852"/>
                  </a:lnTo>
                  <a:lnTo>
                    <a:pt x="10351008" y="1110996"/>
                  </a:lnTo>
                  <a:lnTo>
                    <a:pt x="10361676" y="1110996"/>
                  </a:lnTo>
                  <a:lnTo>
                    <a:pt x="10361676" y="1101852"/>
                  </a:lnTo>
                  <a:close/>
                </a:path>
                <a:path w="10361930" h="6141720">
                  <a:moveTo>
                    <a:pt x="10361676" y="1121664"/>
                  </a:moveTo>
                  <a:lnTo>
                    <a:pt x="10351008" y="1121664"/>
                  </a:lnTo>
                  <a:lnTo>
                    <a:pt x="10351008" y="1132332"/>
                  </a:lnTo>
                  <a:lnTo>
                    <a:pt x="10361676" y="1132332"/>
                  </a:lnTo>
                  <a:lnTo>
                    <a:pt x="10361676" y="1121664"/>
                  </a:lnTo>
                  <a:close/>
                </a:path>
                <a:path w="10361930" h="6141720">
                  <a:moveTo>
                    <a:pt x="10361676" y="1143000"/>
                  </a:moveTo>
                  <a:lnTo>
                    <a:pt x="10351008" y="1143000"/>
                  </a:lnTo>
                  <a:lnTo>
                    <a:pt x="10351008" y="1152144"/>
                  </a:lnTo>
                  <a:lnTo>
                    <a:pt x="10361676" y="1152144"/>
                  </a:lnTo>
                  <a:lnTo>
                    <a:pt x="10361676" y="1143000"/>
                  </a:lnTo>
                  <a:close/>
                </a:path>
                <a:path w="10361930" h="6141720">
                  <a:moveTo>
                    <a:pt x="10361676" y="1162812"/>
                  </a:moveTo>
                  <a:lnTo>
                    <a:pt x="10351008" y="1162812"/>
                  </a:lnTo>
                  <a:lnTo>
                    <a:pt x="10351008" y="1173480"/>
                  </a:lnTo>
                  <a:lnTo>
                    <a:pt x="10361676" y="1173480"/>
                  </a:lnTo>
                  <a:lnTo>
                    <a:pt x="10361676" y="1162812"/>
                  </a:lnTo>
                  <a:close/>
                </a:path>
                <a:path w="10361930" h="6141720">
                  <a:moveTo>
                    <a:pt x="10361676" y="1184148"/>
                  </a:moveTo>
                  <a:lnTo>
                    <a:pt x="10351008" y="1184148"/>
                  </a:lnTo>
                  <a:lnTo>
                    <a:pt x="10351008" y="1193292"/>
                  </a:lnTo>
                  <a:lnTo>
                    <a:pt x="10361676" y="1193292"/>
                  </a:lnTo>
                  <a:lnTo>
                    <a:pt x="10361676" y="1184148"/>
                  </a:lnTo>
                  <a:close/>
                </a:path>
                <a:path w="10361930" h="6141720">
                  <a:moveTo>
                    <a:pt x="10361676" y="1203960"/>
                  </a:moveTo>
                  <a:lnTo>
                    <a:pt x="10351008" y="1203960"/>
                  </a:lnTo>
                  <a:lnTo>
                    <a:pt x="10351008" y="1214628"/>
                  </a:lnTo>
                  <a:lnTo>
                    <a:pt x="10361676" y="1214628"/>
                  </a:lnTo>
                  <a:lnTo>
                    <a:pt x="10361676" y="1203960"/>
                  </a:lnTo>
                  <a:close/>
                </a:path>
                <a:path w="10361930" h="6141720">
                  <a:moveTo>
                    <a:pt x="10361676" y="1225296"/>
                  </a:moveTo>
                  <a:lnTo>
                    <a:pt x="10351008" y="1225296"/>
                  </a:lnTo>
                  <a:lnTo>
                    <a:pt x="10351008" y="1234440"/>
                  </a:lnTo>
                  <a:lnTo>
                    <a:pt x="10361676" y="1234440"/>
                  </a:lnTo>
                  <a:lnTo>
                    <a:pt x="10361676" y="1225296"/>
                  </a:lnTo>
                  <a:close/>
                </a:path>
                <a:path w="10361930" h="6141720">
                  <a:moveTo>
                    <a:pt x="10361676" y="1245108"/>
                  </a:moveTo>
                  <a:lnTo>
                    <a:pt x="10351008" y="1245108"/>
                  </a:lnTo>
                  <a:lnTo>
                    <a:pt x="10351008" y="1255776"/>
                  </a:lnTo>
                  <a:lnTo>
                    <a:pt x="10361676" y="1255776"/>
                  </a:lnTo>
                  <a:lnTo>
                    <a:pt x="10361676" y="1245108"/>
                  </a:lnTo>
                  <a:close/>
                </a:path>
                <a:path w="10361930" h="6141720">
                  <a:moveTo>
                    <a:pt x="10361676" y="1266444"/>
                  </a:moveTo>
                  <a:lnTo>
                    <a:pt x="10351008" y="1266444"/>
                  </a:lnTo>
                  <a:lnTo>
                    <a:pt x="10351008" y="1275588"/>
                  </a:lnTo>
                  <a:lnTo>
                    <a:pt x="10361676" y="1275588"/>
                  </a:lnTo>
                  <a:lnTo>
                    <a:pt x="10361676" y="1266444"/>
                  </a:lnTo>
                  <a:close/>
                </a:path>
                <a:path w="10361930" h="6141720">
                  <a:moveTo>
                    <a:pt x="10361676" y="1286256"/>
                  </a:moveTo>
                  <a:lnTo>
                    <a:pt x="10351008" y="1286256"/>
                  </a:lnTo>
                  <a:lnTo>
                    <a:pt x="10351008" y="1296924"/>
                  </a:lnTo>
                  <a:lnTo>
                    <a:pt x="10361676" y="1296924"/>
                  </a:lnTo>
                  <a:lnTo>
                    <a:pt x="10361676" y="1286256"/>
                  </a:lnTo>
                  <a:close/>
                </a:path>
                <a:path w="10361930" h="6141720">
                  <a:moveTo>
                    <a:pt x="10361676" y="1307592"/>
                  </a:moveTo>
                  <a:lnTo>
                    <a:pt x="10351008" y="1307592"/>
                  </a:lnTo>
                  <a:lnTo>
                    <a:pt x="10351008" y="1316736"/>
                  </a:lnTo>
                  <a:lnTo>
                    <a:pt x="10361676" y="1316736"/>
                  </a:lnTo>
                  <a:lnTo>
                    <a:pt x="10361676" y="1307592"/>
                  </a:lnTo>
                  <a:close/>
                </a:path>
                <a:path w="10361930" h="6141720">
                  <a:moveTo>
                    <a:pt x="10361676" y="1327404"/>
                  </a:moveTo>
                  <a:lnTo>
                    <a:pt x="10351008" y="1327404"/>
                  </a:lnTo>
                  <a:lnTo>
                    <a:pt x="10351008" y="1338072"/>
                  </a:lnTo>
                  <a:lnTo>
                    <a:pt x="10361676" y="1338072"/>
                  </a:lnTo>
                  <a:lnTo>
                    <a:pt x="10361676" y="1327404"/>
                  </a:lnTo>
                  <a:close/>
                </a:path>
                <a:path w="10361930" h="6141720">
                  <a:moveTo>
                    <a:pt x="10361676" y="1348740"/>
                  </a:moveTo>
                  <a:lnTo>
                    <a:pt x="10351008" y="1348740"/>
                  </a:lnTo>
                  <a:lnTo>
                    <a:pt x="10351008" y="1357884"/>
                  </a:lnTo>
                  <a:lnTo>
                    <a:pt x="10361676" y="1357884"/>
                  </a:lnTo>
                  <a:lnTo>
                    <a:pt x="10361676" y="1348740"/>
                  </a:lnTo>
                  <a:close/>
                </a:path>
                <a:path w="10361930" h="6141720">
                  <a:moveTo>
                    <a:pt x="10361676" y="1368552"/>
                  </a:moveTo>
                  <a:lnTo>
                    <a:pt x="10351008" y="1368552"/>
                  </a:lnTo>
                  <a:lnTo>
                    <a:pt x="10351008" y="1379220"/>
                  </a:lnTo>
                  <a:lnTo>
                    <a:pt x="10361676" y="1379220"/>
                  </a:lnTo>
                  <a:lnTo>
                    <a:pt x="10361676" y="1368552"/>
                  </a:lnTo>
                  <a:close/>
                </a:path>
                <a:path w="10361930" h="6141720">
                  <a:moveTo>
                    <a:pt x="10361676" y="1389888"/>
                  </a:moveTo>
                  <a:lnTo>
                    <a:pt x="10351008" y="1389888"/>
                  </a:lnTo>
                  <a:lnTo>
                    <a:pt x="10351008" y="1399032"/>
                  </a:lnTo>
                  <a:lnTo>
                    <a:pt x="10361676" y="1399032"/>
                  </a:lnTo>
                  <a:lnTo>
                    <a:pt x="10361676" y="1389888"/>
                  </a:lnTo>
                  <a:close/>
                </a:path>
                <a:path w="10361930" h="6141720">
                  <a:moveTo>
                    <a:pt x="10361676" y="1409700"/>
                  </a:moveTo>
                  <a:lnTo>
                    <a:pt x="10351008" y="1409700"/>
                  </a:lnTo>
                  <a:lnTo>
                    <a:pt x="10351008" y="1420368"/>
                  </a:lnTo>
                  <a:lnTo>
                    <a:pt x="10361676" y="1420368"/>
                  </a:lnTo>
                  <a:lnTo>
                    <a:pt x="10361676" y="1409700"/>
                  </a:lnTo>
                  <a:close/>
                </a:path>
                <a:path w="10361930" h="6141720">
                  <a:moveTo>
                    <a:pt x="10361676" y="1429512"/>
                  </a:moveTo>
                  <a:lnTo>
                    <a:pt x="10351008" y="1429512"/>
                  </a:lnTo>
                  <a:lnTo>
                    <a:pt x="10351008" y="1440180"/>
                  </a:lnTo>
                  <a:lnTo>
                    <a:pt x="10361676" y="1440180"/>
                  </a:lnTo>
                  <a:lnTo>
                    <a:pt x="10361676" y="1429512"/>
                  </a:lnTo>
                  <a:close/>
                </a:path>
                <a:path w="10361930" h="6141720">
                  <a:moveTo>
                    <a:pt x="10361676" y="1450848"/>
                  </a:moveTo>
                  <a:lnTo>
                    <a:pt x="10351008" y="1450848"/>
                  </a:lnTo>
                  <a:lnTo>
                    <a:pt x="10351008" y="1461516"/>
                  </a:lnTo>
                  <a:lnTo>
                    <a:pt x="10361676" y="1461516"/>
                  </a:lnTo>
                  <a:lnTo>
                    <a:pt x="10361676" y="1450848"/>
                  </a:lnTo>
                  <a:close/>
                </a:path>
                <a:path w="10361930" h="6141720">
                  <a:moveTo>
                    <a:pt x="10361676" y="1470660"/>
                  </a:moveTo>
                  <a:lnTo>
                    <a:pt x="10351008" y="1470660"/>
                  </a:lnTo>
                  <a:lnTo>
                    <a:pt x="10351008" y="1481328"/>
                  </a:lnTo>
                  <a:lnTo>
                    <a:pt x="10361676" y="1481328"/>
                  </a:lnTo>
                  <a:lnTo>
                    <a:pt x="10361676" y="1470660"/>
                  </a:lnTo>
                  <a:close/>
                </a:path>
                <a:path w="10361930" h="6141720">
                  <a:moveTo>
                    <a:pt x="10361676" y="1491996"/>
                  </a:moveTo>
                  <a:lnTo>
                    <a:pt x="10351008" y="1491996"/>
                  </a:lnTo>
                  <a:lnTo>
                    <a:pt x="10351008" y="1502664"/>
                  </a:lnTo>
                  <a:lnTo>
                    <a:pt x="10361676" y="1502664"/>
                  </a:lnTo>
                  <a:lnTo>
                    <a:pt x="10361676" y="1491996"/>
                  </a:lnTo>
                  <a:close/>
                </a:path>
                <a:path w="10361930" h="6141720">
                  <a:moveTo>
                    <a:pt x="10361676" y="1511808"/>
                  </a:moveTo>
                  <a:lnTo>
                    <a:pt x="10351008" y="1511808"/>
                  </a:lnTo>
                  <a:lnTo>
                    <a:pt x="10351008" y="1522476"/>
                  </a:lnTo>
                  <a:lnTo>
                    <a:pt x="10361676" y="1522476"/>
                  </a:lnTo>
                  <a:lnTo>
                    <a:pt x="10361676" y="1511808"/>
                  </a:lnTo>
                  <a:close/>
                </a:path>
                <a:path w="10361930" h="6141720">
                  <a:moveTo>
                    <a:pt x="10361676" y="1533144"/>
                  </a:moveTo>
                  <a:lnTo>
                    <a:pt x="10351008" y="1533144"/>
                  </a:lnTo>
                  <a:lnTo>
                    <a:pt x="10351008" y="1543812"/>
                  </a:lnTo>
                  <a:lnTo>
                    <a:pt x="10361676" y="1543812"/>
                  </a:lnTo>
                  <a:lnTo>
                    <a:pt x="10361676" y="1533144"/>
                  </a:lnTo>
                  <a:close/>
                </a:path>
                <a:path w="10361930" h="6141720">
                  <a:moveTo>
                    <a:pt x="10361676" y="1552956"/>
                  </a:moveTo>
                  <a:lnTo>
                    <a:pt x="10351008" y="1552956"/>
                  </a:lnTo>
                  <a:lnTo>
                    <a:pt x="10351008" y="1563624"/>
                  </a:lnTo>
                  <a:lnTo>
                    <a:pt x="10361676" y="1563624"/>
                  </a:lnTo>
                  <a:lnTo>
                    <a:pt x="10361676" y="1552956"/>
                  </a:lnTo>
                  <a:close/>
                </a:path>
                <a:path w="10361930" h="6141720">
                  <a:moveTo>
                    <a:pt x="10361676" y="1574292"/>
                  </a:moveTo>
                  <a:lnTo>
                    <a:pt x="10351008" y="1574292"/>
                  </a:lnTo>
                  <a:lnTo>
                    <a:pt x="10351008" y="1584960"/>
                  </a:lnTo>
                  <a:lnTo>
                    <a:pt x="10361676" y="1584960"/>
                  </a:lnTo>
                  <a:lnTo>
                    <a:pt x="10361676" y="1574292"/>
                  </a:lnTo>
                  <a:close/>
                </a:path>
                <a:path w="10361930" h="6141720">
                  <a:moveTo>
                    <a:pt x="10361676" y="1594104"/>
                  </a:moveTo>
                  <a:lnTo>
                    <a:pt x="10351008" y="1594104"/>
                  </a:lnTo>
                  <a:lnTo>
                    <a:pt x="10351008" y="1604772"/>
                  </a:lnTo>
                  <a:lnTo>
                    <a:pt x="10361676" y="1604772"/>
                  </a:lnTo>
                  <a:lnTo>
                    <a:pt x="10361676" y="1594104"/>
                  </a:lnTo>
                  <a:close/>
                </a:path>
                <a:path w="10361930" h="6141720">
                  <a:moveTo>
                    <a:pt x="10361676" y="1615440"/>
                  </a:moveTo>
                  <a:lnTo>
                    <a:pt x="10351008" y="1615440"/>
                  </a:lnTo>
                  <a:lnTo>
                    <a:pt x="10351008" y="1626108"/>
                  </a:lnTo>
                  <a:lnTo>
                    <a:pt x="10361676" y="1626108"/>
                  </a:lnTo>
                  <a:lnTo>
                    <a:pt x="10361676" y="1615440"/>
                  </a:lnTo>
                  <a:close/>
                </a:path>
                <a:path w="10361930" h="6141720">
                  <a:moveTo>
                    <a:pt x="10361676" y="1635252"/>
                  </a:moveTo>
                  <a:lnTo>
                    <a:pt x="10351008" y="1635252"/>
                  </a:lnTo>
                  <a:lnTo>
                    <a:pt x="10351008" y="1645920"/>
                  </a:lnTo>
                  <a:lnTo>
                    <a:pt x="10361676" y="1645920"/>
                  </a:lnTo>
                  <a:lnTo>
                    <a:pt x="10361676" y="1635252"/>
                  </a:lnTo>
                  <a:close/>
                </a:path>
                <a:path w="10361930" h="6141720">
                  <a:moveTo>
                    <a:pt x="10361676" y="1656588"/>
                  </a:moveTo>
                  <a:lnTo>
                    <a:pt x="10351008" y="1656588"/>
                  </a:lnTo>
                  <a:lnTo>
                    <a:pt x="10351008" y="1667256"/>
                  </a:lnTo>
                  <a:lnTo>
                    <a:pt x="10361676" y="1667256"/>
                  </a:lnTo>
                  <a:lnTo>
                    <a:pt x="10361676" y="1656588"/>
                  </a:lnTo>
                  <a:close/>
                </a:path>
                <a:path w="10361930" h="6141720">
                  <a:moveTo>
                    <a:pt x="10361676" y="1676400"/>
                  </a:moveTo>
                  <a:lnTo>
                    <a:pt x="10351008" y="1676400"/>
                  </a:lnTo>
                  <a:lnTo>
                    <a:pt x="10351008" y="1687068"/>
                  </a:lnTo>
                  <a:lnTo>
                    <a:pt x="10361676" y="1687068"/>
                  </a:lnTo>
                  <a:lnTo>
                    <a:pt x="10361676" y="1676400"/>
                  </a:lnTo>
                  <a:close/>
                </a:path>
                <a:path w="10361930" h="6141720">
                  <a:moveTo>
                    <a:pt x="10361676" y="1697736"/>
                  </a:moveTo>
                  <a:lnTo>
                    <a:pt x="10351008" y="1697736"/>
                  </a:lnTo>
                  <a:lnTo>
                    <a:pt x="10351008" y="1708404"/>
                  </a:lnTo>
                  <a:lnTo>
                    <a:pt x="10361676" y="1708404"/>
                  </a:lnTo>
                  <a:lnTo>
                    <a:pt x="10361676" y="1697736"/>
                  </a:lnTo>
                  <a:close/>
                </a:path>
                <a:path w="10361930" h="6141720">
                  <a:moveTo>
                    <a:pt x="10361676" y="1717548"/>
                  </a:moveTo>
                  <a:lnTo>
                    <a:pt x="10351008" y="1717548"/>
                  </a:lnTo>
                  <a:lnTo>
                    <a:pt x="10351008" y="1728216"/>
                  </a:lnTo>
                  <a:lnTo>
                    <a:pt x="10361676" y="1728216"/>
                  </a:lnTo>
                  <a:lnTo>
                    <a:pt x="10361676" y="1717548"/>
                  </a:lnTo>
                  <a:close/>
                </a:path>
                <a:path w="10361930" h="6141720">
                  <a:moveTo>
                    <a:pt x="10361676" y="1738884"/>
                  </a:moveTo>
                  <a:lnTo>
                    <a:pt x="10351008" y="1738884"/>
                  </a:lnTo>
                  <a:lnTo>
                    <a:pt x="10351008" y="1749552"/>
                  </a:lnTo>
                  <a:lnTo>
                    <a:pt x="10361676" y="1749552"/>
                  </a:lnTo>
                  <a:lnTo>
                    <a:pt x="10361676" y="1738884"/>
                  </a:lnTo>
                  <a:close/>
                </a:path>
                <a:path w="10361930" h="6141720">
                  <a:moveTo>
                    <a:pt x="10361676" y="1758696"/>
                  </a:moveTo>
                  <a:lnTo>
                    <a:pt x="10351008" y="1758696"/>
                  </a:lnTo>
                  <a:lnTo>
                    <a:pt x="10351008" y="1769364"/>
                  </a:lnTo>
                  <a:lnTo>
                    <a:pt x="10361676" y="1769364"/>
                  </a:lnTo>
                  <a:lnTo>
                    <a:pt x="10361676" y="1758696"/>
                  </a:lnTo>
                  <a:close/>
                </a:path>
                <a:path w="10361930" h="6141720">
                  <a:moveTo>
                    <a:pt x="10361676" y="1780032"/>
                  </a:moveTo>
                  <a:lnTo>
                    <a:pt x="10351008" y="1780032"/>
                  </a:lnTo>
                  <a:lnTo>
                    <a:pt x="10351008" y="1790700"/>
                  </a:lnTo>
                  <a:lnTo>
                    <a:pt x="10361676" y="1790700"/>
                  </a:lnTo>
                  <a:lnTo>
                    <a:pt x="10361676" y="1780032"/>
                  </a:lnTo>
                  <a:close/>
                </a:path>
                <a:path w="10361930" h="6141720">
                  <a:moveTo>
                    <a:pt x="10361676" y="1799844"/>
                  </a:moveTo>
                  <a:lnTo>
                    <a:pt x="10351008" y="1799844"/>
                  </a:lnTo>
                  <a:lnTo>
                    <a:pt x="10351008" y="1810512"/>
                  </a:lnTo>
                  <a:lnTo>
                    <a:pt x="10361676" y="1810512"/>
                  </a:lnTo>
                  <a:lnTo>
                    <a:pt x="10361676" y="1799844"/>
                  </a:lnTo>
                  <a:close/>
                </a:path>
                <a:path w="10361930" h="6141720">
                  <a:moveTo>
                    <a:pt x="10361676" y="1821180"/>
                  </a:moveTo>
                  <a:lnTo>
                    <a:pt x="10351008" y="1821180"/>
                  </a:lnTo>
                  <a:lnTo>
                    <a:pt x="10351008" y="1831848"/>
                  </a:lnTo>
                  <a:lnTo>
                    <a:pt x="10361676" y="1831848"/>
                  </a:lnTo>
                  <a:lnTo>
                    <a:pt x="10361676" y="1821180"/>
                  </a:lnTo>
                  <a:close/>
                </a:path>
                <a:path w="10361930" h="6141720">
                  <a:moveTo>
                    <a:pt x="10361676" y="1840992"/>
                  </a:moveTo>
                  <a:lnTo>
                    <a:pt x="10351008" y="1840992"/>
                  </a:lnTo>
                  <a:lnTo>
                    <a:pt x="10351008" y="1851660"/>
                  </a:lnTo>
                  <a:lnTo>
                    <a:pt x="10361676" y="1851660"/>
                  </a:lnTo>
                  <a:lnTo>
                    <a:pt x="10361676" y="1840992"/>
                  </a:lnTo>
                  <a:close/>
                </a:path>
                <a:path w="10361930" h="6141720">
                  <a:moveTo>
                    <a:pt x="10361676" y="1862328"/>
                  </a:moveTo>
                  <a:lnTo>
                    <a:pt x="10351008" y="1862328"/>
                  </a:lnTo>
                  <a:lnTo>
                    <a:pt x="10351008" y="1872996"/>
                  </a:lnTo>
                  <a:lnTo>
                    <a:pt x="10361676" y="1872996"/>
                  </a:lnTo>
                  <a:lnTo>
                    <a:pt x="10361676" y="1862328"/>
                  </a:lnTo>
                  <a:close/>
                </a:path>
                <a:path w="10361930" h="6141720">
                  <a:moveTo>
                    <a:pt x="10361676" y="1882140"/>
                  </a:moveTo>
                  <a:lnTo>
                    <a:pt x="10351008" y="1882140"/>
                  </a:lnTo>
                  <a:lnTo>
                    <a:pt x="10351008" y="1892808"/>
                  </a:lnTo>
                  <a:lnTo>
                    <a:pt x="10361676" y="1892808"/>
                  </a:lnTo>
                  <a:lnTo>
                    <a:pt x="10361676" y="1882140"/>
                  </a:lnTo>
                  <a:close/>
                </a:path>
                <a:path w="10361930" h="6141720">
                  <a:moveTo>
                    <a:pt x="10361676" y="1903476"/>
                  </a:moveTo>
                  <a:lnTo>
                    <a:pt x="10351008" y="1903476"/>
                  </a:lnTo>
                  <a:lnTo>
                    <a:pt x="10351008" y="1914144"/>
                  </a:lnTo>
                  <a:lnTo>
                    <a:pt x="10361676" y="1914144"/>
                  </a:lnTo>
                  <a:lnTo>
                    <a:pt x="10361676" y="1903476"/>
                  </a:lnTo>
                  <a:close/>
                </a:path>
                <a:path w="10361930" h="6141720">
                  <a:moveTo>
                    <a:pt x="10361676" y="1923288"/>
                  </a:moveTo>
                  <a:lnTo>
                    <a:pt x="10351008" y="1923288"/>
                  </a:lnTo>
                  <a:lnTo>
                    <a:pt x="10351008" y="1933956"/>
                  </a:lnTo>
                  <a:lnTo>
                    <a:pt x="10361676" y="1933956"/>
                  </a:lnTo>
                  <a:lnTo>
                    <a:pt x="10361676" y="1923288"/>
                  </a:lnTo>
                  <a:close/>
                </a:path>
                <a:path w="10361930" h="6141720">
                  <a:moveTo>
                    <a:pt x="10361676" y="1944624"/>
                  </a:moveTo>
                  <a:lnTo>
                    <a:pt x="10351008" y="1944624"/>
                  </a:lnTo>
                  <a:lnTo>
                    <a:pt x="10351008" y="1955292"/>
                  </a:lnTo>
                  <a:lnTo>
                    <a:pt x="10361676" y="1955292"/>
                  </a:lnTo>
                  <a:lnTo>
                    <a:pt x="10361676" y="1944624"/>
                  </a:lnTo>
                  <a:close/>
                </a:path>
                <a:path w="10361930" h="6141720">
                  <a:moveTo>
                    <a:pt x="10361676" y="1964436"/>
                  </a:moveTo>
                  <a:lnTo>
                    <a:pt x="10351008" y="1964436"/>
                  </a:lnTo>
                  <a:lnTo>
                    <a:pt x="10351008" y="1975104"/>
                  </a:lnTo>
                  <a:lnTo>
                    <a:pt x="10361676" y="1975104"/>
                  </a:lnTo>
                  <a:lnTo>
                    <a:pt x="10361676" y="1964436"/>
                  </a:lnTo>
                  <a:close/>
                </a:path>
                <a:path w="10361930" h="6141720">
                  <a:moveTo>
                    <a:pt x="10361676" y="1985772"/>
                  </a:moveTo>
                  <a:lnTo>
                    <a:pt x="10351008" y="1985772"/>
                  </a:lnTo>
                  <a:lnTo>
                    <a:pt x="10351008" y="1996440"/>
                  </a:lnTo>
                  <a:lnTo>
                    <a:pt x="10361676" y="1996440"/>
                  </a:lnTo>
                  <a:lnTo>
                    <a:pt x="10361676" y="1985772"/>
                  </a:lnTo>
                  <a:close/>
                </a:path>
                <a:path w="10361930" h="6141720">
                  <a:moveTo>
                    <a:pt x="10361676" y="2005584"/>
                  </a:moveTo>
                  <a:lnTo>
                    <a:pt x="10351008" y="2005584"/>
                  </a:lnTo>
                  <a:lnTo>
                    <a:pt x="10351008" y="2016252"/>
                  </a:lnTo>
                  <a:lnTo>
                    <a:pt x="10361676" y="2016252"/>
                  </a:lnTo>
                  <a:lnTo>
                    <a:pt x="10361676" y="2005584"/>
                  </a:lnTo>
                  <a:close/>
                </a:path>
                <a:path w="10361930" h="6141720">
                  <a:moveTo>
                    <a:pt x="10361676" y="2026920"/>
                  </a:moveTo>
                  <a:lnTo>
                    <a:pt x="10351008" y="2026920"/>
                  </a:lnTo>
                  <a:lnTo>
                    <a:pt x="10351008" y="2036064"/>
                  </a:lnTo>
                  <a:lnTo>
                    <a:pt x="10361676" y="2036064"/>
                  </a:lnTo>
                  <a:lnTo>
                    <a:pt x="10361676" y="2026920"/>
                  </a:lnTo>
                  <a:close/>
                </a:path>
                <a:path w="10361930" h="6141720">
                  <a:moveTo>
                    <a:pt x="10361676" y="2046732"/>
                  </a:moveTo>
                  <a:lnTo>
                    <a:pt x="10351008" y="2046732"/>
                  </a:lnTo>
                  <a:lnTo>
                    <a:pt x="10351008" y="2057400"/>
                  </a:lnTo>
                  <a:lnTo>
                    <a:pt x="10361676" y="2057400"/>
                  </a:lnTo>
                  <a:lnTo>
                    <a:pt x="10361676" y="2046732"/>
                  </a:lnTo>
                  <a:close/>
                </a:path>
                <a:path w="10361930" h="6141720">
                  <a:moveTo>
                    <a:pt x="10361676" y="2068068"/>
                  </a:moveTo>
                  <a:lnTo>
                    <a:pt x="10351008" y="2068068"/>
                  </a:lnTo>
                  <a:lnTo>
                    <a:pt x="10351008" y="2077212"/>
                  </a:lnTo>
                  <a:lnTo>
                    <a:pt x="10361676" y="2077212"/>
                  </a:lnTo>
                  <a:lnTo>
                    <a:pt x="10361676" y="2068068"/>
                  </a:lnTo>
                  <a:close/>
                </a:path>
                <a:path w="10361930" h="6141720">
                  <a:moveTo>
                    <a:pt x="10361676" y="2087880"/>
                  </a:moveTo>
                  <a:lnTo>
                    <a:pt x="10351008" y="2087880"/>
                  </a:lnTo>
                  <a:lnTo>
                    <a:pt x="10351008" y="2098548"/>
                  </a:lnTo>
                  <a:lnTo>
                    <a:pt x="10361676" y="2098548"/>
                  </a:lnTo>
                  <a:lnTo>
                    <a:pt x="10361676" y="2087880"/>
                  </a:lnTo>
                  <a:close/>
                </a:path>
                <a:path w="10361930" h="6141720">
                  <a:moveTo>
                    <a:pt x="10361676" y="2109216"/>
                  </a:moveTo>
                  <a:lnTo>
                    <a:pt x="10351008" y="2109216"/>
                  </a:lnTo>
                  <a:lnTo>
                    <a:pt x="10351008" y="2118360"/>
                  </a:lnTo>
                  <a:lnTo>
                    <a:pt x="10361676" y="2118360"/>
                  </a:lnTo>
                  <a:lnTo>
                    <a:pt x="10361676" y="2109216"/>
                  </a:lnTo>
                  <a:close/>
                </a:path>
                <a:path w="10361930" h="6141720">
                  <a:moveTo>
                    <a:pt x="10361676" y="2129028"/>
                  </a:moveTo>
                  <a:lnTo>
                    <a:pt x="10351008" y="2129028"/>
                  </a:lnTo>
                  <a:lnTo>
                    <a:pt x="10351008" y="2139696"/>
                  </a:lnTo>
                  <a:lnTo>
                    <a:pt x="10361676" y="2139696"/>
                  </a:lnTo>
                  <a:lnTo>
                    <a:pt x="10361676" y="2129028"/>
                  </a:lnTo>
                  <a:close/>
                </a:path>
                <a:path w="10361930" h="6141720">
                  <a:moveTo>
                    <a:pt x="10361676" y="2150364"/>
                  </a:moveTo>
                  <a:lnTo>
                    <a:pt x="10351008" y="2150364"/>
                  </a:lnTo>
                  <a:lnTo>
                    <a:pt x="10351008" y="2159508"/>
                  </a:lnTo>
                  <a:lnTo>
                    <a:pt x="10361676" y="2159508"/>
                  </a:lnTo>
                  <a:lnTo>
                    <a:pt x="10361676" y="2150364"/>
                  </a:lnTo>
                  <a:close/>
                </a:path>
                <a:path w="10361930" h="6141720">
                  <a:moveTo>
                    <a:pt x="10361676" y="2170176"/>
                  </a:moveTo>
                  <a:lnTo>
                    <a:pt x="10351008" y="2170176"/>
                  </a:lnTo>
                  <a:lnTo>
                    <a:pt x="10351008" y="2180844"/>
                  </a:lnTo>
                  <a:lnTo>
                    <a:pt x="10361676" y="2180844"/>
                  </a:lnTo>
                  <a:lnTo>
                    <a:pt x="10361676" y="2170176"/>
                  </a:lnTo>
                  <a:close/>
                </a:path>
                <a:path w="10361930" h="6141720">
                  <a:moveTo>
                    <a:pt x="10361676" y="2191512"/>
                  </a:moveTo>
                  <a:lnTo>
                    <a:pt x="10351008" y="2191512"/>
                  </a:lnTo>
                  <a:lnTo>
                    <a:pt x="10351008" y="2200656"/>
                  </a:lnTo>
                  <a:lnTo>
                    <a:pt x="10361676" y="2200656"/>
                  </a:lnTo>
                  <a:lnTo>
                    <a:pt x="10361676" y="2191512"/>
                  </a:lnTo>
                  <a:close/>
                </a:path>
                <a:path w="10361930" h="6141720">
                  <a:moveTo>
                    <a:pt x="10361676" y="2211324"/>
                  </a:moveTo>
                  <a:lnTo>
                    <a:pt x="10351008" y="2211324"/>
                  </a:lnTo>
                  <a:lnTo>
                    <a:pt x="10351008" y="2221992"/>
                  </a:lnTo>
                  <a:lnTo>
                    <a:pt x="10361676" y="2221992"/>
                  </a:lnTo>
                  <a:lnTo>
                    <a:pt x="10361676" y="2211324"/>
                  </a:lnTo>
                  <a:close/>
                </a:path>
                <a:path w="10361930" h="6141720">
                  <a:moveTo>
                    <a:pt x="10361676" y="2232660"/>
                  </a:moveTo>
                  <a:lnTo>
                    <a:pt x="10351008" y="2232660"/>
                  </a:lnTo>
                  <a:lnTo>
                    <a:pt x="10351008" y="2241804"/>
                  </a:lnTo>
                  <a:lnTo>
                    <a:pt x="10361676" y="2241804"/>
                  </a:lnTo>
                  <a:lnTo>
                    <a:pt x="10361676" y="2232660"/>
                  </a:lnTo>
                  <a:close/>
                </a:path>
                <a:path w="10361930" h="6141720">
                  <a:moveTo>
                    <a:pt x="10361676" y="2252472"/>
                  </a:moveTo>
                  <a:lnTo>
                    <a:pt x="10351008" y="2252472"/>
                  </a:lnTo>
                  <a:lnTo>
                    <a:pt x="10351008" y="2263140"/>
                  </a:lnTo>
                  <a:lnTo>
                    <a:pt x="10361676" y="2263140"/>
                  </a:lnTo>
                  <a:lnTo>
                    <a:pt x="10361676" y="2252472"/>
                  </a:lnTo>
                  <a:close/>
                </a:path>
                <a:path w="10361930" h="6141720">
                  <a:moveTo>
                    <a:pt x="10361676" y="2273808"/>
                  </a:moveTo>
                  <a:lnTo>
                    <a:pt x="10351008" y="2273808"/>
                  </a:lnTo>
                  <a:lnTo>
                    <a:pt x="10351008" y="2282952"/>
                  </a:lnTo>
                  <a:lnTo>
                    <a:pt x="10361676" y="2282952"/>
                  </a:lnTo>
                  <a:lnTo>
                    <a:pt x="10361676" y="2273808"/>
                  </a:lnTo>
                  <a:close/>
                </a:path>
                <a:path w="10361930" h="6141720">
                  <a:moveTo>
                    <a:pt x="10361676" y="2293620"/>
                  </a:moveTo>
                  <a:lnTo>
                    <a:pt x="10351008" y="2293620"/>
                  </a:lnTo>
                  <a:lnTo>
                    <a:pt x="10351008" y="2304288"/>
                  </a:lnTo>
                  <a:lnTo>
                    <a:pt x="10361676" y="2304288"/>
                  </a:lnTo>
                  <a:lnTo>
                    <a:pt x="10361676" y="2293620"/>
                  </a:lnTo>
                  <a:close/>
                </a:path>
                <a:path w="10361930" h="6141720">
                  <a:moveTo>
                    <a:pt x="10361676" y="2314956"/>
                  </a:moveTo>
                  <a:lnTo>
                    <a:pt x="10351008" y="2314956"/>
                  </a:lnTo>
                  <a:lnTo>
                    <a:pt x="10351008" y="2324100"/>
                  </a:lnTo>
                  <a:lnTo>
                    <a:pt x="10361676" y="2324100"/>
                  </a:lnTo>
                  <a:lnTo>
                    <a:pt x="10361676" y="2314956"/>
                  </a:lnTo>
                  <a:close/>
                </a:path>
                <a:path w="10361930" h="6141720">
                  <a:moveTo>
                    <a:pt x="10361676" y="2334768"/>
                  </a:moveTo>
                  <a:lnTo>
                    <a:pt x="10351008" y="2334768"/>
                  </a:lnTo>
                  <a:lnTo>
                    <a:pt x="10351008" y="2345436"/>
                  </a:lnTo>
                  <a:lnTo>
                    <a:pt x="10361676" y="2345436"/>
                  </a:lnTo>
                  <a:lnTo>
                    <a:pt x="10361676" y="2334768"/>
                  </a:lnTo>
                  <a:close/>
                </a:path>
                <a:path w="10361930" h="6141720">
                  <a:moveTo>
                    <a:pt x="10361676" y="2356104"/>
                  </a:moveTo>
                  <a:lnTo>
                    <a:pt x="10351008" y="2356104"/>
                  </a:lnTo>
                  <a:lnTo>
                    <a:pt x="10351008" y="2365248"/>
                  </a:lnTo>
                  <a:lnTo>
                    <a:pt x="10361676" y="2365248"/>
                  </a:lnTo>
                  <a:lnTo>
                    <a:pt x="10361676" y="2356104"/>
                  </a:lnTo>
                  <a:close/>
                </a:path>
                <a:path w="10361930" h="6141720">
                  <a:moveTo>
                    <a:pt x="10361676" y="2375916"/>
                  </a:moveTo>
                  <a:lnTo>
                    <a:pt x="10351008" y="2375916"/>
                  </a:lnTo>
                  <a:lnTo>
                    <a:pt x="10351008" y="2386584"/>
                  </a:lnTo>
                  <a:lnTo>
                    <a:pt x="10361676" y="2386584"/>
                  </a:lnTo>
                  <a:lnTo>
                    <a:pt x="10361676" y="2375916"/>
                  </a:lnTo>
                  <a:close/>
                </a:path>
                <a:path w="10361930" h="6141720">
                  <a:moveTo>
                    <a:pt x="10361676" y="2397252"/>
                  </a:moveTo>
                  <a:lnTo>
                    <a:pt x="10351008" y="2397252"/>
                  </a:lnTo>
                  <a:lnTo>
                    <a:pt x="10351008" y="2406396"/>
                  </a:lnTo>
                  <a:lnTo>
                    <a:pt x="10361676" y="2406396"/>
                  </a:lnTo>
                  <a:lnTo>
                    <a:pt x="10361676" y="2397252"/>
                  </a:lnTo>
                  <a:close/>
                </a:path>
                <a:path w="10361930" h="6141720">
                  <a:moveTo>
                    <a:pt x="10361676" y="2417064"/>
                  </a:moveTo>
                  <a:lnTo>
                    <a:pt x="10351008" y="2417064"/>
                  </a:lnTo>
                  <a:lnTo>
                    <a:pt x="10351008" y="2427732"/>
                  </a:lnTo>
                  <a:lnTo>
                    <a:pt x="10361676" y="2427732"/>
                  </a:lnTo>
                  <a:lnTo>
                    <a:pt x="10361676" y="2417064"/>
                  </a:lnTo>
                  <a:close/>
                </a:path>
                <a:path w="10361930" h="6141720">
                  <a:moveTo>
                    <a:pt x="10361676" y="2438400"/>
                  </a:moveTo>
                  <a:lnTo>
                    <a:pt x="10351008" y="2438400"/>
                  </a:lnTo>
                  <a:lnTo>
                    <a:pt x="10351008" y="2447544"/>
                  </a:lnTo>
                  <a:lnTo>
                    <a:pt x="10361676" y="2447544"/>
                  </a:lnTo>
                  <a:lnTo>
                    <a:pt x="10361676" y="2438400"/>
                  </a:lnTo>
                  <a:close/>
                </a:path>
                <a:path w="10361930" h="6141720">
                  <a:moveTo>
                    <a:pt x="10361676" y="2458212"/>
                  </a:moveTo>
                  <a:lnTo>
                    <a:pt x="10351008" y="2458212"/>
                  </a:lnTo>
                  <a:lnTo>
                    <a:pt x="10351008" y="2468880"/>
                  </a:lnTo>
                  <a:lnTo>
                    <a:pt x="10361676" y="2468880"/>
                  </a:lnTo>
                  <a:lnTo>
                    <a:pt x="10361676" y="2458212"/>
                  </a:lnTo>
                  <a:close/>
                </a:path>
                <a:path w="10361930" h="6141720">
                  <a:moveTo>
                    <a:pt x="10361676" y="2479548"/>
                  </a:moveTo>
                  <a:lnTo>
                    <a:pt x="10351008" y="2479548"/>
                  </a:lnTo>
                  <a:lnTo>
                    <a:pt x="10351008" y="2488692"/>
                  </a:lnTo>
                  <a:lnTo>
                    <a:pt x="10361676" y="2488692"/>
                  </a:lnTo>
                  <a:lnTo>
                    <a:pt x="10361676" y="2479548"/>
                  </a:lnTo>
                  <a:close/>
                </a:path>
                <a:path w="10361930" h="6141720">
                  <a:moveTo>
                    <a:pt x="10361676" y="2499360"/>
                  </a:moveTo>
                  <a:lnTo>
                    <a:pt x="10351008" y="2499360"/>
                  </a:lnTo>
                  <a:lnTo>
                    <a:pt x="10351008" y="2510028"/>
                  </a:lnTo>
                  <a:lnTo>
                    <a:pt x="10361676" y="2510028"/>
                  </a:lnTo>
                  <a:lnTo>
                    <a:pt x="10361676" y="2499360"/>
                  </a:lnTo>
                  <a:close/>
                </a:path>
                <a:path w="10361930" h="6141720">
                  <a:moveTo>
                    <a:pt x="10361676" y="2520696"/>
                  </a:moveTo>
                  <a:lnTo>
                    <a:pt x="10351008" y="2520696"/>
                  </a:lnTo>
                  <a:lnTo>
                    <a:pt x="10351008" y="2529840"/>
                  </a:lnTo>
                  <a:lnTo>
                    <a:pt x="10361676" y="2529840"/>
                  </a:lnTo>
                  <a:lnTo>
                    <a:pt x="10361676" y="2520696"/>
                  </a:lnTo>
                  <a:close/>
                </a:path>
                <a:path w="10361930" h="6141720">
                  <a:moveTo>
                    <a:pt x="10361676" y="2540508"/>
                  </a:moveTo>
                  <a:lnTo>
                    <a:pt x="10351008" y="2540508"/>
                  </a:lnTo>
                  <a:lnTo>
                    <a:pt x="10351008" y="2551176"/>
                  </a:lnTo>
                  <a:lnTo>
                    <a:pt x="10361676" y="2551176"/>
                  </a:lnTo>
                  <a:lnTo>
                    <a:pt x="10361676" y="2540508"/>
                  </a:lnTo>
                  <a:close/>
                </a:path>
                <a:path w="10361930" h="6141720">
                  <a:moveTo>
                    <a:pt x="10361676" y="2561844"/>
                  </a:moveTo>
                  <a:lnTo>
                    <a:pt x="10351008" y="2561844"/>
                  </a:lnTo>
                  <a:lnTo>
                    <a:pt x="10351008" y="2570988"/>
                  </a:lnTo>
                  <a:lnTo>
                    <a:pt x="10361676" y="2570988"/>
                  </a:lnTo>
                  <a:lnTo>
                    <a:pt x="10361676" y="2561844"/>
                  </a:lnTo>
                  <a:close/>
                </a:path>
                <a:path w="10361930" h="6141720">
                  <a:moveTo>
                    <a:pt x="10361676" y="2581656"/>
                  </a:moveTo>
                  <a:lnTo>
                    <a:pt x="10351008" y="2581656"/>
                  </a:lnTo>
                  <a:lnTo>
                    <a:pt x="10351008" y="2592324"/>
                  </a:lnTo>
                  <a:lnTo>
                    <a:pt x="10361676" y="2592324"/>
                  </a:lnTo>
                  <a:lnTo>
                    <a:pt x="10361676" y="2581656"/>
                  </a:lnTo>
                  <a:close/>
                </a:path>
                <a:path w="10361930" h="6141720">
                  <a:moveTo>
                    <a:pt x="10361676" y="2602992"/>
                  </a:moveTo>
                  <a:lnTo>
                    <a:pt x="10351008" y="2602992"/>
                  </a:lnTo>
                  <a:lnTo>
                    <a:pt x="10351008" y="2612136"/>
                  </a:lnTo>
                  <a:lnTo>
                    <a:pt x="10361676" y="2612136"/>
                  </a:lnTo>
                  <a:lnTo>
                    <a:pt x="10361676" y="2602992"/>
                  </a:lnTo>
                  <a:close/>
                </a:path>
                <a:path w="10361930" h="6141720">
                  <a:moveTo>
                    <a:pt x="10361676" y="2622804"/>
                  </a:moveTo>
                  <a:lnTo>
                    <a:pt x="10351008" y="2622804"/>
                  </a:lnTo>
                  <a:lnTo>
                    <a:pt x="10351008" y="2633472"/>
                  </a:lnTo>
                  <a:lnTo>
                    <a:pt x="10361676" y="2633472"/>
                  </a:lnTo>
                  <a:lnTo>
                    <a:pt x="10361676" y="2622804"/>
                  </a:lnTo>
                  <a:close/>
                </a:path>
                <a:path w="10361930" h="6141720">
                  <a:moveTo>
                    <a:pt x="10361676" y="2642616"/>
                  </a:moveTo>
                  <a:lnTo>
                    <a:pt x="10351008" y="2642616"/>
                  </a:lnTo>
                  <a:lnTo>
                    <a:pt x="10351008" y="2653284"/>
                  </a:lnTo>
                  <a:lnTo>
                    <a:pt x="10361676" y="2653284"/>
                  </a:lnTo>
                  <a:lnTo>
                    <a:pt x="10361676" y="2642616"/>
                  </a:lnTo>
                  <a:close/>
                </a:path>
                <a:path w="10361930" h="6141720">
                  <a:moveTo>
                    <a:pt x="10361676" y="2663952"/>
                  </a:moveTo>
                  <a:lnTo>
                    <a:pt x="10351008" y="2663952"/>
                  </a:lnTo>
                  <a:lnTo>
                    <a:pt x="10351008" y="2674620"/>
                  </a:lnTo>
                  <a:lnTo>
                    <a:pt x="10361676" y="2674620"/>
                  </a:lnTo>
                  <a:lnTo>
                    <a:pt x="10361676" y="2663952"/>
                  </a:lnTo>
                  <a:close/>
                </a:path>
                <a:path w="10361930" h="6141720">
                  <a:moveTo>
                    <a:pt x="10361676" y="2683764"/>
                  </a:moveTo>
                  <a:lnTo>
                    <a:pt x="10351008" y="2683764"/>
                  </a:lnTo>
                  <a:lnTo>
                    <a:pt x="10351008" y="2694432"/>
                  </a:lnTo>
                  <a:lnTo>
                    <a:pt x="10361676" y="2694432"/>
                  </a:lnTo>
                  <a:lnTo>
                    <a:pt x="10361676" y="2683764"/>
                  </a:lnTo>
                  <a:close/>
                </a:path>
                <a:path w="10361930" h="6141720">
                  <a:moveTo>
                    <a:pt x="10361676" y="2705100"/>
                  </a:moveTo>
                  <a:lnTo>
                    <a:pt x="10351008" y="2705100"/>
                  </a:lnTo>
                  <a:lnTo>
                    <a:pt x="10351008" y="2715768"/>
                  </a:lnTo>
                  <a:lnTo>
                    <a:pt x="10361676" y="2715768"/>
                  </a:lnTo>
                  <a:lnTo>
                    <a:pt x="10361676" y="2705100"/>
                  </a:lnTo>
                  <a:close/>
                </a:path>
                <a:path w="10361930" h="6141720">
                  <a:moveTo>
                    <a:pt x="10361676" y="2724912"/>
                  </a:moveTo>
                  <a:lnTo>
                    <a:pt x="10351008" y="2724912"/>
                  </a:lnTo>
                  <a:lnTo>
                    <a:pt x="10351008" y="2735580"/>
                  </a:lnTo>
                  <a:lnTo>
                    <a:pt x="10361676" y="2735580"/>
                  </a:lnTo>
                  <a:lnTo>
                    <a:pt x="10361676" y="2724912"/>
                  </a:lnTo>
                  <a:close/>
                </a:path>
                <a:path w="10361930" h="6141720">
                  <a:moveTo>
                    <a:pt x="10361676" y="2746248"/>
                  </a:moveTo>
                  <a:lnTo>
                    <a:pt x="10351008" y="2746248"/>
                  </a:lnTo>
                  <a:lnTo>
                    <a:pt x="10351008" y="2756916"/>
                  </a:lnTo>
                  <a:lnTo>
                    <a:pt x="10361676" y="2756916"/>
                  </a:lnTo>
                  <a:lnTo>
                    <a:pt x="10361676" y="2746248"/>
                  </a:lnTo>
                  <a:close/>
                </a:path>
                <a:path w="10361930" h="6141720">
                  <a:moveTo>
                    <a:pt x="10361676" y="2766060"/>
                  </a:moveTo>
                  <a:lnTo>
                    <a:pt x="10351008" y="2766060"/>
                  </a:lnTo>
                  <a:lnTo>
                    <a:pt x="10351008" y="2776728"/>
                  </a:lnTo>
                  <a:lnTo>
                    <a:pt x="10361676" y="2776728"/>
                  </a:lnTo>
                  <a:lnTo>
                    <a:pt x="10361676" y="2766060"/>
                  </a:lnTo>
                  <a:close/>
                </a:path>
                <a:path w="10361930" h="6141720">
                  <a:moveTo>
                    <a:pt x="10361676" y="2787396"/>
                  </a:moveTo>
                  <a:lnTo>
                    <a:pt x="10351008" y="2787396"/>
                  </a:lnTo>
                  <a:lnTo>
                    <a:pt x="10351008" y="2798064"/>
                  </a:lnTo>
                  <a:lnTo>
                    <a:pt x="10361676" y="2798064"/>
                  </a:lnTo>
                  <a:lnTo>
                    <a:pt x="10361676" y="2787396"/>
                  </a:lnTo>
                  <a:close/>
                </a:path>
                <a:path w="10361930" h="6141720">
                  <a:moveTo>
                    <a:pt x="10361676" y="2807208"/>
                  </a:moveTo>
                  <a:lnTo>
                    <a:pt x="10351008" y="2807208"/>
                  </a:lnTo>
                  <a:lnTo>
                    <a:pt x="10351008" y="2817876"/>
                  </a:lnTo>
                  <a:lnTo>
                    <a:pt x="10361676" y="2817876"/>
                  </a:lnTo>
                  <a:lnTo>
                    <a:pt x="10361676" y="2807208"/>
                  </a:lnTo>
                  <a:close/>
                </a:path>
                <a:path w="10361930" h="6141720">
                  <a:moveTo>
                    <a:pt x="10361676" y="2828544"/>
                  </a:moveTo>
                  <a:lnTo>
                    <a:pt x="10351008" y="2828544"/>
                  </a:lnTo>
                  <a:lnTo>
                    <a:pt x="10351008" y="2839212"/>
                  </a:lnTo>
                  <a:lnTo>
                    <a:pt x="10361676" y="2839212"/>
                  </a:lnTo>
                  <a:lnTo>
                    <a:pt x="10361676" y="2828544"/>
                  </a:lnTo>
                  <a:close/>
                </a:path>
                <a:path w="10361930" h="6141720">
                  <a:moveTo>
                    <a:pt x="10361676" y="2848356"/>
                  </a:moveTo>
                  <a:lnTo>
                    <a:pt x="10351008" y="2848356"/>
                  </a:lnTo>
                  <a:lnTo>
                    <a:pt x="10351008" y="2859024"/>
                  </a:lnTo>
                  <a:lnTo>
                    <a:pt x="10361676" y="2859024"/>
                  </a:lnTo>
                  <a:lnTo>
                    <a:pt x="10361676" y="2848356"/>
                  </a:lnTo>
                  <a:close/>
                </a:path>
                <a:path w="10361930" h="6141720">
                  <a:moveTo>
                    <a:pt x="10361676" y="2869692"/>
                  </a:moveTo>
                  <a:lnTo>
                    <a:pt x="10351008" y="2869692"/>
                  </a:lnTo>
                  <a:lnTo>
                    <a:pt x="10351008" y="2880360"/>
                  </a:lnTo>
                  <a:lnTo>
                    <a:pt x="10361676" y="2880360"/>
                  </a:lnTo>
                  <a:lnTo>
                    <a:pt x="10361676" y="2869692"/>
                  </a:lnTo>
                  <a:close/>
                </a:path>
                <a:path w="10361930" h="6141720">
                  <a:moveTo>
                    <a:pt x="10361676" y="2889504"/>
                  </a:moveTo>
                  <a:lnTo>
                    <a:pt x="10351008" y="2889504"/>
                  </a:lnTo>
                  <a:lnTo>
                    <a:pt x="10351008" y="2900172"/>
                  </a:lnTo>
                  <a:lnTo>
                    <a:pt x="10361676" y="2900172"/>
                  </a:lnTo>
                  <a:lnTo>
                    <a:pt x="10361676" y="2889504"/>
                  </a:lnTo>
                  <a:close/>
                </a:path>
                <a:path w="10361930" h="6141720">
                  <a:moveTo>
                    <a:pt x="10361676" y="2910840"/>
                  </a:moveTo>
                  <a:lnTo>
                    <a:pt x="10351008" y="2910840"/>
                  </a:lnTo>
                  <a:lnTo>
                    <a:pt x="10351008" y="2921508"/>
                  </a:lnTo>
                  <a:lnTo>
                    <a:pt x="10361676" y="2921508"/>
                  </a:lnTo>
                  <a:lnTo>
                    <a:pt x="10361676" y="2910840"/>
                  </a:lnTo>
                  <a:close/>
                </a:path>
                <a:path w="10361930" h="6141720">
                  <a:moveTo>
                    <a:pt x="10361676" y="2930652"/>
                  </a:moveTo>
                  <a:lnTo>
                    <a:pt x="10351008" y="2930652"/>
                  </a:lnTo>
                  <a:lnTo>
                    <a:pt x="10351008" y="2941320"/>
                  </a:lnTo>
                  <a:lnTo>
                    <a:pt x="10361676" y="2941320"/>
                  </a:lnTo>
                  <a:lnTo>
                    <a:pt x="10361676" y="2930652"/>
                  </a:lnTo>
                  <a:close/>
                </a:path>
                <a:path w="10361930" h="6141720">
                  <a:moveTo>
                    <a:pt x="10361676" y="2951988"/>
                  </a:moveTo>
                  <a:lnTo>
                    <a:pt x="10351008" y="2951988"/>
                  </a:lnTo>
                  <a:lnTo>
                    <a:pt x="10351008" y="2962656"/>
                  </a:lnTo>
                  <a:lnTo>
                    <a:pt x="10361676" y="2962656"/>
                  </a:lnTo>
                  <a:lnTo>
                    <a:pt x="10361676" y="2951988"/>
                  </a:lnTo>
                  <a:close/>
                </a:path>
                <a:path w="10361930" h="6141720">
                  <a:moveTo>
                    <a:pt x="10361676" y="2971800"/>
                  </a:moveTo>
                  <a:lnTo>
                    <a:pt x="10351008" y="2971800"/>
                  </a:lnTo>
                  <a:lnTo>
                    <a:pt x="10351008" y="2982468"/>
                  </a:lnTo>
                  <a:lnTo>
                    <a:pt x="10361676" y="2982468"/>
                  </a:lnTo>
                  <a:lnTo>
                    <a:pt x="10361676" y="2971800"/>
                  </a:lnTo>
                  <a:close/>
                </a:path>
                <a:path w="10361930" h="6141720">
                  <a:moveTo>
                    <a:pt x="10361676" y="2993136"/>
                  </a:moveTo>
                  <a:lnTo>
                    <a:pt x="10351008" y="2993136"/>
                  </a:lnTo>
                  <a:lnTo>
                    <a:pt x="10351008" y="3003804"/>
                  </a:lnTo>
                  <a:lnTo>
                    <a:pt x="10361676" y="3003804"/>
                  </a:lnTo>
                  <a:lnTo>
                    <a:pt x="10361676" y="2993136"/>
                  </a:lnTo>
                  <a:close/>
                </a:path>
                <a:path w="10361930" h="6141720">
                  <a:moveTo>
                    <a:pt x="10361676" y="3012948"/>
                  </a:moveTo>
                  <a:lnTo>
                    <a:pt x="10351008" y="3012948"/>
                  </a:lnTo>
                  <a:lnTo>
                    <a:pt x="10351008" y="3023616"/>
                  </a:lnTo>
                  <a:lnTo>
                    <a:pt x="10361676" y="3023616"/>
                  </a:lnTo>
                  <a:lnTo>
                    <a:pt x="10361676" y="3012948"/>
                  </a:lnTo>
                  <a:close/>
                </a:path>
                <a:path w="10361930" h="6141720">
                  <a:moveTo>
                    <a:pt x="10361676" y="3034284"/>
                  </a:moveTo>
                  <a:lnTo>
                    <a:pt x="10351008" y="3034284"/>
                  </a:lnTo>
                  <a:lnTo>
                    <a:pt x="10351008" y="3044952"/>
                  </a:lnTo>
                  <a:lnTo>
                    <a:pt x="10361676" y="3044952"/>
                  </a:lnTo>
                  <a:lnTo>
                    <a:pt x="10361676" y="3034284"/>
                  </a:lnTo>
                  <a:close/>
                </a:path>
                <a:path w="10361930" h="6141720">
                  <a:moveTo>
                    <a:pt x="10361676" y="3054096"/>
                  </a:moveTo>
                  <a:lnTo>
                    <a:pt x="10351008" y="3054096"/>
                  </a:lnTo>
                  <a:lnTo>
                    <a:pt x="10351008" y="3064764"/>
                  </a:lnTo>
                  <a:lnTo>
                    <a:pt x="10361676" y="3064764"/>
                  </a:lnTo>
                  <a:lnTo>
                    <a:pt x="10361676" y="3054096"/>
                  </a:lnTo>
                  <a:close/>
                </a:path>
                <a:path w="10361930" h="6141720">
                  <a:moveTo>
                    <a:pt x="10361676" y="3075432"/>
                  </a:moveTo>
                  <a:lnTo>
                    <a:pt x="10351008" y="3075432"/>
                  </a:lnTo>
                  <a:lnTo>
                    <a:pt x="10351008" y="3086100"/>
                  </a:lnTo>
                  <a:lnTo>
                    <a:pt x="10361676" y="3086100"/>
                  </a:lnTo>
                  <a:lnTo>
                    <a:pt x="10361676" y="3075432"/>
                  </a:lnTo>
                  <a:close/>
                </a:path>
                <a:path w="10361930" h="6141720">
                  <a:moveTo>
                    <a:pt x="10361676" y="3095244"/>
                  </a:moveTo>
                  <a:lnTo>
                    <a:pt x="10351008" y="3095244"/>
                  </a:lnTo>
                  <a:lnTo>
                    <a:pt x="10351008" y="3105912"/>
                  </a:lnTo>
                  <a:lnTo>
                    <a:pt x="10361676" y="3105912"/>
                  </a:lnTo>
                  <a:lnTo>
                    <a:pt x="10361676" y="3095244"/>
                  </a:lnTo>
                  <a:close/>
                </a:path>
                <a:path w="10361930" h="6141720">
                  <a:moveTo>
                    <a:pt x="10361676" y="3116580"/>
                  </a:moveTo>
                  <a:lnTo>
                    <a:pt x="10351008" y="3116580"/>
                  </a:lnTo>
                  <a:lnTo>
                    <a:pt x="10351008" y="3127248"/>
                  </a:lnTo>
                  <a:lnTo>
                    <a:pt x="10361676" y="3127248"/>
                  </a:lnTo>
                  <a:lnTo>
                    <a:pt x="10361676" y="3116580"/>
                  </a:lnTo>
                  <a:close/>
                </a:path>
                <a:path w="10361930" h="6141720">
                  <a:moveTo>
                    <a:pt x="10361676" y="3136392"/>
                  </a:moveTo>
                  <a:lnTo>
                    <a:pt x="10351008" y="3136392"/>
                  </a:lnTo>
                  <a:lnTo>
                    <a:pt x="10351008" y="3147060"/>
                  </a:lnTo>
                  <a:lnTo>
                    <a:pt x="10361676" y="3147060"/>
                  </a:lnTo>
                  <a:lnTo>
                    <a:pt x="10361676" y="3136392"/>
                  </a:lnTo>
                  <a:close/>
                </a:path>
                <a:path w="10361930" h="6141720">
                  <a:moveTo>
                    <a:pt x="10361676" y="3157728"/>
                  </a:moveTo>
                  <a:lnTo>
                    <a:pt x="10351008" y="3157728"/>
                  </a:lnTo>
                  <a:lnTo>
                    <a:pt x="10351008" y="3168396"/>
                  </a:lnTo>
                  <a:lnTo>
                    <a:pt x="10361676" y="3168396"/>
                  </a:lnTo>
                  <a:lnTo>
                    <a:pt x="10361676" y="3157728"/>
                  </a:lnTo>
                  <a:close/>
                </a:path>
                <a:path w="10361930" h="6141720">
                  <a:moveTo>
                    <a:pt x="10361676" y="3177540"/>
                  </a:moveTo>
                  <a:lnTo>
                    <a:pt x="10351008" y="3177540"/>
                  </a:lnTo>
                  <a:lnTo>
                    <a:pt x="10351008" y="3188208"/>
                  </a:lnTo>
                  <a:lnTo>
                    <a:pt x="10361676" y="3188208"/>
                  </a:lnTo>
                  <a:lnTo>
                    <a:pt x="10361676" y="3177540"/>
                  </a:lnTo>
                  <a:close/>
                </a:path>
                <a:path w="10361930" h="6141720">
                  <a:moveTo>
                    <a:pt x="10361676" y="3198876"/>
                  </a:moveTo>
                  <a:lnTo>
                    <a:pt x="10351008" y="3198876"/>
                  </a:lnTo>
                  <a:lnTo>
                    <a:pt x="10351008" y="3209544"/>
                  </a:lnTo>
                  <a:lnTo>
                    <a:pt x="10361676" y="3209544"/>
                  </a:lnTo>
                  <a:lnTo>
                    <a:pt x="10361676" y="3198876"/>
                  </a:lnTo>
                  <a:close/>
                </a:path>
                <a:path w="10361930" h="6141720">
                  <a:moveTo>
                    <a:pt x="10361676" y="3218688"/>
                  </a:moveTo>
                  <a:lnTo>
                    <a:pt x="10351008" y="3218688"/>
                  </a:lnTo>
                  <a:lnTo>
                    <a:pt x="10351008" y="3229356"/>
                  </a:lnTo>
                  <a:lnTo>
                    <a:pt x="10361676" y="3229356"/>
                  </a:lnTo>
                  <a:lnTo>
                    <a:pt x="10361676" y="3218688"/>
                  </a:lnTo>
                  <a:close/>
                </a:path>
                <a:path w="10361930" h="6141720">
                  <a:moveTo>
                    <a:pt x="10361676" y="3240024"/>
                  </a:moveTo>
                  <a:lnTo>
                    <a:pt x="10351008" y="3240024"/>
                  </a:lnTo>
                  <a:lnTo>
                    <a:pt x="10351008" y="3249168"/>
                  </a:lnTo>
                  <a:lnTo>
                    <a:pt x="10361676" y="3249168"/>
                  </a:lnTo>
                  <a:lnTo>
                    <a:pt x="10361676" y="3240024"/>
                  </a:lnTo>
                  <a:close/>
                </a:path>
                <a:path w="10361930" h="6141720">
                  <a:moveTo>
                    <a:pt x="10361676" y="3259836"/>
                  </a:moveTo>
                  <a:lnTo>
                    <a:pt x="10351008" y="3259836"/>
                  </a:lnTo>
                  <a:lnTo>
                    <a:pt x="10351008" y="3270504"/>
                  </a:lnTo>
                  <a:lnTo>
                    <a:pt x="10361676" y="3270504"/>
                  </a:lnTo>
                  <a:lnTo>
                    <a:pt x="10361676" y="3259836"/>
                  </a:lnTo>
                  <a:close/>
                </a:path>
                <a:path w="10361930" h="6141720">
                  <a:moveTo>
                    <a:pt x="10361676" y="3281172"/>
                  </a:moveTo>
                  <a:lnTo>
                    <a:pt x="10351008" y="3281172"/>
                  </a:lnTo>
                  <a:lnTo>
                    <a:pt x="10351008" y="3290316"/>
                  </a:lnTo>
                  <a:lnTo>
                    <a:pt x="10361676" y="3290316"/>
                  </a:lnTo>
                  <a:lnTo>
                    <a:pt x="10361676" y="3281172"/>
                  </a:lnTo>
                  <a:close/>
                </a:path>
                <a:path w="10361930" h="6141720">
                  <a:moveTo>
                    <a:pt x="10361676" y="3300984"/>
                  </a:moveTo>
                  <a:lnTo>
                    <a:pt x="10351008" y="3300984"/>
                  </a:lnTo>
                  <a:lnTo>
                    <a:pt x="10351008" y="3311652"/>
                  </a:lnTo>
                  <a:lnTo>
                    <a:pt x="10361676" y="3311652"/>
                  </a:lnTo>
                  <a:lnTo>
                    <a:pt x="10361676" y="3300984"/>
                  </a:lnTo>
                  <a:close/>
                </a:path>
                <a:path w="10361930" h="6141720">
                  <a:moveTo>
                    <a:pt x="10361676" y="3322320"/>
                  </a:moveTo>
                  <a:lnTo>
                    <a:pt x="10351008" y="3322320"/>
                  </a:lnTo>
                  <a:lnTo>
                    <a:pt x="10351008" y="3331464"/>
                  </a:lnTo>
                  <a:lnTo>
                    <a:pt x="10361676" y="3331464"/>
                  </a:lnTo>
                  <a:lnTo>
                    <a:pt x="10361676" y="3322320"/>
                  </a:lnTo>
                  <a:close/>
                </a:path>
                <a:path w="10361930" h="6141720">
                  <a:moveTo>
                    <a:pt x="10361676" y="3342132"/>
                  </a:moveTo>
                  <a:lnTo>
                    <a:pt x="10351008" y="3342132"/>
                  </a:lnTo>
                  <a:lnTo>
                    <a:pt x="10351008" y="3352800"/>
                  </a:lnTo>
                  <a:lnTo>
                    <a:pt x="10361676" y="3352800"/>
                  </a:lnTo>
                  <a:lnTo>
                    <a:pt x="10361676" y="3342132"/>
                  </a:lnTo>
                  <a:close/>
                </a:path>
                <a:path w="10361930" h="6141720">
                  <a:moveTo>
                    <a:pt x="10361676" y="3363468"/>
                  </a:moveTo>
                  <a:lnTo>
                    <a:pt x="10351008" y="3363468"/>
                  </a:lnTo>
                  <a:lnTo>
                    <a:pt x="10351008" y="3372612"/>
                  </a:lnTo>
                  <a:lnTo>
                    <a:pt x="10361676" y="3372612"/>
                  </a:lnTo>
                  <a:lnTo>
                    <a:pt x="10361676" y="3363468"/>
                  </a:lnTo>
                  <a:close/>
                </a:path>
                <a:path w="10361930" h="6141720">
                  <a:moveTo>
                    <a:pt x="10361676" y="3383280"/>
                  </a:moveTo>
                  <a:lnTo>
                    <a:pt x="10351008" y="3383280"/>
                  </a:lnTo>
                  <a:lnTo>
                    <a:pt x="10351008" y="3393948"/>
                  </a:lnTo>
                  <a:lnTo>
                    <a:pt x="10361676" y="3393948"/>
                  </a:lnTo>
                  <a:lnTo>
                    <a:pt x="10361676" y="3383280"/>
                  </a:lnTo>
                  <a:close/>
                </a:path>
                <a:path w="10361930" h="6141720">
                  <a:moveTo>
                    <a:pt x="10361676" y="3404616"/>
                  </a:moveTo>
                  <a:lnTo>
                    <a:pt x="10351008" y="3404616"/>
                  </a:lnTo>
                  <a:lnTo>
                    <a:pt x="10351008" y="3413760"/>
                  </a:lnTo>
                  <a:lnTo>
                    <a:pt x="10361676" y="3413760"/>
                  </a:lnTo>
                  <a:lnTo>
                    <a:pt x="10361676" y="3404616"/>
                  </a:lnTo>
                  <a:close/>
                </a:path>
                <a:path w="10361930" h="6141720">
                  <a:moveTo>
                    <a:pt x="10361676" y="3424428"/>
                  </a:moveTo>
                  <a:lnTo>
                    <a:pt x="10351008" y="3424428"/>
                  </a:lnTo>
                  <a:lnTo>
                    <a:pt x="10351008" y="3435096"/>
                  </a:lnTo>
                  <a:lnTo>
                    <a:pt x="10361676" y="3435096"/>
                  </a:lnTo>
                  <a:lnTo>
                    <a:pt x="10361676" y="3424428"/>
                  </a:lnTo>
                  <a:close/>
                </a:path>
                <a:path w="10361930" h="6141720">
                  <a:moveTo>
                    <a:pt x="10361676" y="3445764"/>
                  </a:moveTo>
                  <a:lnTo>
                    <a:pt x="10351008" y="3445764"/>
                  </a:lnTo>
                  <a:lnTo>
                    <a:pt x="10351008" y="3454908"/>
                  </a:lnTo>
                  <a:lnTo>
                    <a:pt x="10361676" y="3454908"/>
                  </a:lnTo>
                  <a:lnTo>
                    <a:pt x="10361676" y="3445764"/>
                  </a:lnTo>
                  <a:close/>
                </a:path>
                <a:path w="10361930" h="6141720">
                  <a:moveTo>
                    <a:pt x="10361676" y="3465576"/>
                  </a:moveTo>
                  <a:lnTo>
                    <a:pt x="10351008" y="3465576"/>
                  </a:lnTo>
                  <a:lnTo>
                    <a:pt x="10351008" y="3476244"/>
                  </a:lnTo>
                  <a:lnTo>
                    <a:pt x="10361676" y="3476244"/>
                  </a:lnTo>
                  <a:lnTo>
                    <a:pt x="10361676" y="3465576"/>
                  </a:lnTo>
                  <a:close/>
                </a:path>
                <a:path w="10361930" h="6141720">
                  <a:moveTo>
                    <a:pt x="10361676" y="3486912"/>
                  </a:moveTo>
                  <a:lnTo>
                    <a:pt x="10351008" y="3486912"/>
                  </a:lnTo>
                  <a:lnTo>
                    <a:pt x="10351008" y="3496056"/>
                  </a:lnTo>
                  <a:lnTo>
                    <a:pt x="10361676" y="3496056"/>
                  </a:lnTo>
                  <a:lnTo>
                    <a:pt x="10361676" y="3486912"/>
                  </a:lnTo>
                  <a:close/>
                </a:path>
                <a:path w="10361930" h="6141720">
                  <a:moveTo>
                    <a:pt x="10361676" y="3506724"/>
                  </a:moveTo>
                  <a:lnTo>
                    <a:pt x="10351008" y="3506724"/>
                  </a:lnTo>
                  <a:lnTo>
                    <a:pt x="10351008" y="3517392"/>
                  </a:lnTo>
                  <a:lnTo>
                    <a:pt x="10361676" y="3517392"/>
                  </a:lnTo>
                  <a:lnTo>
                    <a:pt x="10361676" y="3506724"/>
                  </a:lnTo>
                  <a:close/>
                </a:path>
                <a:path w="10361930" h="6141720">
                  <a:moveTo>
                    <a:pt x="10361676" y="3528060"/>
                  </a:moveTo>
                  <a:lnTo>
                    <a:pt x="10351008" y="3528060"/>
                  </a:lnTo>
                  <a:lnTo>
                    <a:pt x="10351008" y="3537204"/>
                  </a:lnTo>
                  <a:lnTo>
                    <a:pt x="10361676" y="3537204"/>
                  </a:lnTo>
                  <a:lnTo>
                    <a:pt x="10361676" y="3528060"/>
                  </a:lnTo>
                  <a:close/>
                </a:path>
                <a:path w="10361930" h="6141720">
                  <a:moveTo>
                    <a:pt x="10361676" y="3547872"/>
                  </a:moveTo>
                  <a:lnTo>
                    <a:pt x="10351008" y="3547872"/>
                  </a:lnTo>
                  <a:lnTo>
                    <a:pt x="10351008" y="3558540"/>
                  </a:lnTo>
                  <a:lnTo>
                    <a:pt x="10361676" y="3558540"/>
                  </a:lnTo>
                  <a:lnTo>
                    <a:pt x="10361676" y="3547872"/>
                  </a:lnTo>
                  <a:close/>
                </a:path>
                <a:path w="10361930" h="6141720">
                  <a:moveTo>
                    <a:pt x="10361676" y="3569208"/>
                  </a:moveTo>
                  <a:lnTo>
                    <a:pt x="10351008" y="3569208"/>
                  </a:lnTo>
                  <a:lnTo>
                    <a:pt x="10351008" y="3578352"/>
                  </a:lnTo>
                  <a:lnTo>
                    <a:pt x="10361676" y="3578352"/>
                  </a:lnTo>
                  <a:lnTo>
                    <a:pt x="10361676" y="3569208"/>
                  </a:lnTo>
                  <a:close/>
                </a:path>
                <a:path w="10361930" h="6141720">
                  <a:moveTo>
                    <a:pt x="10361676" y="3589020"/>
                  </a:moveTo>
                  <a:lnTo>
                    <a:pt x="10351008" y="3589020"/>
                  </a:lnTo>
                  <a:lnTo>
                    <a:pt x="10351008" y="3599688"/>
                  </a:lnTo>
                  <a:lnTo>
                    <a:pt x="10361676" y="3599688"/>
                  </a:lnTo>
                  <a:lnTo>
                    <a:pt x="10361676" y="3589020"/>
                  </a:lnTo>
                  <a:close/>
                </a:path>
                <a:path w="10361930" h="6141720">
                  <a:moveTo>
                    <a:pt x="10361676" y="3610356"/>
                  </a:moveTo>
                  <a:lnTo>
                    <a:pt x="10351008" y="3610356"/>
                  </a:lnTo>
                  <a:lnTo>
                    <a:pt x="10351008" y="3619500"/>
                  </a:lnTo>
                  <a:lnTo>
                    <a:pt x="10361676" y="3619500"/>
                  </a:lnTo>
                  <a:lnTo>
                    <a:pt x="10361676" y="3610356"/>
                  </a:lnTo>
                  <a:close/>
                </a:path>
                <a:path w="10361930" h="6141720">
                  <a:moveTo>
                    <a:pt x="10361676" y="3630168"/>
                  </a:moveTo>
                  <a:lnTo>
                    <a:pt x="10351008" y="3630168"/>
                  </a:lnTo>
                  <a:lnTo>
                    <a:pt x="10351008" y="3640836"/>
                  </a:lnTo>
                  <a:lnTo>
                    <a:pt x="10361676" y="3640836"/>
                  </a:lnTo>
                  <a:lnTo>
                    <a:pt x="10361676" y="3630168"/>
                  </a:lnTo>
                  <a:close/>
                </a:path>
                <a:path w="10361930" h="6141720">
                  <a:moveTo>
                    <a:pt x="10361676" y="3651504"/>
                  </a:moveTo>
                  <a:lnTo>
                    <a:pt x="10351008" y="3651504"/>
                  </a:lnTo>
                  <a:lnTo>
                    <a:pt x="10351008" y="3660648"/>
                  </a:lnTo>
                  <a:lnTo>
                    <a:pt x="10361676" y="3660648"/>
                  </a:lnTo>
                  <a:lnTo>
                    <a:pt x="10361676" y="3651504"/>
                  </a:lnTo>
                  <a:close/>
                </a:path>
                <a:path w="10361930" h="6141720">
                  <a:moveTo>
                    <a:pt x="10361676" y="3671316"/>
                  </a:moveTo>
                  <a:lnTo>
                    <a:pt x="10351008" y="3671316"/>
                  </a:lnTo>
                  <a:lnTo>
                    <a:pt x="10351008" y="3681984"/>
                  </a:lnTo>
                  <a:lnTo>
                    <a:pt x="10361676" y="3681984"/>
                  </a:lnTo>
                  <a:lnTo>
                    <a:pt x="10361676" y="3671316"/>
                  </a:lnTo>
                  <a:close/>
                </a:path>
                <a:path w="10361930" h="6141720">
                  <a:moveTo>
                    <a:pt x="10361676" y="3692652"/>
                  </a:moveTo>
                  <a:lnTo>
                    <a:pt x="10351008" y="3692652"/>
                  </a:lnTo>
                  <a:lnTo>
                    <a:pt x="10351008" y="3701796"/>
                  </a:lnTo>
                  <a:lnTo>
                    <a:pt x="10361676" y="3701796"/>
                  </a:lnTo>
                  <a:lnTo>
                    <a:pt x="10361676" y="3692652"/>
                  </a:lnTo>
                  <a:close/>
                </a:path>
                <a:path w="10361930" h="6141720">
                  <a:moveTo>
                    <a:pt x="10361676" y="3712464"/>
                  </a:moveTo>
                  <a:lnTo>
                    <a:pt x="10351008" y="3712464"/>
                  </a:lnTo>
                  <a:lnTo>
                    <a:pt x="10351008" y="3723132"/>
                  </a:lnTo>
                  <a:lnTo>
                    <a:pt x="10361676" y="3723132"/>
                  </a:lnTo>
                  <a:lnTo>
                    <a:pt x="10361676" y="3712464"/>
                  </a:lnTo>
                  <a:close/>
                </a:path>
                <a:path w="10361930" h="6141720">
                  <a:moveTo>
                    <a:pt x="10361676" y="3733800"/>
                  </a:moveTo>
                  <a:lnTo>
                    <a:pt x="10351008" y="3733800"/>
                  </a:lnTo>
                  <a:lnTo>
                    <a:pt x="10351008" y="3742944"/>
                  </a:lnTo>
                  <a:lnTo>
                    <a:pt x="10361676" y="3742944"/>
                  </a:lnTo>
                  <a:lnTo>
                    <a:pt x="10361676" y="3733800"/>
                  </a:lnTo>
                  <a:close/>
                </a:path>
                <a:path w="10361930" h="6141720">
                  <a:moveTo>
                    <a:pt x="10361676" y="3753612"/>
                  </a:moveTo>
                  <a:lnTo>
                    <a:pt x="10351008" y="3753612"/>
                  </a:lnTo>
                  <a:lnTo>
                    <a:pt x="10351008" y="3764280"/>
                  </a:lnTo>
                  <a:lnTo>
                    <a:pt x="10361676" y="3764280"/>
                  </a:lnTo>
                  <a:lnTo>
                    <a:pt x="10361676" y="3753612"/>
                  </a:lnTo>
                  <a:close/>
                </a:path>
                <a:path w="10361930" h="6141720">
                  <a:moveTo>
                    <a:pt x="10361676" y="3774948"/>
                  </a:moveTo>
                  <a:lnTo>
                    <a:pt x="10351008" y="3774948"/>
                  </a:lnTo>
                  <a:lnTo>
                    <a:pt x="10351008" y="3784092"/>
                  </a:lnTo>
                  <a:lnTo>
                    <a:pt x="10361676" y="3784092"/>
                  </a:lnTo>
                  <a:lnTo>
                    <a:pt x="10361676" y="3774948"/>
                  </a:lnTo>
                  <a:close/>
                </a:path>
                <a:path w="10361930" h="6141720">
                  <a:moveTo>
                    <a:pt x="10361676" y="3794760"/>
                  </a:moveTo>
                  <a:lnTo>
                    <a:pt x="10351008" y="3794760"/>
                  </a:lnTo>
                  <a:lnTo>
                    <a:pt x="10351008" y="3805428"/>
                  </a:lnTo>
                  <a:lnTo>
                    <a:pt x="10361676" y="3805428"/>
                  </a:lnTo>
                  <a:lnTo>
                    <a:pt x="10361676" y="3794760"/>
                  </a:lnTo>
                  <a:close/>
                </a:path>
                <a:path w="10361930" h="6141720">
                  <a:moveTo>
                    <a:pt x="10361676" y="3816096"/>
                  </a:moveTo>
                  <a:lnTo>
                    <a:pt x="10351008" y="3816096"/>
                  </a:lnTo>
                  <a:lnTo>
                    <a:pt x="10351008" y="3825240"/>
                  </a:lnTo>
                  <a:lnTo>
                    <a:pt x="10361676" y="3825240"/>
                  </a:lnTo>
                  <a:lnTo>
                    <a:pt x="10361676" y="3816096"/>
                  </a:lnTo>
                  <a:close/>
                </a:path>
                <a:path w="10361930" h="6141720">
                  <a:moveTo>
                    <a:pt x="10361676" y="3835908"/>
                  </a:moveTo>
                  <a:lnTo>
                    <a:pt x="10351008" y="3835908"/>
                  </a:lnTo>
                  <a:lnTo>
                    <a:pt x="10351008" y="3846576"/>
                  </a:lnTo>
                  <a:lnTo>
                    <a:pt x="10361676" y="3846576"/>
                  </a:lnTo>
                  <a:lnTo>
                    <a:pt x="10361676" y="3835908"/>
                  </a:lnTo>
                  <a:close/>
                </a:path>
                <a:path w="10361930" h="6141720">
                  <a:moveTo>
                    <a:pt x="10361676" y="3855720"/>
                  </a:moveTo>
                  <a:lnTo>
                    <a:pt x="10351008" y="3855720"/>
                  </a:lnTo>
                  <a:lnTo>
                    <a:pt x="10351008" y="3866388"/>
                  </a:lnTo>
                  <a:lnTo>
                    <a:pt x="10361676" y="3866388"/>
                  </a:lnTo>
                  <a:lnTo>
                    <a:pt x="10361676" y="3855720"/>
                  </a:lnTo>
                  <a:close/>
                </a:path>
                <a:path w="10361930" h="6141720">
                  <a:moveTo>
                    <a:pt x="10361676" y="3877056"/>
                  </a:moveTo>
                  <a:lnTo>
                    <a:pt x="10351008" y="3877056"/>
                  </a:lnTo>
                  <a:lnTo>
                    <a:pt x="10351008" y="3887724"/>
                  </a:lnTo>
                  <a:lnTo>
                    <a:pt x="10361676" y="3887724"/>
                  </a:lnTo>
                  <a:lnTo>
                    <a:pt x="10361676" y="3877056"/>
                  </a:lnTo>
                  <a:close/>
                </a:path>
                <a:path w="10361930" h="6141720">
                  <a:moveTo>
                    <a:pt x="10361676" y="3896868"/>
                  </a:moveTo>
                  <a:lnTo>
                    <a:pt x="10351008" y="3896868"/>
                  </a:lnTo>
                  <a:lnTo>
                    <a:pt x="10351008" y="3907536"/>
                  </a:lnTo>
                  <a:lnTo>
                    <a:pt x="10361676" y="3907536"/>
                  </a:lnTo>
                  <a:lnTo>
                    <a:pt x="10361676" y="3896868"/>
                  </a:lnTo>
                  <a:close/>
                </a:path>
                <a:path w="10361930" h="6141720">
                  <a:moveTo>
                    <a:pt x="10361676" y="3918204"/>
                  </a:moveTo>
                  <a:lnTo>
                    <a:pt x="10351008" y="3918204"/>
                  </a:lnTo>
                  <a:lnTo>
                    <a:pt x="10351008" y="3928872"/>
                  </a:lnTo>
                  <a:lnTo>
                    <a:pt x="10361676" y="3928872"/>
                  </a:lnTo>
                  <a:lnTo>
                    <a:pt x="10361676" y="3918204"/>
                  </a:lnTo>
                  <a:close/>
                </a:path>
                <a:path w="10361930" h="6141720">
                  <a:moveTo>
                    <a:pt x="10361676" y="3938016"/>
                  </a:moveTo>
                  <a:lnTo>
                    <a:pt x="10351008" y="3938016"/>
                  </a:lnTo>
                  <a:lnTo>
                    <a:pt x="10351008" y="3948684"/>
                  </a:lnTo>
                  <a:lnTo>
                    <a:pt x="10361676" y="3948684"/>
                  </a:lnTo>
                  <a:lnTo>
                    <a:pt x="10361676" y="3938016"/>
                  </a:lnTo>
                  <a:close/>
                </a:path>
                <a:path w="10361930" h="6141720">
                  <a:moveTo>
                    <a:pt x="10361676" y="3959352"/>
                  </a:moveTo>
                  <a:lnTo>
                    <a:pt x="10351008" y="3959352"/>
                  </a:lnTo>
                  <a:lnTo>
                    <a:pt x="10351008" y="3970020"/>
                  </a:lnTo>
                  <a:lnTo>
                    <a:pt x="10361676" y="3970020"/>
                  </a:lnTo>
                  <a:lnTo>
                    <a:pt x="10361676" y="3959352"/>
                  </a:lnTo>
                  <a:close/>
                </a:path>
                <a:path w="10361930" h="6141720">
                  <a:moveTo>
                    <a:pt x="10361676" y="3979164"/>
                  </a:moveTo>
                  <a:lnTo>
                    <a:pt x="10351008" y="3979164"/>
                  </a:lnTo>
                  <a:lnTo>
                    <a:pt x="10351008" y="3989832"/>
                  </a:lnTo>
                  <a:lnTo>
                    <a:pt x="10361676" y="3989832"/>
                  </a:lnTo>
                  <a:lnTo>
                    <a:pt x="10361676" y="3979164"/>
                  </a:lnTo>
                  <a:close/>
                </a:path>
                <a:path w="10361930" h="6141720">
                  <a:moveTo>
                    <a:pt x="10361676" y="4000500"/>
                  </a:moveTo>
                  <a:lnTo>
                    <a:pt x="10351008" y="4000500"/>
                  </a:lnTo>
                  <a:lnTo>
                    <a:pt x="10351008" y="4011168"/>
                  </a:lnTo>
                  <a:lnTo>
                    <a:pt x="10361676" y="4011168"/>
                  </a:lnTo>
                  <a:lnTo>
                    <a:pt x="10361676" y="4000500"/>
                  </a:lnTo>
                  <a:close/>
                </a:path>
                <a:path w="10361930" h="6141720">
                  <a:moveTo>
                    <a:pt x="10361676" y="4020312"/>
                  </a:moveTo>
                  <a:lnTo>
                    <a:pt x="10351008" y="4020312"/>
                  </a:lnTo>
                  <a:lnTo>
                    <a:pt x="10351008" y="4030980"/>
                  </a:lnTo>
                  <a:lnTo>
                    <a:pt x="10361676" y="4030980"/>
                  </a:lnTo>
                  <a:lnTo>
                    <a:pt x="10361676" y="4020312"/>
                  </a:lnTo>
                  <a:close/>
                </a:path>
                <a:path w="10361930" h="6141720">
                  <a:moveTo>
                    <a:pt x="10361676" y="4041648"/>
                  </a:moveTo>
                  <a:lnTo>
                    <a:pt x="10351008" y="4041648"/>
                  </a:lnTo>
                  <a:lnTo>
                    <a:pt x="10351008" y="4052316"/>
                  </a:lnTo>
                  <a:lnTo>
                    <a:pt x="10361676" y="4052316"/>
                  </a:lnTo>
                  <a:lnTo>
                    <a:pt x="10361676" y="4041648"/>
                  </a:lnTo>
                  <a:close/>
                </a:path>
                <a:path w="10361930" h="6141720">
                  <a:moveTo>
                    <a:pt x="10361676" y="4061460"/>
                  </a:moveTo>
                  <a:lnTo>
                    <a:pt x="10351008" y="4061460"/>
                  </a:lnTo>
                  <a:lnTo>
                    <a:pt x="10351008" y="4072128"/>
                  </a:lnTo>
                  <a:lnTo>
                    <a:pt x="10361676" y="4072128"/>
                  </a:lnTo>
                  <a:lnTo>
                    <a:pt x="10361676" y="4061460"/>
                  </a:lnTo>
                  <a:close/>
                </a:path>
                <a:path w="10361930" h="6141720">
                  <a:moveTo>
                    <a:pt x="10361676" y="4082796"/>
                  </a:moveTo>
                  <a:lnTo>
                    <a:pt x="10351008" y="4082796"/>
                  </a:lnTo>
                  <a:lnTo>
                    <a:pt x="10351008" y="4093464"/>
                  </a:lnTo>
                  <a:lnTo>
                    <a:pt x="10361676" y="4093464"/>
                  </a:lnTo>
                  <a:lnTo>
                    <a:pt x="10361676" y="4082796"/>
                  </a:lnTo>
                  <a:close/>
                </a:path>
                <a:path w="10361930" h="6141720">
                  <a:moveTo>
                    <a:pt x="10361676" y="4102608"/>
                  </a:moveTo>
                  <a:lnTo>
                    <a:pt x="10351008" y="4102608"/>
                  </a:lnTo>
                  <a:lnTo>
                    <a:pt x="10351008" y="4113276"/>
                  </a:lnTo>
                  <a:lnTo>
                    <a:pt x="10361676" y="4113276"/>
                  </a:lnTo>
                  <a:lnTo>
                    <a:pt x="10361676" y="4102608"/>
                  </a:lnTo>
                  <a:close/>
                </a:path>
                <a:path w="10361930" h="6141720">
                  <a:moveTo>
                    <a:pt x="10361676" y="4123944"/>
                  </a:moveTo>
                  <a:lnTo>
                    <a:pt x="10351008" y="4123944"/>
                  </a:lnTo>
                  <a:lnTo>
                    <a:pt x="10351008" y="4134612"/>
                  </a:lnTo>
                  <a:lnTo>
                    <a:pt x="10361676" y="4134612"/>
                  </a:lnTo>
                  <a:lnTo>
                    <a:pt x="10361676" y="4123944"/>
                  </a:lnTo>
                  <a:close/>
                </a:path>
                <a:path w="10361930" h="6141720">
                  <a:moveTo>
                    <a:pt x="10361676" y="4143756"/>
                  </a:moveTo>
                  <a:lnTo>
                    <a:pt x="10351008" y="4143756"/>
                  </a:lnTo>
                  <a:lnTo>
                    <a:pt x="10351008" y="4154424"/>
                  </a:lnTo>
                  <a:lnTo>
                    <a:pt x="10361676" y="4154424"/>
                  </a:lnTo>
                  <a:lnTo>
                    <a:pt x="10361676" y="4143756"/>
                  </a:lnTo>
                  <a:close/>
                </a:path>
                <a:path w="10361930" h="6141720">
                  <a:moveTo>
                    <a:pt x="10361676" y="4165092"/>
                  </a:moveTo>
                  <a:lnTo>
                    <a:pt x="10351008" y="4165092"/>
                  </a:lnTo>
                  <a:lnTo>
                    <a:pt x="10351008" y="4175760"/>
                  </a:lnTo>
                  <a:lnTo>
                    <a:pt x="10361676" y="4175760"/>
                  </a:lnTo>
                  <a:lnTo>
                    <a:pt x="10361676" y="4165092"/>
                  </a:lnTo>
                  <a:close/>
                </a:path>
                <a:path w="10361930" h="6141720">
                  <a:moveTo>
                    <a:pt x="10361676" y="4184904"/>
                  </a:moveTo>
                  <a:lnTo>
                    <a:pt x="10351008" y="4184904"/>
                  </a:lnTo>
                  <a:lnTo>
                    <a:pt x="10351008" y="4195572"/>
                  </a:lnTo>
                  <a:lnTo>
                    <a:pt x="10361676" y="4195572"/>
                  </a:lnTo>
                  <a:lnTo>
                    <a:pt x="10361676" y="4184904"/>
                  </a:lnTo>
                  <a:close/>
                </a:path>
                <a:path w="10361930" h="6141720">
                  <a:moveTo>
                    <a:pt x="10361676" y="4206240"/>
                  </a:moveTo>
                  <a:lnTo>
                    <a:pt x="10351008" y="4206240"/>
                  </a:lnTo>
                  <a:lnTo>
                    <a:pt x="10351008" y="4216908"/>
                  </a:lnTo>
                  <a:lnTo>
                    <a:pt x="10361676" y="4216908"/>
                  </a:lnTo>
                  <a:lnTo>
                    <a:pt x="10361676" y="4206240"/>
                  </a:lnTo>
                  <a:close/>
                </a:path>
                <a:path w="10361930" h="6141720">
                  <a:moveTo>
                    <a:pt x="10361676" y="4226052"/>
                  </a:moveTo>
                  <a:lnTo>
                    <a:pt x="10351008" y="4226052"/>
                  </a:lnTo>
                  <a:lnTo>
                    <a:pt x="10351008" y="4236720"/>
                  </a:lnTo>
                  <a:lnTo>
                    <a:pt x="10361676" y="4236720"/>
                  </a:lnTo>
                  <a:lnTo>
                    <a:pt x="10361676" y="4226052"/>
                  </a:lnTo>
                  <a:close/>
                </a:path>
                <a:path w="10361930" h="6141720">
                  <a:moveTo>
                    <a:pt x="10361676" y="4247388"/>
                  </a:moveTo>
                  <a:lnTo>
                    <a:pt x="10351008" y="4247388"/>
                  </a:lnTo>
                  <a:lnTo>
                    <a:pt x="10351008" y="4258056"/>
                  </a:lnTo>
                  <a:lnTo>
                    <a:pt x="10361676" y="4258056"/>
                  </a:lnTo>
                  <a:lnTo>
                    <a:pt x="10361676" y="4247388"/>
                  </a:lnTo>
                  <a:close/>
                </a:path>
                <a:path w="10361930" h="6141720">
                  <a:moveTo>
                    <a:pt x="10361676" y="4267200"/>
                  </a:moveTo>
                  <a:lnTo>
                    <a:pt x="10351008" y="4267200"/>
                  </a:lnTo>
                  <a:lnTo>
                    <a:pt x="10351008" y="4277868"/>
                  </a:lnTo>
                  <a:lnTo>
                    <a:pt x="10361676" y="4277868"/>
                  </a:lnTo>
                  <a:lnTo>
                    <a:pt x="10361676" y="4267200"/>
                  </a:lnTo>
                  <a:close/>
                </a:path>
                <a:path w="10361930" h="6141720">
                  <a:moveTo>
                    <a:pt x="10361676" y="4288536"/>
                  </a:moveTo>
                  <a:lnTo>
                    <a:pt x="10351008" y="4288536"/>
                  </a:lnTo>
                  <a:lnTo>
                    <a:pt x="10351008" y="4299204"/>
                  </a:lnTo>
                  <a:lnTo>
                    <a:pt x="10361676" y="4299204"/>
                  </a:lnTo>
                  <a:lnTo>
                    <a:pt x="10361676" y="4288536"/>
                  </a:lnTo>
                  <a:close/>
                </a:path>
                <a:path w="10361930" h="6141720">
                  <a:moveTo>
                    <a:pt x="10361676" y="4308348"/>
                  </a:moveTo>
                  <a:lnTo>
                    <a:pt x="10351008" y="4308348"/>
                  </a:lnTo>
                  <a:lnTo>
                    <a:pt x="10351008" y="4319016"/>
                  </a:lnTo>
                  <a:lnTo>
                    <a:pt x="10361676" y="4319016"/>
                  </a:lnTo>
                  <a:lnTo>
                    <a:pt x="10361676" y="4308348"/>
                  </a:lnTo>
                  <a:close/>
                </a:path>
                <a:path w="10361930" h="6141720">
                  <a:moveTo>
                    <a:pt x="10361676" y="4329684"/>
                  </a:moveTo>
                  <a:lnTo>
                    <a:pt x="10351008" y="4329684"/>
                  </a:lnTo>
                  <a:lnTo>
                    <a:pt x="10351008" y="4340352"/>
                  </a:lnTo>
                  <a:lnTo>
                    <a:pt x="10361676" y="4340352"/>
                  </a:lnTo>
                  <a:lnTo>
                    <a:pt x="10361676" y="4329684"/>
                  </a:lnTo>
                  <a:close/>
                </a:path>
                <a:path w="10361930" h="6141720">
                  <a:moveTo>
                    <a:pt x="10361676" y="4349496"/>
                  </a:moveTo>
                  <a:lnTo>
                    <a:pt x="10351008" y="4349496"/>
                  </a:lnTo>
                  <a:lnTo>
                    <a:pt x="10351008" y="4360164"/>
                  </a:lnTo>
                  <a:lnTo>
                    <a:pt x="10361676" y="4360164"/>
                  </a:lnTo>
                  <a:lnTo>
                    <a:pt x="10361676" y="4349496"/>
                  </a:lnTo>
                  <a:close/>
                </a:path>
                <a:path w="10361930" h="6141720">
                  <a:moveTo>
                    <a:pt x="10361676" y="4370832"/>
                  </a:moveTo>
                  <a:lnTo>
                    <a:pt x="10351008" y="4370832"/>
                  </a:lnTo>
                  <a:lnTo>
                    <a:pt x="10351008" y="4381500"/>
                  </a:lnTo>
                  <a:lnTo>
                    <a:pt x="10361676" y="4381500"/>
                  </a:lnTo>
                  <a:lnTo>
                    <a:pt x="10361676" y="4370832"/>
                  </a:lnTo>
                  <a:close/>
                </a:path>
                <a:path w="10361930" h="6141720">
                  <a:moveTo>
                    <a:pt x="10361676" y="4390644"/>
                  </a:moveTo>
                  <a:lnTo>
                    <a:pt x="10351008" y="4390644"/>
                  </a:lnTo>
                  <a:lnTo>
                    <a:pt x="10351008" y="4401312"/>
                  </a:lnTo>
                  <a:lnTo>
                    <a:pt x="10361676" y="4401312"/>
                  </a:lnTo>
                  <a:lnTo>
                    <a:pt x="10361676" y="4390644"/>
                  </a:lnTo>
                  <a:close/>
                </a:path>
                <a:path w="10361930" h="6141720">
                  <a:moveTo>
                    <a:pt x="10361676" y="4411980"/>
                  </a:moveTo>
                  <a:lnTo>
                    <a:pt x="10351008" y="4411980"/>
                  </a:lnTo>
                  <a:lnTo>
                    <a:pt x="10351008" y="4422648"/>
                  </a:lnTo>
                  <a:lnTo>
                    <a:pt x="10361676" y="4422648"/>
                  </a:lnTo>
                  <a:lnTo>
                    <a:pt x="10361676" y="4411980"/>
                  </a:lnTo>
                  <a:close/>
                </a:path>
                <a:path w="10361930" h="6141720">
                  <a:moveTo>
                    <a:pt x="10361676" y="4431792"/>
                  </a:moveTo>
                  <a:lnTo>
                    <a:pt x="10351008" y="4431792"/>
                  </a:lnTo>
                  <a:lnTo>
                    <a:pt x="10351008" y="4442460"/>
                  </a:lnTo>
                  <a:lnTo>
                    <a:pt x="10361676" y="4442460"/>
                  </a:lnTo>
                  <a:lnTo>
                    <a:pt x="10361676" y="4431792"/>
                  </a:lnTo>
                  <a:close/>
                </a:path>
                <a:path w="10361930" h="6141720">
                  <a:moveTo>
                    <a:pt x="10361676" y="4453128"/>
                  </a:moveTo>
                  <a:lnTo>
                    <a:pt x="10351008" y="4453128"/>
                  </a:lnTo>
                  <a:lnTo>
                    <a:pt x="10351008" y="4462272"/>
                  </a:lnTo>
                  <a:lnTo>
                    <a:pt x="10361676" y="4462272"/>
                  </a:lnTo>
                  <a:lnTo>
                    <a:pt x="10361676" y="4453128"/>
                  </a:lnTo>
                  <a:close/>
                </a:path>
                <a:path w="10361930" h="6141720">
                  <a:moveTo>
                    <a:pt x="10361676" y="4472940"/>
                  </a:moveTo>
                  <a:lnTo>
                    <a:pt x="10351008" y="4472940"/>
                  </a:lnTo>
                  <a:lnTo>
                    <a:pt x="10351008" y="4483608"/>
                  </a:lnTo>
                  <a:lnTo>
                    <a:pt x="10361676" y="4483608"/>
                  </a:lnTo>
                  <a:lnTo>
                    <a:pt x="10361676" y="4472940"/>
                  </a:lnTo>
                  <a:close/>
                </a:path>
                <a:path w="10361930" h="6141720">
                  <a:moveTo>
                    <a:pt x="10361676" y="4494276"/>
                  </a:moveTo>
                  <a:lnTo>
                    <a:pt x="10351008" y="4494276"/>
                  </a:lnTo>
                  <a:lnTo>
                    <a:pt x="10351008" y="4503420"/>
                  </a:lnTo>
                  <a:lnTo>
                    <a:pt x="10361676" y="4503420"/>
                  </a:lnTo>
                  <a:lnTo>
                    <a:pt x="10361676" y="4494276"/>
                  </a:lnTo>
                  <a:close/>
                </a:path>
                <a:path w="10361930" h="6141720">
                  <a:moveTo>
                    <a:pt x="10361676" y="4514088"/>
                  </a:moveTo>
                  <a:lnTo>
                    <a:pt x="10351008" y="4514088"/>
                  </a:lnTo>
                  <a:lnTo>
                    <a:pt x="10351008" y="4524756"/>
                  </a:lnTo>
                  <a:lnTo>
                    <a:pt x="10361676" y="4524756"/>
                  </a:lnTo>
                  <a:lnTo>
                    <a:pt x="10361676" y="4514088"/>
                  </a:lnTo>
                  <a:close/>
                </a:path>
                <a:path w="10361930" h="6141720">
                  <a:moveTo>
                    <a:pt x="10361676" y="4535424"/>
                  </a:moveTo>
                  <a:lnTo>
                    <a:pt x="10351008" y="4535424"/>
                  </a:lnTo>
                  <a:lnTo>
                    <a:pt x="10351008" y="4544568"/>
                  </a:lnTo>
                  <a:lnTo>
                    <a:pt x="10361676" y="4544568"/>
                  </a:lnTo>
                  <a:lnTo>
                    <a:pt x="10361676" y="4535424"/>
                  </a:lnTo>
                  <a:close/>
                </a:path>
                <a:path w="10361930" h="6141720">
                  <a:moveTo>
                    <a:pt x="10361676" y="4555236"/>
                  </a:moveTo>
                  <a:lnTo>
                    <a:pt x="10351008" y="4555236"/>
                  </a:lnTo>
                  <a:lnTo>
                    <a:pt x="10351008" y="4565904"/>
                  </a:lnTo>
                  <a:lnTo>
                    <a:pt x="10361676" y="4565904"/>
                  </a:lnTo>
                  <a:lnTo>
                    <a:pt x="10361676" y="4555236"/>
                  </a:lnTo>
                  <a:close/>
                </a:path>
                <a:path w="10361930" h="6141720">
                  <a:moveTo>
                    <a:pt x="10361676" y="4576572"/>
                  </a:moveTo>
                  <a:lnTo>
                    <a:pt x="10351008" y="4576572"/>
                  </a:lnTo>
                  <a:lnTo>
                    <a:pt x="10351008" y="4585716"/>
                  </a:lnTo>
                  <a:lnTo>
                    <a:pt x="10361676" y="4585716"/>
                  </a:lnTo>
                  <a:lnTo>
                    <a:pt x="10361676" y="4576572"/>
                  </a:lnTo>
                  <a:close/>
                </a:path>
                <a:path w="10361930" h="6141720">
                  <a:moveTo>
                    <a:pt x="10361676" y="4596384"/>
                  </a:moveTo>
                  <a:lnTo>
                    <a:pt x="10351008" y="4596384"/>
                  </a:lnTo>
                  <a:lnTo>
                    <a:pt x="10351008" y="4607052"/>
                  </a:lnTo>
                  <a:lnTo>
                    <a:pt x="10361676" y="4607052"/>
                  </a:lnTo>
                  <a:lnTo>
                    <a:pt x="10361676" y="4596384"/>
                  </a:lnTo>
                  <a:close/>
                </a:path>
                <a:path w="10361930" h="6141720">
                  <a:moveTo>
                    <a:pt x="10361676" y="4617720"/>
                  </a:moveTo>
                  <a:lnTo>
                    <a:pt x="10351008" y="4617720"/>
                  </a:lnTo>
                  <a:lnTo>
                    <a:pt x="10351008" y="4626864"/>
                  </a:lnTo>
                  <a:lnTo>
                    <a:pt x="10361676" y="4626864"/>
                  </a:lnTo>
                  <a:lnTo>
                    <a:pt x="10361676" y="4617720"/>
                  </a:lnTo>
                  <a:close/>
                </a:path>
                <a:path w="10361930" h="6141720">
                  <a:moveTo>
                    <a:pt x="10361676" y="4637532"/>
                  </a:moveTo>
                  <a:lnTo>
                    <a:pt x="10351008" y="4637532"/>
                  </a:lnTo>
                  <a:lnTo>
                    <a:pt x="10351008" y="4648200"/>
                  </a:lnTo>
                  <a:lnTo>
                    <a:pt x="10361676" y="4648200"/>
                  </a:lnTo>
                  <a:lnTo>
                    <a:pt x="10361676" y="4637532"/>
                  </a:lnTo>
                  <a:close/>
                </a:path>
                <a:path w="10361930" h="6141720">
                  <a:moveTo>
                    <a:pt x="10361676" y="4658868"/>
                  </a:moveTo>
                  <a:lnTo>
                    <a:pt x="10351008" y="4658868"/>
                  </a:lnTo>
                  <a:lnTo>
                    <a:pt x="10351008" y="4668012"/>
                  </a:lnTo>
                  <a:lnTo>
                    <a:pt x="10361676" y="4668012"/>
                  </a:lnTo>
                  <a:lnTo>
                    <a:pt x="10361676" y="4658868"/>
                  </a:lnTo>
                  <a:close/>
                </a:path>
                <a:path w="10361930" h="6141720">
                  <a:moveTo>
                    <a:pt x="10361676" y="4678680"/>
                  </a:moveTo>
                  <a:lnTo>
                    <a:pt x="10351008" y="4678680"/>
                  </a:lnTo>
                  <a:lnTo>
                    <a:pt x="10351008" y="4689348"/>
                  </a:lnTo>
                  <a:lnTo>
                    <a:pt x="10361676" y="4689348"/>
                  </a:lnTo>
                  <a:lnTo>
                    <a:pt x="10361676" y="4678680"/>
                  </a:lnTo>
                  <a:close/>
                </a:path>
                <a:path w="10361930" h="6141720">
                  <a:moveTo>
                    <a:pt x="10361676" y="4700016"/>
                  </a:moveTo>
                  <a:lnTo>
                    <a:pt x="10351008" y="4700016"/>
                  </a:lnTo>
                  <a:lnTo>
                    <a:pt x="10351008" y="4709160"/>
                  </a:lnTo>
                  <a:lnTo>
                    <a:pt x="10361676" y="4709160"/>
                  </a:lnTo>
                  <a:lnTo>
                    <a:pt x="10361676" y="4700016"/>
                  </a:lnTo>
                  <a:close/>
                </a:path>
                <a:path w="10361930" h="6141720">
                  <a:moveTo>
                    <a:pt x="10361676" y="4719828"/>
                  </a:moveTo>
                  <a:lnTo>
                    <a:pt x="10351008" y="4719828"/>
                  </a:lnTo>
                  <a:lnTo>
                    <a:pt x="10351008" y="4730496"/>
                  </a:lnTo>
                  <a:lnTo>
                    <a:pt x="10361676" y="4730496"/>
                  </a:lnTo>
                  <a:lnTo>
                    <a:pt x="10361676" y="4719828"/>
                  </a:lnTo>
                  <a:close/>
                </a:path>
                <a:path w="10361930" h="6141720">
                  <a:moveTo>
                    <a:pt x="10361676" y="4741164"/>
                  </a:moveTo>
                  <a:lnTo>
                    <a:pt x="10351008" y="4741164"/>
                  </a:lnTo>
                  <a:lnTo>
                    <a:pt x="10351008" y="4750308"/>
                  </a:lnTo>
                  <a:lnTo>
                    <a:pt x="10361676" y="4750308"/>
                  </a:lnTo>
                  <a:lnTo>
                    <a:pt x="10361676" y="4741164"/>
                  </a:lnTo>
                  <a:close/>
                </a:path>
                <a:path w="10361930" h="6141720">
                  <a:moveTo>
                    <a:pt x="10361676" y="4760976"/>
                  </a:moveTo>
                  <a:lnTo>
                    <a:pt x="10351008" y="4760976"/>
                  </a:lnTo>
                  <a:lnTo>
                    <a:pt x="10351008" y="4771644"/>
                  </a:lnTo>
                  <a:lnTo>
                    <a:pt x="10361676" y="4771644"/>
                  </a:lnTo>
                  <a:lnTo>
                    <a:pt x="10361676" y="4760976"/>
                  </a:lnTo>
                  <a:close/>
                </a:path>
                <a:path w="10361930" h="6141720">
                  <a:moveTo>
                    <a:pt x="10361676" y="4782312"/>
                  </a:moveTo>
                  <a:lnTo>
                    <a:pt x="10351008" y="4782312"/>
                  </a:lnTo>
                  <a:lnTo>
                    <a:pt x="10351008" y="4791456"/>
                  </a:lnTo>
                  <a:lnTo>
                    <a:pt x="10361676" y="4791456"/>
                  </a:lnTo>
                  <a:lnTo>
                    <a:pt x="10361676" y="4782312"/>
                  </a:lnTo>
                  <a:close/>
                </a:path>
                <a:path w="10361930" h="6141720">
                  <a:moveTo>
                    <a:pt x="10361676" y="4802124"/>
                  </a:moveTo>
                  <a:lnTo>
                    <a:pt x="10351008" y="4802124"/>
                  </a:lnTo>
                  <a:lnTo>
                    <a:pt x="10351008" y="4812792"/>
                  </a:lnTo>
                  <a:lnTo>
                    <a:pt x="10361676" y="4812792"/>
                  </a:lnTo>
                  <a:lnTo>
                    <a:pt x="10361676" y="4802124"/>
                  </a:lnTo>
                  <a:close/>
                </a:path>
                <a:path w="10361930" h="6141720">
                  <a:moveTo>
                    <a:pt x="10361676" y="4823460"/>
                  </a:moveTo>
                  <a:lnTo>
                    <a:pt x="10351008" y="4823460"/>
                  </a:lnTo>
                  <a:lnTo>
                    <a:pt x="10351008" y="4832604"/>
                  </a:lnTo>
                  <a:lnTo>
                    <a:pt x="10361676" y="4832604"/>
                  </a:lnTo>
                  <a:lnTo>
                    <a:pt x="10361676" y="4823460"/>
                  </a:lnTo>
                  <a:close/>
                </a:path>
                <a:path w="10361930" h="6141720">
                  <a:moveTo>
                    <a:pt x="10361676" y="4843272"/>
                  </a:moveTo>
                  <a:lnTo>
                    <a:pt x="10351008" y="4843272"/>
                  </a:lnTo>
                  <a:lnTo>
                    <a:pt x="10351008" y="4853940"/>
                  </a:lnTo>
                  <a:lnTo>
                    <a:pt x="10361676" y="4853940"/>
                  </a:lnTo>
                  <a:lnTo>
                    <a:pt x="10361676" y="4843272"/>
                  </a:lnTo>
                  <a:close/>
                </a:path>
                <a:path w="10361930" h="6141720">
                  <a:moveTo>
                    <a:pt x="10361676" y="4864608"/>
                  </a:moveTo>
                  <a:lnTo>
                    <a:pt x="10351008" y="4864608"/>
                  </a:lnTo>
                  <a:lnTo>
                    <a:pt x="10351008" y="4873752"/>
                  </a:lnTo>
                  <a:lnTo>
                    <a:pt x="10361676" y="4873752"/>
                  </a:lnTo>
                  <a:lnTo>
                    <a:pt x="10361676" y="4864608"/>
                  </a:lnTo>
                  <a:close/>
                </a:path>
                <a:path w="10361930" h="6141720">
                  <a:moveTo>
                    <a:pt x="10361676" y="4884420"/>
                  </a:moveTo>
                  <a:lnTo>
                    <a:pt x="10351008" y="4884420"/>
                  </a:lnTo>
                  <a:lnTo>
                    <a:pt x="10351008" y="4895088"/>
                  </a:lnTo>
                  <a:lnTo>
                    <a:pt x="10361676" y="4895088"/>
                  </a:lnTo>
                  <a:lnTo>
                    <a:pt x="10361676" y="4884420"/>
                  </a:lnTo>
                  <a:close/>
                </a:path>
                <a:path w="10361930" h="6141720">
                  <a:moveTo>
                    <a:pt x="10361676" y="4905756"/>
                  </a:moveTo>
                  <a:lnTo>
                    <a:pt x="10351008" y="4905756"/>
                  </a:lnTo>
                  <a:lnTo>
                    <a:pt x="10351008" y="4914900"/>
                  </a:lnTo>
                  <a:lnTo>
                    <a:pt x="10361676" y="4914900"/>
                  </a:lnTo>
                  <a:lnTo>
                    <a:pt x="10361676" y="4905756"/>
                  </a:lnTo>
                  <a:close/>
                </a:path>
                <a:path w="10361930" h="6141720">
                  <a:moveTo>
                    <a:pt x="10361676" y="4925568"/>
                  </a:moveTo>
                  <a:lnTo>
                    <a:pt x="10351008" y="4925568"/>
                  </a:lnTo>
                  <a:lnTo>
                    <a:pt x="10351008" y="4936236"/>
                  </a:lnTo>
                  <a:lnTo>
                    <a:pt x="10361676" y="4936236"/>
                  </a:lnTo>
                  <a:lnTo>
                    <a:pt x="10361676" y="4925568"/>
                  </a:lnTo>
                  <a:close/>
                </a:path>
                <a:path w="10361930" h="6141720">
                  <a:moveTo>
                    <a:pt x="10361676" y="4946904"/>
                  </a:moveTo>
                  <a:lnTo>
                    <a:pt x="10351008" y="4946904"/>
                  </a:lnTo>
                  <a:lnTo>
                    <a:pt x="10351008" y="4956048"/>
                  </a:lnTo>
                  <a:lnTo>
                    <a:pt x="10361676" y="4956048"/>
                  </a:lnTo>
                  <a:lnTo>
                    <a:pt x="10361676" y="4946904"/>
                  </a:lnTo>
                  <a:close/>
                </a:path>
                <a:path w="10361930" h="6141720">
                  <a:moveTo>
                    <a:pt x="10361676" y="4966716"/>
                  </a:moveTo>
                  <a:lnTo>
                    <a:pt x="10351008" y="4966716"/>
                  </a:lnTo>
                  <a:lnTo>
                    <a:pt x="10351008" y="4977384"/>
                  </a:lnTo>
                  <a:lnTo>
                    <a:pt x="10361676" y="4977384"/>
                  </a:lnTo>
                  <a:lnTo>
                    <a:pt x="10361676" y="4966716"/>
                  </a:lnTo>
                  <a:close/>
                </a:path>
                <a:path w="10361930" h="6141720">
                  <a:moveTo>
                    <a:pt x="10361676" y="4988052"/>
                  </a:moveTo>
                  <a:lnTo>
                    <a:pt x="10351008" y="4988052"/>
                  </a:lnTo>
                  <a:lnTo>
                    <a:pt x="10351008" y="4997196"/>
                  </a:lnTo>
                  <a:lnTo>
                    <a:pt x="10361676" y="4997196"/>
                  </a:lnTo>
                  <a:lnTo>
                    <a:pt x="10361676" y="4988052"/>
                  </a:lnTo>
                  <a:close/>
                </a:path>
                <a:path w="10361930" h="6141720">
                  <a:moveTo>
                    <a:pt x="10361676" y="5007864"/>
                  </a:moveTo>
                  <a:lnTo>
                    <a:pt x="10351008" y="5007864"/>
                  </a:lnTo>
                  <a:lnTo>
                    <a:pt x="10351008" y="5018532"/>
                  </a:lnTo>
                  <a:lnTo>
                    <a:pt x="10361676" y="5018532"/>
                  </a:lnTo>
                  <a:lnTo>
                    <a:pt x="10361676" y="5007864"/>
                  </a:lnTo>
                  <a:close/>
                </a:path>
                <a:path w="10361930" h="6141720">
                  <a:moveTo>
                    <a:pt x="10361676" y="5029200"/>
                  </a:moveTo>
                  <a:lnTo>
                    <a:pt x="10351008" y="5029200"/>
                  </a:lnTo>
                  <a:lnTo>
                    <a:pt x="10351008" y="5038344"/>
                  </a:lnTo>
                  <a:lnTo>
                    <a:pt x="10361676" y="5038344"/>
                  </a:lnTo>
                  <a:lnTo>
                    <a:pt x="10361676" y="5029200"/>
                  </a:lnTo>
                  <a:close/>
                </a:path>
                <a:path w="10361930" h="6141720">
                  <a:moveTo>
                    <a:pt x="10361676" y="5049012"/>
                  </a:moveTo>
                  <a:lnTo>
                    <a:pt x="10351008" y="5049012"/>
                  </a:lnTo>
                  <a:lnTo>
                    <a:pt x="10351008" y="5059680"/>
                  </a:lnTo>
                  <a:lnTo>
                    <a:pt x="10361676" y="5059680"/>
                  </a:lnTo>
                  <a:lnTo>
                    <a:pt x="10361676" y="5049012"/>
                  </a:lnTo>
                  <a:close/>
                </a:path>
                <a:path w="10361930" h="6141720">
                  <a:moveTo>
                    <a:pt x="10361676" y="5070348"/>
                  </a:moveTo>
                  <a:lnTo>
                    <a:pt x="10351008" y="5070348"/>
                  </a:lnTo>
                  <a:lnTo>
                    <a:pt x="10351008" y="5079492"/>
                  </a:lnTo>
                  <a:lnTo>
                    <a:pt x="10361676" y="5079492"/>
                  </a:lnTo>
                  <a:lnTo>
                    <a:pt x="10361676" y="5070348"/>
                  </a:lnTo>
                  <a:close/>
                </a:path>
                <a:path w="10361930" h="6141720">
                  <a:moveTo>
                    <a:pt x="10361676" y="5090160"/>
                  </a:moveTo>
                  <a:lnTo>
                    <a:pt x="10351008" y="5090160"/>
                  </a:lnTo>
                  <a:lnTo>
                    <a:pt x="10351008" y="5100828"/>
                  </a:lnTo>
                  <a:lnTo>
                    <a:pt x="10361676" y="5100828"/>
                  </a:lnTo>
                  <a:lnTo>
                    <a:pt x="10361676" y="5090160"/>
                  </a:lnTo>
                  <a:close/>
                </a:path>
                <a:path w="10361930" h="6141720">
                  <a:moveTo>
                    <a:pt x="10361676" y="5109972"/>
                  </a:moveTo>
                  <a:lnTo>
                    <a:pt x="10351008" y="5109972"/>
                  </a:lnTo>
                  <a:lnTo>
                    <a:pt x="10351008" y="5120640"/>
                  </a:lnTo>
                  <a:lnTo>
                    <a:pt x="10361676" y="5120640"/>
                  </a:lnTo>
                  <a:lnTo>
                    <a:pt x="10361676" y="5109972"/>
                  </a:lnTo>
                  <a:close/>
                </a:path>
                <a:path w="10361930" h="6141720">
                  <a:moveTo>
                    <a:pt x="10361676" y="5131308"/>
                  </a:moveTo>
                  <a:lnTo>
                    <a:pt x="10351008" y="5131308"/>
                  </a:lnTo>
                  <a:lnTo>
                    <a:pt x="10351008" y="5141976"/>
                  </a:lnTo>
                  <a:lnTo>
                    <a:pt x="10361676" y="5141976"/>
                  </a:lnTo>
                  <a:lnTo>
                    <a:pt x="10361676" y="5131308"/>
                  </a:lnTo>
                  <a:close/>
                </a:path>
                <a:path w="10361930" h="6141720">
                  <a:moveTo>
                    <a:pt x="10361676" y="5151120"/>
                  </a:moveTo>
                  <a:lnTo>
                    <a:pt x="10351008" y="5151120"/>
                  </a:lnTo>
                  <a:lnTo>
                    <a:pt x="10351008" y="5161788"/>
                  </a:lnTo>
                  <a:lnTo>
                    <a:pt x="10361676" y="5161788"/>
                  </a:lnTo>
                  <a:lnTo>
                    <a:pt x="10361676" y="5151120"/>
                  </a:lnTo>
                  <a:close/>
                </a:path>
                <a:path w="10361930" h="6141720">
                  <a:moveTo>
                    <a:pt x="10361676" y="5172456"/>
                  </a:moveTo>
                  <a:lnTo>
                    <a:pt x="10351008" y="5172456"/>
                  </a:lnTo>
                  <a:lnTo>
                    <a:pt x="10351008" y="5183124"/>
                  </a:lnTo>
                  <a:lnTo>
                    <a:pt x="10361676" y="5183124"/>
                  </a:lnTo>
                  <a:lnTo>
                    <a:pt x="10361676" y="5172456"/>
                  </a:lnTo>
                  <a:close/>
                </a:path>
                <a:path w="10361930" h="6141720">
                  <a:moveTo>
                    <a:pt x="10361676" y="5192268"/>
                  </a:moveTo>
                  <a:lnTo>
                    <a:pt x="10351008" y="5192268"/>
                  </a:lnTo>
                  <a:lnTo>
                    <a:pt x="10351008" y="5202936"/>
                  </a:lnTo>
                  <a:lnTo>
                    <a:pt x="10361676" y="5202936"/>
                  </a:lnTo>
                  <a:lnTo>
                    <a:pt x="10361676" y="5192268"/>
                  </a:lnTo>
                  <a:close/>
                </a:path>
                <a:path w="10361930" h="6141720">
                  <a:moveTo>
                    <a:pt x="10361676" y="5213604"/>
                  </a:moveTo>
                  <a:lnTo>
                    <a:pt x="10351008" y="5213604"/>
                  </a:lnTo>
                  <a:lnTo>
                    <a:pt x="10351008" y="5224272"/>
                  </a:lnTo>
                  <a:lnTo>
                    <a:pt x="10361676" y="5224272"/>
                  </a:lnTo>
                  <a:lnTo>
                    <a:pt x="10361676" y="5213604"/>
                  </a:lnTo>
                  <a:close/>
                </a:path>
                <a:path w="10361930" h="6141720">
                  <a:moveTo>
                    <a:pt x="10361676" y="5233416"/>
                  </a:moveTo>
                  <a:lnTo>
                    <a:pt x="10351008" y="5233416"/>
                  </a:lnTo>
                  <a:lnTo>
                    <a:pt x="10351008" y="5244084"/>
                  </a:lnTo>
                  <a:lnTo>
                    <a:pt x="10361676" y="5244084"/>
                  </a:lnTo>
                  <a:lnTo>
                    <a:pt x="10361676" y="5233416"/>
                  </a:lnTo>
                  <a:close/>
                </a:path>
                <a:path w="10361930" h="6141720">
                  <a:moveTo>
                    <a:pt x="10361676" y="5254752"/>
                  </a:moveTo>
                  <a:lnTo>
                    <a:pt x="10351008" y="5254752"/>
                  </a:lnTo>
                  <a:lnTo>
                    <a:pt x="10351008" y="5265420"/>
                  </a:lnTo>
                  <a:lnTo>
                    <a:pt x="10361676" y="5265420"/>
                  </a:lnTo>
                  <a:lnTo>
                    <a:pt x="10361676" y="5254752"/>
                  </a:lnTo>
                  <a:close/>
                </a:path>
                <a:path w="10361930" h="6141720">
                  <a:moveTo>
                    <a:pt x="10361676" y="5274564"/>
                  </a:moveTo>
                  <a:lnTo>
                    <a:pt x="10351008" y="5274564"/>
                  </a:lnTo>
                  <a:lnTo>
                    <a:pt x="10351008" y="5285232"/>
                  </a:lnTo>
                  <a:lnTo>
                    <a:pt x="10361676" y="5285232"/>
                  </a:lnTo>
                  <a:lnTo>
                    <a:pt x="10361676" y="5274564"/>
                  </a:lnTo>
                  <a:close/>
                </a:path>
                <a:path w="10361930" h="6141720">
                  <a:moveTo>
                    <a:pt x="10361676" y="5295900"/>
                  </a:moveTo>
                  <a:lnTo>
                    <a:pt x="10351008" y="5295900"/>
                  </a:lnTo>
                  <a:lnTo>
                    <a:pt x="10351008" y="5306568"/>
                  </a:lnTo>
                  <a:lnTo>
                    <a:pt x="10361676" y="5306568"/>
                  </a:lnTo>
                  <a:lnTo>
                    <a:pt x="10361676" y="5295900"/>
                  </a:lnTo>
                  <a:close/>
                </a:path>
                <a:path w="10361930" h="6141720">
                  <a:moveTo>
                    <a:pt x="10361676" y="5315712"/>
                  </a:moveTo>
                  <a:lnTo>
                    <a:pt x="10351008" y="5315712"/>
                  </a:lnTo>
                  <a:lnTo>
                    <a:pt x="10351008" y="5326380"/>
                  </a:lnTo>
                  <a:lnTo>
                    <a:pt x="10361676" y="5326380"/>
                  </a:lnTo>
                  <a:lnTo>
                    <a:pt x="10361676" y="5315712"/>
                  </a:lnTo>
                  <a:close/>
                </a:path>
                <a:path w="10361930" h="6141720">
                  <a:moveTo>
                    <a:pt x="10361676" y="5337048"/>
                  </a:moveTo>
                  <a:lnTo>
                    <a:pt x="10351008" y="5337048"/>
                  </a:lnTo>
                  <a:lnTo>
                    <a:pt x="10351008" y="5347716"/>
                  </a:lnTo>
                  <a:lnTo>
                    <a:pt x="10361676" y="5347716"/>
                  </a:lnTo>
                  <a:lnTo>
                    <a:pt x="10361676" y="5337048"/>
                  </a:lnTo>
                  <a:close/>
                </a:path>
                <a:path w="10361930" h="6141720">
                  <a:moveTo>
                    <a:pt x="10361676" y="5356860"/>
                  </a:moveTo>
                  <a:lnTo>
                    <a:pt x="10351008" y="5356860"/>
                  </a:lnTo>
                  <a:lnTo>
                    <a:pt x="10351008" y="5367528"/>
                  </a:lnTo>
                  <a:lnTo>
                    <a:pt x="10361676" y="5367528"/>
                  </a:lnTo>
                  <a:lnTo>
                    <a:pt x="10361676" y="5356860"/>
                  </a:lnTo>
                  <a:close/>
                </a:path>
                <a:path w="10361930" h="6141720">
                  <a:moveTo>
                    <a:pt x="10361676" y="5378196"/>
                  </a:moveTo>
                  <a:lnTo>
                    <a:pt x="10351008" y="5378196"/>
                  </a:lnTo>
                  <a:lnTo>
                    <a:pt x="10351008" y="5388864"/>
                  </a:lnTo>
                  <a:lnTo>
                    <a:pt x="10361676" y="5388864"/>
                  </a:lnTo>
                  <a:lnTo>
                    <a:pt x="10361676" y="5378196"/>
                  </a:lnTo>
                  <a:close/>
                </a:path>
                <a:path w="10361930" h="6141720">
                  <a:moveTo>
                    <a:pt x="10361676" y="5398008"/>
                  </a:moveTo>
                  <a:lnTo>
                    <a:pt x="10351008" y="5398008"/>
                  </a:lnTo>
                  <a:lnTo>
                    <a:pt x="10351008" y="5408676"/>
                  </a:lnTo>
                  <a:lnTo>
                    <a:pt x="10361676" y="5408676"/>
                  </a:lnTo>
                  <a:lnTo>
                    <a:pt x="10361676" y="5398008"/>
                  </a:lnTo>
                  <a:close/>
                </a:path>
                <a:path w="10361930" h="6141720">
                  <a:moveTo>
                    <a:pt x="10361676" y="5419344"/>
                  </a:moveTo>
                  <a:lnTo>
                    <a:pt x="10351008" y="5419344"/>
                  </a:lnTo>
                  <a:lnTo>
                    <a:pt x="10351008" y="5430012"/>
                  </a:lnTo>
                  <a:lnTo>
                    <a:pt x="10361676" y="5430012"/>
                  </a:lnTo>
                  <a:lnTo>
                    <a:pt x="10361676" y="5419344"/>
                  </a:lnTo>
                  <a:close/>
                </a:path>
                <a:path w="10361930" h="6141720">
                  <a:moveTo>
                    <a:pt x="10361676" y="5439156"/>
                  </a:moveTo>
                  <a:lnTo>
                    <a:pt x="10351008" y="5439156"/>
                  </a:lnTo>
                  <a:lnTo>
                    <a:pt x="10351008" y="5449824"/>
                  </a:lnTo>
                  <a:lnTo>
                    <a:pt x="10361676" y="5449824"/>
                  </a:lnTo>
                  <a:lnTo>
                    <a:pt x="10361676" y="5439156"/>
                  </a:lnTo>
                  <a:close/>
                </a:path>
                <a:path w="10361930" h="6141720">
                  <a:moveTo>
                    <a:pt x="10361676" y="5460492"/>
                  </a:moveTo>
                  <a:lnTo>
                    <a:pt x="10351008" y="5460492"/>
                  </a:lnTo>
                  <a:lnTo>
                    <a:pt x="10351008" y="5471160"/>
                  </a:lnTo>
                  <a:lnTo>
                    <a:pt x="10361676" y="5471160"/>
                  </a:lnTo>
                  <a:lnTo>
                    <a:pt x="10361676" y="5460492"/>
                  </a:lnTo>
                  <a:close/>
                </a:path>
                <a:path w="10361930" h="6141720">
                  <a:moveTo>
                    <a:pt x="10361676" y="5480304"/>
                  </a:moveTo>
                  <a:lnTo>
                    <a:pt x="10351008" y="5480304"/>
                  </a:lnTo>
                  <a:lnTo>
                    <a:pt x="10351008" y="5490972"/>
                  </a:lnTo>
                  <a:lnTo>
                    <a:pt x="10361676" y="5490972"/>
                  </a:lnTo>
                  <a:lnTo>
                    <a:pt x="10361676" y="5480304"/>
                  </a:lnTo>
                  <a:close/>
                </a:path>
                <a:path w="10361930" h="6141720">
                  <a:moveTo>
                    <a:pt x="10361676" y="5501640"/>
                  </a:moveTo>
                  <a:lnTo>
                    <a:pt x="10351008" y="5501640"/>
                  </a:lnTo>
                  <a:lnTo>
                    <a:pt x="10351008" y="5512308"/>
                  </a:lnTo>
                  <a:lnTo>
                    <a:pt x="10361676" y="5512308"/>
                  </a:lnTo>
                  <a:lnTo>
                    <a:pt x="10361676" y="5501640"/>
                  </a:lnTo>
                  <a:close/>
                </a:path>
                <a:path w="10361930" h="6141720">
                  <a:moveTo>
                    <a:pt x="10361676" y="5521452"/>
                  </a:moveTo>
                  <a:lnTo>
                    <a:pt x="10351008" y="5521452"/>
                  </a:lnTo>
                  <a:lnTo>
                    <a:pt x="10351008" y="5532120"/>
                  </a:lnTo>
                  <a:lnTo>
                    <a:pt x="10361676" y="5532120"/>
                  </a:lnTo>
                  <a:lnTo>
                    <a:pt x="10361676" y="5521452"/>
                  </a:lnTo>
                  <a:close/>
                </a:path>
                <a:path w="10361930" h="6141720">
                  <a:moveTo>
                    <a:pt x="10361676" y="5542788"/>
                  </a:moveTo>
                  <a:lnTo>
                    <a:pt x="10351008" y="5542788"/>
                  </a:lnTo>
                  <a:lnTo>
                    <a:pt x="10351008" y="5553456"/>
                  </a:lnTo>
                  <a:lnTo>
                    <a:pt x="10361676" y="5553456"/>
                  </a:lnTo>
                  <a:lnTo>
                    <a:pt x="10361676" y="5542788"/>
                  </a:lnTo>
                  <a:close/>
                </a:path>
                <a:path w="10361930" h="6141720">
                  <a:moveTo>
                    <a:pt x="10361676" y="5562605"/>
                  </a:moveTo>
                  <a:lnTo>
                    <a:pt x="10351008" y="5562605"/>
                  </a:lnTo>
                  <a:lnTo>
                    <a:pt x="10351008" y="5573273"/>
                  </a:lnTo>
                  <a:lnTo>
                    <a:pt x="10361676" y="5573273"/>
                  </a:lnTo>
                  <a:lnTo>
                    <a:pt x="10361676" y="5562605"/>
                  </a:lnTo>
                  <a:close/>
                </a:path>
                <a:path w="10361930" h="6141720">
                  <a:moveTo>
                    <a:pt x="10361676" y="5583941"/>
                  </a:moveTo>
                  <a:lnTo>
                    <a:pt x="10351008" y="5583941"/>
                  </a:lnTo>
                  <a:lnTo>
                    <a:pt x="10351008" y="5594609"/>
                  </a:lnTo>
                  <a:lnTo>
                    <a:pt x="10361676" y="5594609"/>
                  </a:lnTo>
                  <a:lnTo>
                    <a:pt x="10361676" y="5583941"/>
                  </a:lnTo>
                  <a:close/>
                </a:path>
                <a:path w="10361930" h="6141720">
                  <a:moveTo>
                    <a:pt x="10361676" y="5603753"/>
                  </a:moveTo>
                  <a:lnTo>
                    <a:pt x="10351008" y="5603753"/>
                  </a:lnTo>
                  <a:lnTo>
                    <a:pt x="10351008" y="5614421"/>
                  </a:lnTo>
                  <a:lnTo>
                    <a:pt x="10361676" y="5614421"/>
                  </a:lnTo>
                  <a:lnTo>
                    <a:pt x="10361676" y="5603753"/>
                  </a:lnTo>
                  <a:close/>
                </a:path>
                <a:path w="10361930" h="6141720">
                  <a:moveTo>
                    <a:pt x="10361676" y="5625089"/>
                  </a:moveTo>
                  <a:lnTo>
                    <a:pt x="10351008" y="5625089"/>
                  </a:lnTo>
                  <a:lnTo>
                    <a:pt x="10351008" y="5635757"/>
                  </a:lnTo>
                  <a:lnTo>
                    <a:pt x="10361676" y="5635757"/>
                  </a:lnTo>
                  <a:lnTo>
                    <a:pt x="10361676" y="5625089"/>
                  </a:lnTo>
                  <a:close/>
                </a:path>
                <a:path w="10361930" h="6141720">
                  <a:moveTo>
                    <a:pt x="10361676" y="5644901"/>
                  </a:moveTo>
                  <a:lnTo>
                    <a:pt x="10351008" y="5644901"/>
                  </a:lnTo>
                  <a:lnTo>
                    <a:pt x="10351008" y="5655569"/>
                  </a:lnTo>
                  <a:lnTo>
                    <a:pt x="10361676" y="5655569"/>
                  </a:lnTo>
                  <a:lnTo>
                    <a:pt x="10361676" y="5644901"/>
                  </a:lnTo>
                  <a:close/>
                </a:path>
                <a:path w="10361930" h="6141720">
                  <a:moveTo>
                    <a:pt x="10361676" y="5666237"/>
                  </a:moveTo>
                  <a:lnTo>
                    <a:pt x="10351008" y="5666237"/>
                  </a:lnTo>
                  <a:lnTo>
                    <a:pt x="10351008" y="5676905"/>
                  </a:lnTo>
                  <a:lnTo>
                    <a:pt x="10361676" y="5676905"/>
                  </a:lnTo>
                  <a:lnTo>
                    <a:pt x="10361676" y="5666237"/>
                  </a:lnTo>
                  <a:close/>
                </a:path>
                <a:path w="10361930" h="6141720">
                  <a:moveTo>
                    <a:pt x="10361676" y="5686049"/>
                  </a:moveTo>
                  <a:lnTo>
                    <a:pt x="10351008" y="5686049"/>
                  </a:lnTo>
                  <a:lnTo>
                    <a:pt x="10351008" y="5696717"/>
                  </a:lnTo>
                  <a:lnTo>
                    <a:pt x="10361676" y="5696717"/>
                  </a:lnTo>
                  <a:lnTo>
                    <a:pt x="10361676" y="5686049"/>
                  </a:lnTo>
                  <a:close/>
                </a:path>
                <a:path w="10361930" h="6141720">
                  <a:moveTo>
                    <a:pt x="10361676" y="5707385"/>
                  </a:moveTo>
                  <a:lnTo>
                    <a:pt x="10351008" y="5707385"/>
                  </a:lnTo>
                  <a:lnTo>
                    <a:pt x="10351008" y="5716529"/>
                  </a:lnTo>
                  <a:lnTo>
                    <a:pt x="10361676" y="5716529"/>
                  </a:lnTo>
                  <a:lnTo>
                    <a:pt x="10361676" y="5707385"/>
                  </a:lnTo>
                  <a:close/>
                </a:path>
                <a:path w="10361930" h="6141720">
                  <a:moveTo>
                    <a:pt x="10361676" y="5727197"/>
                  </a:moveTo>
                  <a:lnTo>
                    <a:pt x="10351008" y="5727197"/>
                  </a:lnTo>
                  <a:lnTo>
                    <a:pt x="10351008" y="5737865"/>
                  </a:lnTo>
                  <a:lnTo>
                    <a:pt x="10361676" y="5737865"/>
                  </a:lnTo>
                  <a:lnTo>
                    <a:pt x="10361676" y="5727197"/>
                  </a:lnTo>
                  <a:close/>
                </a:path>
                <a:path w="10361930" h="6141720">
                  <a:moveTo>
                    <a:pt x="10361676" y="5748533"/>
                  </a:moveTo>
                  <a:lnTo>
                    <a:pt x="10351008" y="5748533"/>
                  </a:lnTo>
                  <a:lnTo>
                    <a:pt x="10351008" y="5757677"/>
                  </a:lnTo>
                  <a:lnTo>
                    <a:pt x="10361676" y="5757677"/>
                  </a:lnTo>
                  <a:lnTo>
                    <a:pt x="10361676" y="5748533"/>
                  </a:lnTo>
                  <a:close/>
                </a:path>
                <a:path w="10361930" h="6141720">
                  <a:moveTo>
                    <a:pt x="10361676" y="5768345"/>
                  </a:moveTo>
                  <a:lnTo>
                    <a:pt x="10351008" y="5768345"/>
                  </a:lnTo>
                  <a:lnTo>
                    <a:pt x="10351008" y="5779013"/>
                  </a:lnTo>
                  <a:lnTo>
                    <a:pt x="10361676" y="5779013"/>
                  </a:lnTo>
                  <a:lnTo>
                    <a:pt x="10361676" y="5768345"/>
                  </a:lnTo>
                  <a:close/>
                </a:path>
                <a:path w="10361930" h="6141720">
                  <a:moveTo>
                    <a:pt x="10361676" y="5789681"/>
                  </a:moveTo>
                  <a:lnTo>
                    <a:pt x="10351008" y="5789681"/>
                  </a:lnTo>
                  <a:lnTo>
                    <a:pt x="10351008" y="5798825"/>
                  </a:lnTo>
                  <a:lnTo>
                    <a:pt x="10361676" y="5798825"/>
                  </a:lnTo>
                  <a:lnTo>
                    <a:pt x="10361676" y="5789681"/>
                  </a:lnTo>
                  <a:close/>
                </a:path>
                <a:path w="10361930" h="6141720">
                  <a:moveTo>
                    <a:pt x="10361676" y="5809493"/>
                  </a:moveTo>
                  <a:lnTo>
                    <a:pt x="10351008" y="5809493"/>
                  </a:lnTo>
                  <a:lnTo>
                    <a:pt x="10351008" y="5820161"/>
                  </a:lnTo>
                  <a:lnTo>
                    <a:pt x="10361676" y="5820161"/>
                  </a:lnTo>
                  <a:lnTo>
                    <a:pt x="10361676" y="5809493"/>
                  </a:lnTo>
                  <a:close/>
                </a:path>
                <a:path w="10361930" h="6141720">
                  <a:moveTo>
                    <a:pt x="10361676" y="5830829"/>
                  </a:moveTo>
                  <a:lnTo>
                    <a:pt x="10351008" y="5830829"/>
                  </a:lnTo>
                  <a:lnTo>
                    <a:pt x="10351008" y="5839973"/>
                  </a:lnTo>
                  <a:lnTo>
                    <a:pt x="10361676" y="5839973"/>
                  </a:lnTo>
                  <a:lnTo>
                    <a:pt x="10361676" y="5830829"/>
                  </a:lnTo>
                  <a:close/>
                </a:path>
                <a:path w="10361930" h="6141720">
                  <a:moveTo>
                    <a:pt x="10361676" y="5850641"/>
                  </a:moveTo>
                  <a:lnTo>
                    <a:pt x="10351008" y="5850641"/>
                  </a:lnTo>
                  <a:lnTo>
                    <a:pt x="10351008" y="5861309"/>
                  </a:lnTo>
                  <a:lnTo>
                    <a:pt x="10361676" y="5861309"/>
                  </a:lnTo>
                  <a:lnTo>
                    <a:pt x="10361676" y="5850641"/>
                  </a:lnTo>
                  <a:close/>
                </a:path>
                <a:path w="10361930" h="6141720">
                  <a:moveTo>
                    <a:pt x="10361676" y="5871977"/>
                  </a:moveTo>
                  <a:lnTo>
                    <a:pt x="10351008" y="5871977"/>
                  </a:lnTo>
                  <a:lnTo>
                    <a:pt x="10351008" y="5881121"/>
                  </a:lnTo>
                  <a:lnTo>
                    <a:pt x="10361676" y="5881121"/>
                  </a:lnTo>
                  <a:lnTo>
                    <a:pt x="10361676" y="5871977"/>
                  </a:lnTo>
                  <a:close/>
                </a:path>
                <a:path w="10361930" h="6141720">
                  <a:moveTo>
                    <a:pt x="10361676" y="5891789"/>
                  </a:moveTo>
                  <a:lnTo>
                    <a:pt x="10351008" y="5891789"/>
                  </a:lnTo>
                  <a:lnTo>
                    <a:pt x="10351008" y="5902457"/>
                  </a:lnTo>
                  <a:lnTo>
                    <a:pt x="10361676" y="5902457"/>
                  </a:lnTo>
                  <a:lnTo>
                    <a:pt x="10361676" y="5891789"/>
                  </a:lnTo>
                  <a:close/>
                </a:path>
                <a:path w="10361930" h="6141720">
                  <a:moveTo>
                    <a:pt x="10361676" y="5913125"/>
                  </a:moveTo>
                  <a:lnTo>
                    <a:pt x="10351008" y="5913125"/>
                  </a:lnTo>
                  <a:lnTo>
                    <a:pt x="10351008" y="5922269"/>
                  </a:lnTo>
                  <a:lnTo>
                    <a:pt x="10361676" y="5922269"/>
                  </a:lnTo>
                  <a:lnTo>
                    <a:pt x="10361676" y="5913125"/>
                  </a:lnTo>
                  <a:close/>
                </a:path>
                <a:path w="10361930" h="6141720">
                  <a:moveTo>
                    <a:pt x="10361676" y="5932937"/>
                  </a:moveTo>
                  <a:lnTo>
                    <a:pt x="10351008" y="5932937"/>
                  </a:lnTo>
                  <a:lnTo>
                    <a:pt x="10351008" y="5943605"/>
                  </a:lnTo>
                  <a:lnTo>
                    <a:pt x="10361676" y="5943605"/>
                  </a:lnTo>
                  <a:lnTo>
                    <a:pt x="10361676" y="5932937"/>
                  </a:lnTo>
                  <a:close/>
                </a:path>
                <a:path w="10361930" h="6141720">
                  <a:moveTo>
                    <a:pt x="10361676" y="5954273"/>
                  </a:moveTo>
                  <a:lnTo>
                    <a:pt x="10351008" y="5954273"/>
                  </a:lnTo>
                  <a:lnTo>
                    <a:pt x="10351008" y="5963417"/>
                  </a:lnTo>
                  <a:lnTo>
                    <a:pt x="10361676" y="5963417"/>
                  </a:lnTo>
                  <a:lnTo>
                    <a:pt x="10361676" y="5954273"/>
                  </a:lnTo>
                  <a:close/>
                </a:path>
                <a:path w="10361930" h="6141720">
                  <a:moveTo>
                    <a:pt x="10361676" y="5974085"/>
                  </a:moveTo>
                  <a:lnTo>
                    <a:pt x="10351008" y="5974085"/>
                  </a:lnTo>
                  <a:lnTo>
                    <a:pt x="10351008" y="5984753"/>
                  </a:lnTo>
                  <a:lnTo>
                    <a:pt x="10361676" y="5984753"/>
                  </a:lnTo>
                  <a:lnTo>
                    <a:pt x="10361676" y="5974085"/>
                  </a:lnTo>
                  <a:close/>
                </a:path>
                <a:path w="10361930" h="6141720">
                  <a:moveTo>
                    <a:pt x="10361676" y="5995421"/>
                  </a:moveTo>
                  <a:lnTo>
                    <a:pt x="10351008" y="5995421"/>
                  </a:lnTo>
                  <a:lnTo>
                    <a:pt x="10351008" y="6004565"/>
                  </a:lnTo>
                  <a:lnTo>
                    <a:pt x="10361676" y="6004565"/>
                  </a:lnTo>
                  <a:lnTo>
                    <a:pt x="10361676" y="5995421"/>
                  </a:lnTo>
                  <a:close/>
                </a:path>
                <a:path w="10361930" h="6141720">
                  <a:moveTo>
                    <a:pt x="10361676" y="6015233"/>
                  </a:moveTo>
                  <a:lnTo>
                    <a:pt x="10351008" y="6015233"/>
                  </a:lnTo>
                  <a:lnTo>
                    <a:pt x="10351008" y="6025901"/>
                  </a:lnTo>
                  <a:lnTo>
                    <a:pt x="10361676" y="6025901"/>
                  </a:lnTo>
                  <a:lnTo>
                    <a:pt x="10361676" y="6015233"/>
                  </a:lnTo>
                  <a:close/>
                </a:path>
                <a:path w="10361930" h="6141720">
                  <a:moveTo>
                    <a:pt x="10361676" y="6036569"/>
                  </a:moveTo>
                  <a:lnTo>
                    <a:pt x="10351008" y="6036569"/>
                  </a:lnTo>
                  <a:lnTo>
                    <a:pt x="10351008" y="6045713"/>
                  </a:lnTo>
                  <a:lnTo>
                    <a:pt x="10361676" y="6045713"/>
                  </a:lnTo>
                  <a:lnTo>
                    <a:pt x="10361676" y="6036569"/>
                  </a:lnTo>
                  <a:close/>
                </a:path>
                <a:path w="10361930" h="6141720">
                  <a:moveTo>
                    <a:pt x="10361676" y="6056381"/>
                  </a:moveTo>
                  <a:lnTo>
                    <a:pt x="10351008" y="6056381"/>
                  </a:lnTo>
                  <a:lnTo>
                    <a:pt x="10351008" y="6067049"/>
                  </a:lnTo>
                  <a:lnTo>
                    <a:pt x="10361676" y="6067049"/>
                  </a:lnTo>
                  <a:lnTo>
                    <a:pt x="10361676" y="6056381"/>
                  </a:lnTo>
                  <a:close/>
                </a:path>
                <a:path w="10361930" h="6141720">
                  <a:moveTo>
                    <a:pt x="10361676" y="6077717"/>
                  </a:moveTo>
                  <a:lnTo>
                    <a:pt x="10351008" y="6077717"/>
                  </a:lnTo>
                  <a:lnTo>
                    <a:pt x="10351008" y="6086861"/>
                  </a:lnTo>
                  <a:lnTo>
                    <a:pt x="10361676" y="6086861"/>
                  </a:lnTo>
                  <a:lnTo>
                    <a:pt x="10361676" y="6077717"/>
                  </a:lnTo>
                  <a:close/>
                </a:path>
                <a:path w="10361930" h="6141720">
                  <a:moveTo>
                    <a:pt x="10361676" y="6097529"/>
                  </a:moveTo>
                  <a:lnTo>
                    <a:pt x="10351008" y="6097529"/>
                  </a:lnTo>
                  <a:lnTo>
                    <a:pt x="10351008" y="6108197"/>
                  </a:lnTo>
                  <a:lnTo>
                    <a:pt x="10361676" y="6108197"/>
                  </a:lnTo>
                  <a:lnTo>
                    <a:pt x="10361676" y="6097529"/>
                  </a:lnTo>
                  <a:close/>
                </a:path>
                <a:path w="10361930" h="6141720">
                  <a:moveTo>
                    <a:pt x="10361676" y="6118865"/>
                  </a:moveTo>
                  <a:lnTo>
                    <a:pt x="10351008" y="6118865"/>
                  </a:lnTo>
                  <a:lnTo>
                    <a:pt x="10351008" y="6128009"/>
                  </a:lnTo>
                  <a:lnTo>
                    <a:pt x="10361676" y="6128009"/>
                  </a:lnTo>
                  <a:lnTo>
                    <a:pt x="10361676" y="6118865"/>
                  </a:lnTo>
                  <a:close/>
                </a:path>
                <a:path w="10361930" h="6141720">
                  <a:moveTo>
                    <a:pt x="10354056" y="6132581"/>
                  </a:moveTo>
                  <a:lnTo>
                    <a:pt x="10343388" y="6132581"/>
                  </a:lnTo>
                  <a:lnTo>
                    <a:pt x="10343388" y="6141725"/>
                  </a:lnTo>
                  <a:lnTo>
                    <a:pt x="10354056" y="6141725"/>
                  </a:lnTo>
                  <a:lnTo>
                    <a:pt x="10354056" y="6132581"/>
                  </a:lnTo>
                  <a:close/>
                </a:path>
                <a:path w="10361930" h="6141720">
                  <a:moveTo>
                    <a:pt x="10334244" y="6132581"/>
                  </a:moveTo>
                  <a:lnTo>
                    <a:pt x="10323576" y="6132581"/>
                  </a:lnTo>
                  <a:lnTo>
                    <a:pt x="10323576" y="6141725"/>
                  </a:lnTo>
                  <a:lnTo>
                    <a:pt x="10334244" y="6141725"/>
                  </a:lnTo>
                  <a:lnTo>
                    <a:pt x="10334244" y="6132581"/>
                  </a:lnTo>
                  <a:close/>
                </a:path>
                <a:path w="10361930" h="6141720">
                  <a:moveTo>
                    <a:pt x="10312908" y="6132581"/>
                  </a:moveTo>
                  <a:lnTo>
                    <a:pt x="10302240" y="6132581"/>
                  </a:lnTo>
                  <a:lnTo>
                    <a:pt x="10302240" y="6141725"/>
                  </a:lnTo>
                  <a:lnTo>
                    <a:pt x="10312908" y="6141725"/>
                  </a:lnTo>
                  <a:lnTo>
                    <a:pt x="10312908" y="6132581"/>
                  </a:lnTo>
                  <a:close/>
                </a:path>
                <a:path w="10361930" h="6141720">
                  <a:moveTo>
                    <a:pt x="10293096" y="6132581"/>
                  </a:moveTo>
                  <a:lnTo>
                    <a:pt x="10282428" y="6132581"/>
                  </a:lnTo>
                  <a:lnTo>
                    <a:pt x="10282428" y="6141725"/>
                  </a:lnTo>
                  <a:lnTo>
                    <a:pt x="10293096" y="6141725"/>
                  </a:lnTo>
                  <a:lnTo>
                    <a:pt x="10293096" y="6132581"/>
                  </a:lnTo>
                  <a:close/>
                </a:path>
                <a:path w="10361930" h="6141720">
                  <a:moveTo>
                    <a:pt x="10271760" y="6132581"/>
                  </a:moveTo>
                  <a:lnTo>
                    <a:pt x="10261091" y="6132581"/>
                  </a:lnTo>
                  <a:lnTo>
                    <a:pt x="10261091" y="6141725"/>
                  </a:lnTo>
                  <a:lnTo>
                    <a:pt x="10271760" y="6141725"/>
                  </a:lnTo>
                  <a:lnTo>
                    <a:pt x="10271760" y="6132581"/>
                  </a:lnTo>
                  <a:close/>
                </a:path>
                <a:path w="10361930" h="6141720">
                  <a:moveTo>
                    <a:pt x="10251948" y="6132581"/>
                  </a:moveTo>
                  <a:lnTo>
                    <a:pt x="10241280" y="6132581"/>
                  </a:lnTo>
                  <a:lnTo>
                    <a:pt x="10241280" y="6141725"/>
                  </a:lnTo>
                  <a:lnTo>
                    <a:pt x="10251948" y="6141725"/>
                  </a:lnTo>
                  <a:lnTo>
                    <a:pt x="10251948" y="6132581"/>
                  </a:lnTo>
                  <a:close/>
                </a:path>
                <a:path w="10361930" h="6141720">
                  <a:moveTo>
                    <a:pt x="10230612" y="6132581"/>
                  </a:moveTo>
                  <a:lnTo>
                    <a:pt x="10219944" y="6132581"/>
                  </a:lnTo>
                  <a:lnTo>
                    <a:pt x="10219944" y="6141725"/>
                  </a:lnTo>
                  <a:lnTo>
                    <a:pt x="10230612" y="6141725"/>
                  </a:lnTo>
                  <a:lnTo>
                    <a:pt x="10230612" y="6132581"/>
                  </a:lnTo>
                  <a:close/>
                </a:path>
                <a:path w="10361930" h="6141720">
                  <a:moveTo>
                    <a:pt x="10210800" y="6132581"/>
                  </a:moveTo>
                  <a:lnTo>
                    <a:pt x="10200132" y="6132581"/>
                  </a:lnTo>
                  <a:lnTo>
                    <a:pt x="10200132" y="6141725"/>
                  </a:lnTo>
                  <a:lnTo>
                    <a:pt x="10210800" y="6141725"/>
                  </a:lnTo>
                  <a:lnTo>
                    <a:pt x="10210800" y="6132581"/>
                  </a:lnTo>
                  <a:close/>
                </a:path>
                <a:path w="10361930" h="6141720">
                  <a:moveTo>
                    <a:pt x="10189464" y="6132581"/>
                  </a:moveTo>
                  <a:lnTo>
                    <a:pt x="10178796" y="6132581"/>
                  </a:lnTo>
                  <a:lnTo>
                    <a:pt x="10178796" y="6141725"/>
                  </a:lnTo>
                  <a:lnTo>
                    <a:pt x="10189464" y="6141725"/>
                  </a:lnTo>
                  <a:lnTo>
                    <a:pt x="10189464" y="6132581"/>
                  </a:lnTo>
                  <a:close/>
                </a:path>
                <a:path w="10361930" h="6141720">
                  <a:moveTo>
                    <a:pt x="10169652" y="6132581"/>
                  </a:moveTo>
                  <a:lnTo>
                    <a:pt x="10158984" y="6132581"/>
                  </a:lnTo>
                  <a:lnTo>
                    <a:pt x="10158984" y="6141725"/>
                  </a:lnTo>
                  <a:lnTo>
                    <a:pt x="10169652" y="6141725"/>
                  </a:lnTo>
                  <a:lnTo>
                    <a:pt x="10169652" y="6132581"/>
                  </a:lnTo>
                  <a:close/>
                </a:path>
                <a:path w="10361930" h="6141720">
                  <a:moveTo>
                    <a:pt x="10148316" y="6132581"/>
                  </a:moveTo>
                  <a:lnTo>
                    <a:pt x="10137648" y="6132581"/>
                  </a:lnTo>
                  <a:lnTo>
                    <a:pt x="10137648" y="6141725"/>
                  </a:lnTo>
                  <a:lnTo>
                    <a:pt x="10148316" y="6141725"/>
                  </a:lnTo>
                  <a:lnTo>
                    <a:pt x="10148316" y="6132581"/>
                  </a:lnTo>
                  <a:close/>
                </a:path>
                <a:path w="10361930" h="6141720">
                  <a:moveTo>
                    <a:pt x="10128504" y="6132581"/>
                  </a:moveTo>
                  <a:lnTo>
                    <a:pt x="10117836" y="6132581"/>
                  </a:lnTo>
                  <a:lnTo>
                    <a:pt x="10117836" y="6141725"/>
                  </a:lnTo>
                  <a:lnTo>
                    <a:pt x="10128504" y="6141725"/>
                  </a:lnTo>
                  <a:lnTo>
                    <a:pt x="10128504" y="6132581"/>
                  </a:lnTo>
                  <a:close/>
                </a:path>
                <a:path w="10361930" h="6141720">
                  <a:moveTo>
                    <a:pt x="10107167" y="6132581"/>
                  </a:moveTo>
                  <a:lnTo>
                    <a:pt x="10096500" y="6132581"/>
                  </a:lnTo>
                  <a:lnTo>
                    <a:pt x="10096500" y="6141725"/>
                  </a:lnTo>
                  <a:lnTo>
                    <a:pt x="10107167" y="6141725"/>
                  </a:lnTo>
                  <a:lnTo>
                    <a:pt x="10107167" y="6132581"/>
                  </a:lnTo>
                  <a:close/>
                </a:path>
                <a:path w="10361930" h="6141720">
                  <a:moveTo>
                    <a:pt x="10087356" y="6132581"/>
                  </a:moveTo>
                  <a:lnTo>
                    <a:pt x="10076688" y="6132581"/>
                  </a:lnTo>
                  <a:lnTo>
                    <a:pt x="10076688" y="6141725"/>
                  </a:lnTo>
                  <a:lnTo>
                    <a:pt x="10087356" y="6141725"/>
                  </a:lnTo>
                  <a:lnTo>
                    <a:pt x="10087356" y="6132581"/>
                  </a:lnTo>
                  <a:close/>
                </a:path>
                <a:path w="10361930" h="6141720">
                  <a:moveTo>
                    <a:pt x="10066020" y="6132581"/>
                  </a:moveTo>
                  <a:lnTo>
                    <a:pt x="10055352" y="6132581"/>
                  </a:lnTo>
                  <a:lnTo>
                    <a:pt x="10055352" y="6141725"/>
                  </a:lnTo>
                  <a:lnTo>
                    <a:pt x="10066020" y="6141725"/>
                  </a:lnTo>
                  <a:lnTo>
                    <a:pt x="10066020" y="6132581"/>
                  </a:lnTo>
                  <a:close/>
                </a:path>
                <a:path w="10361930" h="6141720">
                  <a:moveTo>
                    <a:pt x="10046208" y="6132581"/>
                  </a:moveTo>
                  <a:lnTo>
                    <a:pt x="10035540" y="6132581"/>
                  </a:lnTo>
                  <a:lnTo>
                    <a:pt x="10035540" y="6141725"/>
                  </a:lnTo>
                  <a:lnTo>
                    <a:pt x="10046208" y="6141725"/>
                  </a:lnTo>
                  <a:lnTo>
                    <a:pt x="10046208" y="6132581"/>
                  </a:lnTo>
                  <a:close/>
                </a:path>
                <a:path w="10361930" h="6141720">
                  <a:moveTo>
                    <a:pt x="10024872" y="6132581"/>
                  </a:moveTo>
                  <a:lnTo>
                    <a:pt x="10015728" y="6132581"/>
                  </a:lnTo>
                  <a:lnTo>
                    <a:pt x="10015728" y="6141725"/>
                  </a:lnTo>
                  <a:lnTo>
                    <a:pt x="10024872" y="6141725"/>
                  </a:lnTo>
                  <a:lnTo>
                    <a:pt x="10024872" y="6132581"/>
                  </a:lnTo>
                  <a:close/>
                </a:path>
                <a:path w="10361930" h="6141720">
                  <a:moveTo>
                    <a:pt x="10005060" y="6132581"/>
                  </a:moveTo>
                  <a:lnTo>
                    <a:pt x="9994391" y="6132581"/>
                  </a:lnTo>
                  <a:lnTo>
                    <a:pt x="9994391" y="6141725"/>
                  </a:lnTo>
                  <a:lnTo>
                    <a:pt x="10005060" y="6141725"/>
                  </a:lnTo>
                  <a:lnTo>
                    <a:pt x="10005060" y="6132581"/>
                  </a:lnTo>
                  <a:close/>
                </a:path>
                <a:path w="10361930" h="6141720">
                  <a:moveTo>
                    <a:pt x="9983724" y="6132581"/>
                  </a:moveTo>
                  <a:lnTo>
                    <a:pt x="9974580" y="6132581"/>
                  </a:lnTo>
                  <a:lnTo>
                    <a:pt x="9974580" y="6141725"/>
                  </a:lnTo>
                  <a:lnTo>
                    <a:pt x="9983724" y="6141725"/>
                  </a:lnTo>
                  <a:lnTo>
                    <a:pt x="9983724" y="6132581"/>
                  </a:lnTo>
                  <a:close/>
                </a:path>
                <a:path w="10361930" h="6141720">
                  <a:moveTo>
                    <a:pt x="9963912" y="6132581"/>
                  </a:moveTo>
                  <a:lnTo>
                    <a:pt x="9953244" y="6132581"/>
                  </a:lnTo>
                  <a:lnTo>
                    <a:pt x="9953244" y="6141725"/>
                  </a:lnTo>
                  <a:lnTo>
                    <a:pt x="9963912" y="6141725"/>
                  </a:lnTo>
                  <a:lnTo>
                    <a:pt x="9963912" y="6132581"/>
                  </a:lnTo>
                  <a:close/>
                </a:path>
                <a:path w="10361930" h="6141720">
                  <a:moveTo>
                    <a:pt x="9942576" y="6132581"/>
                  </a:moveTo>
                  <a:lnTo>
                    <a:pt x="9933432" y="6132581"/>
                  </a:lnTo>
                  <a:lnTo>
                    <a:pt x="9933432" y="6141725"/>
                  </a:lnTo>
                  <a:lnTo>
                    <a:pt x="9942576" y="6141725"/>
                  </a:lnTo>
                  <a:lnTo>
                    <a:pt x="9942576" y="6132581"/>
                  </a:lnTo>
                  <a:close/>
                </a:path>
                <a:path w="10361930" h="6141720">
                  <a:moveTo>
                    <a:pt x="9922764" y="6132581"/>
                  </a:moveTo>
                  <a:lnTo>
                    <a:pt x="9912096" y="6132581"/>
                  </a:lnTo>
                  <a:lnTo>
                    <a:pt x="9912096" y="6141725"/>
                  </a:lnTo>
                  <a:lnTo>
                    <a:pt x="9922764" y="6141725"/>
                  </a:lnTo>
                  <a:lnTo>
                    <a:pt x="9922764" y="6132581"/>
                  </a:lnTo>
                  <a:close/>
                </a:path>
                <a:path w="10361930" h="6141720">
                  <a:moveTo>
                    <a:pt x="9901428" y="6132581"/>
                  </a:moveTo>
                  <a:lnTo>
                    <a:pt x="9892284" y="6132581"/>
                  </a:lnTo>
                  <a:lnTo>
                    <a:pt x="9892284" y="6141725"/>
                  </a:lnTo>
                  <a:lnTo>
                    <a:pt x="9901428" y="6141725"/>
                  </a:lnTo>
                  <a:lnTo>
                    <a:pt x="9901428" y="6132581"/>
                  </a:lnTo>
                  <a:close/>
                </a:path>
                <a:path w="10361930" h="6141720">
                  <a:moveTo>
                    <a:pt x="9881616" y="6132581"/>
                  </a:moveTo>
                  <a:lnTo>
                    <a:pt x="9870948" y="6132581"/>
                  </a:lnTo>
                  <a:lnTo>
                    <a:pt x="9870948" y="6141725"/>
                  </a:lnTo>
                  <a:lnTo>
                    <a:pt x="9881616" y="6141725"/>
                  </a:lnTo>
                  <a:lnTo>
                    <a:pt x="9881616" y="6132581"/>
                  </a:lnTo>
                  <a:close/>
                </a:path>
                <a:path w="10361930" h="6141720">
                  <a:moveTo>
                    <a:pt x="9860280" y="6132581"/>
                  </a:moveTo>
                  <a:lnTo>
                    <a:pt x="9851136" y="6132581"/>
                  </a:lnTo>
                  <a:lnTo>
                    <a:pt x="9851136" y="6141725"/>
                  </a:lnTo>
                  <a:lnTo>
                    <a:pt x="9860280" y="6141725"/>
                  </a:lnTo>
                  <a:lnTo>
                    <a:pt x="9860280" y="6132581"/>
                  </a:lnTo>
                  <a:close/>
                </a:path>
                <a:path w="10361930" h="6141720">
                  <a:moveTo>
                    <a:pt x="9840467" y="6132581"/>
                  </a:moveTo>
                  <a:lnTo>
                    <a:pt x="9829800" y="6132581"/>
                  </a:lnTo>
                  <a:lnTo>
                    <a:pt x="9829800" y="6141725"/>
                  </a:lnTo>
                  <a:lnTo>
                    <a:pt x="9840467" y="6141725"/>
                  </a:lnTo>
                  <a:lnTo>
                    <a:pt x="9840467" y="6132581"/>
                  </a:lnTo>
                  <a:close/>
                </a:path>
                <a:path w="10361930" h="6141720">
                  <a:moveTo>
                    <a:pt x="9819132" y="6132581"/>
                  </a:moveTo>
                  <a:lnTo>
                    <a:pt x="9809988" y="6132581"/>
                  </a:lnTo>
                  <a:lnTo>
                    <a:pt x="9809988" y="6141725"/>
                  </a:lnTo>
                  <a:lnTo>
                    <a:pt x="9819132" y="6141725"/>
                  </a:lnTo>
                  <a:lnTo>
                    <a:pt x="9819132" y="6132581"/>
                  </a:lnTo>
                  <a:close/>
                </a:path>
                <a:path w="10361930" h="6141720">
                  <a:moveTo>
                    <a:pt x="9799320" y="6132581"/>
                  </a:moveTo>
                  <a:lnTo>
                    <a:pt x="9788652" y="6132581"/>
                  </a:lnTo>
                  <a:lnTo>
                    <a:pt x="9788652" y="6141725"/>
                  </a:lnTo>
                  <a:lnTo>
                    <a:pt x="9799320" y="6141725"/>
                  </a:lnTo>
                  <a:lnTo>
                    <a:pt x="9799320" y="6132581"/>
                  </a:lnTo>
                  <a:close/>
                </a:path>
                <a:path w="10361930" h="6141720">
                  <a:moveTo>
                    <a:pt x="9777984" y="6132581"/>
                  </a:moveTo>
                  <a:lnTo>
                    <a:pt x="9768840" y="6132581"/>
                  </a:lnTo>
                  <a:lnTo>
                    <a:pt x="9768840" y="6141725"/>
                  </a:lnTo>
                  <a:lnTo>
                    <a:pt x="9777984" y="6141725"/>
                  </a:lnTo>
                  <a:lnTo>
                    <a:pt x="9777984" y="6132581"/>
                  </a:lnTo>
                  <a:close/>
                </a:path>
                <a:path w="10361930" h="6141720">
                  <a:moveTo>
                    <a:pt x="9758172" y="6132581"/>
                  </a:moveTo>
                  <a:lnTo>
                    <a:pt x="9747504" y="6132581"/>
                  </a:lnTo>
                  <a:lnTo>
                    <a:pt x="9747504" y="6141725"/>
                  </a:lnTo>
                  <a:lnTo>
                    <a:pt x="9758172" y="6141725"/>
                  </a:lnTo>
                  <a:lnTo>
                    <a:pt x="9758172" y="6132581"/>
                  </a:lnTo>
                  <a:close/>
                </a:path>
                <a:path w="10361930" h="6141720">
                  <a:moveTo>
                    <a:pt x="9736836" y="6132581"/>
                  </a:moveTo>
                  <a:lnTo>
                    <a:pt x="9727691" y="6132581"/>
                  </a:lnTo>
                  <a:lnTo>
                    <a:pt x="9727691" y="6141725"/>
                  </a:lnTo>
                  <a:lnTo>
                    <a:pt x="9736836" y="6141725"/>
                  </a:lnTo>
                  <a:lnTo>
                    <a:pt x="9736836" y="6132581"/>
                  </a:lnTo>
                  <a:close/>
                </a:path>
                <a:path w="10361930" h="6141720">
                  <a:moveTo>
                    <a:pt x="9717024" y="6132581"/>
                  </a:moveTo>
                  <a:lnTo>
                    <a:pt x="9706356" y="6132581"/>
                  </a:lnTo>
                  <a:lnTo>
                    <a:pt x="9706356" y="6141725"/>
                  </a:lnTo>
                  <a:lnTo>
                    <a:pt x="9717024" y="6141725"/>
                  </a:lnTo>
                  <a:lnTo>
                    <a:pt x="9717024" y="6132581"/>
                  </a:lnTo>
                  <a:close/>
                </a:path>
                <a:path w="10361930" h="6141720">
                  <a:moveTo>
                    <a:pt x="9695688" y="6132581"/>
                  </a:moveTo>
                  <a:lnTo>
                    <a:pt x="9686544" y="6132581"/>
                  </a:lnTo>
                  <a:lnTo>
                    <a:pt x="9686544" y="6141725"/>
                  </a:lnTo>
                  <a:lnTo>
                    <a:pt x="9695688" y="6141725"/>
                  </a:lnTo>
                  <a:lnTo>
                    <a:pt x="9695688" y="6132581"/>
                  </a:lnTo>
                  <a:close/>
                </a:path>
                <a:path w="10361930" h="6141720">
                  <a:moveTo>
                    <a:pt x="9675876" y="6132581"/>
                  </a:moveTo>
                  <a:lnTo>
                    <a:pt x="9665208" y="6132581"/>
                  </a:lnTo>
                  <a:lnTo>
                    <a:pt x="9665208" y="6141725"/>
                  </a:lnTo>
                  <a:lnTo>
                    <a:pt x="9675876" y="6141725"/>
                  </a:lnTo>
                  <a:lnTo>
                    <a:pt x="9675876" y="6132581"/>
                  </a:lnTo>
                  <a:close/>
                </a:path>
                <a:path w="10361930" h="6141720">
                  <a:moveTo>
                    <a:pt x="9654540" y="6132581"/>
                  </a:moveTo>
                  <a:lnTo>
                    <a:pt x="9645396" y="6132581"/>
                  </a:lnTo>
                  <a:lnTo>
                    <a:pt x="9645396" y="6141725"/>
                  </a:lnTo>
                  <a:lnTo>
                    <a:pt x="9654540" y="6141725"/>
                  </a:lnTo>
                  <a:lnTo>
                    <a:pt x="9654540" y="6132581"/>
                  </a:lnTo>
                  <a:close/>
                </a:path>
                <a:path w="10361930" h="6141720">
                  <a:moveTo>
                    <a:pt x="9634728" y="6132581"/>
                  </a:moveTo>
                  <a:lnTo>
                    <a:pt x="9624060" y="6132581"/>
                  </a:lnTo>
                  <a:lnTo>
                    <a:pt x="9624060" y="6141725"/>
                  </a:lnTo>
                  <a:lnTo>
                    <a:pt x="9634728" y="6141725"/>
                  </a:lnTo>
                  <a:lnTo>
                    <a:pt x="9634728" y="6132581"/>
                  </a:lnTo>
                  <a:close/>
                </a:path>
                <a:path w="10361930" h="6141720">
                  <a:moveTo>
                    <a:pt x="9613391" y="6132581"/>
                  </a:moveTo>
                  <a:lnTo>
                    <a:pt x="9604248" y="6132581"/>
                  </a:lnTo>
                  <a:lnTo>
                    <a:pt x="9604248" y="6141725"/>
                  </a:lnTo>
                  <a:lnTo>
                    <a:pt x="9613391" y="6141725"/>
                  </a:lnTo>
                  <a:lnTo>
                    <a:pt x="9613391" y="6132581"/>
                  </a:lnTo>
                  <a:close/>
                </a:path>
                <a:path w="10361930" h="6141720">
                  <a:moveTo>
                    <a:pt x="9593580" y="6132581"/>
                  </a:moveTo>
                  <a:lnTo>
                    <a:pt x="9582912" y="6132581"/>
                  </a:lnTo>
                  <a:lnTo>
                    <a:pt x="9582912" y="6141725"/>
                  </a:lnTo>
                  <a:lnTo>
                    <a:pt x="9593580" y="6141725"/>
                  </a:lnTo>
                  <a:lnTo>
                    <a:pt x="9593580" y="6132581"/>
                  </a:lnTo>
                  <a:close/>
                </a:path>
                <a:path w="10361930" h="6141720">
                  <a:moveTo>
                    <a:pt x="9572244" y="6132581"/>
                  </a:moveTo>
                  <a:lnTo>
                    <a:pt x="9563100" y="6132581"/>
                  </a:lnTo>
                  <a:lnTo>
                    <a:pt x="9563100" y="6141725"/>
                  </a:lnTo>
                  <a:lnTo>
                    <a:pt x="9572244" y="6141725"/>
                  </a:lnTo>
                  <a:lnTo>
                    <a:pt x="9572244" y="6132581"/>
                  </a:lnTo>
                  <a:close/>
                </a:path>
                <a:path w="10361930" h="6141720">
                  <a:moveTo>
                    <a:pt x="9552432" y="6132581"/>
                  </a:moveTo>
                  <a:lnTo>
                    <a:pt x="9541764" y="6132581"/>
                  </a:lnTo>
                  <a:lnTo>
                    <a:pt x="9541764" y="6141725"/>
                  </a:lnTo>
                  <a:lnTo>
                    <a:pt x="9552432" y="6141725"/>
                  </a:lnTo>
                  <a:lnTo>
                    <a:pt x="9552432" y="6132581"/>
                  </a:lnTo>
                  <a:close/>
                </a:path>
                <a:path w="10361930" h="6141720">
                  <a:moveTo>
                    <a:pt x="9531096" y="6132581"/>
                  </a:moveTo>
                  <a:lnTo>
                    <a:pt x="9521952" y="6132581"/>
                  </a:lnTo>
                  <a:lnTo>
                    <a:pt x="9521952" y="6141725"/>
                  </a:lnTo>
                  <a:lnTo>
                    <a:pt x="9531096" y="6141725"/>
                  </a:lnTo>
                  <a:lnTo>
                    <a:pt x="9531096" y="6132581"/>
                  </a:lnTo>
                  <a:close/>
                </a:path>
                <a:path w="10361930" h="6141720">
                  <a:moveTo>
                    <a:pt x="9511284" y="6132581"/>
                  </a:moveTo>
                  <a:lnTo>
                    <a:pt x="9500616" y="6132581"/>
                  </a:lnTo>
                  <a:lnTo>
                    <a:pt x="9500616" y="6141725"/>
                  </a:lnTo>
                  <a:lnTo>
                    <a:pt x="9511284" y="6141725"/>
                  </a:lnTo>
                  <a:lnTo>
                    <a:pt x="9511284" y="6132581"/>
                  </a:lnTo>
                  <a:close/>
                </a:path>
                <a:path w="10361930" h="6141720">
                  <a:moveTo>
                    <a:pt x="9489948" y="6132581"/>
                  </a:moveTo>
                  <a:lnTo>
                    <a:pt x="9480804" y="6132581"/>
                  </a:lnTo>
                  <a:lnTo>
                    <a:pt x="9480804" y="6141725"/>
                  </a:lnTo>
                  <a:lnTo>
                    <a:pt x="9489948" y="6141725"/>
                  </a:lnTo>
                  <a:lnTo>
                    <a:pt x="9489948" y="6132581"/>
                  </a:lnTo>
                  <a:close/>
                </a:path>
                <a:path w="10361930" h="6141720">
                  <a:moveTo>
                    <a:pt x="9470136" y="6132581"/>
                  </a:moveTo>
                  <a:lnTo>
                    <a:pt x="9459467" y="6132581"/>
                  </a:lnTo>
                  <a:lnTo>
                    <a:pt x="9459467" y="6141725"/>
                  </a:lnTo>
                  <a:lnTo>
                    <a:pt x="9470136" y="6141725"/>
                  </a:lnTo>
                  <a:lnTo>
                    <a:pt x="9470136" y="6132581"/>
                  </a:lnTo>
                  <a:close/>
                </a:path>
                <a:path w="10361930" h="6141720">
                  <a:moveTo>
                    <a:pt x="9448800" y="6132581"/>
                  </a:moveTo>
                  <a:lnTo>
                    <a:pt x="9439656" y="6132581"/>
                  </a:lnTo>
                  <a:lnTo>
                    <a:pt x="9439656" y="6141725"/>
                  </a:lnTo>
                  <a:lnTo>
                    <a:pt x="9448800" y="6141725"/>
                  </a:lnTo>
                  <a:lnTo>
                    <a:pt x="9448800" y="6132581"/>
                  </a:lnTo>
                  <a:close/>
                </a:path>
                <a:path w="10361930" h="6141720">
                  <a:moveTo>
                    <a:pt x="9428988" y="6132581"/>
                  </a:moveTo>
                  <a:lnTo>
                    <a:pt x="9418320" y="6132581"/>
                  </a:lnTo>
                  <a:lnTo>
                    <a:pt x="9418320" y="6141725"/>
                  </a:lnTo>
                  <a:lnTo>
                    <a:pt x="9428988" y="6141725"/>
                  </a:lnTo>
                  <a:lnTo>
                    <a:pt x="9428988" y="6132581"/>
                  </a:lnTo>
                  <a:close/>
                </a:path>
                <a:path w="10361930" h="6141720">
                  <a:moveTo>
                    <a:pt x="9409176" y="6132581"/>
                  </a:moveTo>
                  <a:lnTo>
                    <a:pt x="9398508" y="6132581"/>
                  </a:lnTo>
                  <a:lnTo>
                    <a:pt x="9398508" y="6141725"/>
                  </a:lnTo>
                  <a:lnTo>
                    <a:pt x="9409176" y="6141725"/>
                  </a:lnTo>
                  <a:lnTo>
                    <a:pt x="9409176" y="6132581"/>
                  </a:lnTo>
                  <a:close/>
                </a:path>
                <a:path w="10361930" h="6141720">
                  <a:moveTo>
                    <a:pt x="9387840" y="6132581"/>
                  </a:moveTo>
                  <a:lnTo>
                    <a:pt x="9377172" y="6132581"/>
                  </a:lnTo>
                  <a:lnTo>
                    <a:pt x="9377172" y="6141725"/>
                  </a:lnTo>
                  <a:lnTo>
                    <a:pt x="9387840" y="6141725"/>
                  </a:lnTo>
                  <a:lnTo>
                    <a:pt x="9387840" y="6132581"/>
                  </a:lnTo>
                  <a:close/>
                </a:path>
                <a:path w="10361930" h="6141720">
                  <a:moveTo>
                    <a:pt x="9368028" y="6132581"/>
                  </a:moveTo>
                  <a:lnTo>
                    <a:pt x="9357360" y="6132581"/>
                  </a:lnTo>
                  <a:lnTo>
                    <a:pt x="9357360" y="6141725"/>
                  </a:lnTo>
                  <a:lnTo>
                    <a:pt x="9368028" y="6141725"/>
                  </a:lnTo>
                  <a:lnTo>
                    <a:pt x="9368028" y="6132581"/>
                  </a:lnTo>
                  <a:close/>
                </a:path>
                <a:path w="10361930" h="6141720">
                  <a:moveTo>
                    <a:pt x="9346691" y="6132581"/>
                  </a:moveTo>
                  <a:lnTo>
                    <a:pt x="9336024" y="6132581"/>
                  </a:lnTo>
                  <a:lnTo>
                    <a:pt x="9336024" y="6141725"/>
                  </a:lnTo>
                  <a:lnTo>
                    <a:pt x="9346691" y="6141725"/>
                  </a:lnTo>
                  <a:lnTo>
                    <a:pt x="9346691" y="6132581"/>
                  </a:lnTo>
                  <a:close/>
                </a:path>
                <a:path w="10361930" h="6141720">
                  <a:moveTo>
                    <a:pt x="9326880" y="6132581"/>
                  </a:moveTo>
                  <a:lnTo>
                    <a:pt x="9316212" y="6132581"/>
                  </a:lnTo>
                  <a:lnTo>
                    <a:pt x="9316212" y="6141725"/>
                  </a:lnTo>
                  <a:lnTo>
                    <a:pt x="9326880" y="6141725"/>
                  </a:lnTo>
                  <a:lnTo>
                    <a:pt x="9326880" y="6132581"/>
                  </a:lnTo>
                  <a:close/>
                </a:path>
                <a:path w="10361930" h="6141720">
                  <a:moveTo>
                    <a:pt x="9305544" y="6132581"/>
                  </a:moveTo>
                  <a:lnTo>
                    <a:pt x="9294876" y="6132581"/>
                  </a:lnTo>
                  <a:lnTo>
                    <a:pt x="9294876" y="6141725"/>
                  </a:lnTo>
                  <a:lnTo>
                    <a:pt x="9305544" y="6141725"/>
                  </a:lnTo>
                  <a:lnTo>
                    <a:pt x="9305544" y="6132581"/>
                  </a:lnTo>
                  <a:close/>
                </a:path>
                <a:path w="10361930" h="6141720">
                  <a:moveTo>
                    <a:pt x="9285732" y="6132581"/>
                  </a:moveTo>
                  <a:lnTo>
                    <a:pt x="9275064" y="6132581"/>
                  </a:lnTo>
                  <a:lnTo>
                    <a:pt x="9275064" y="6141725"/>
                  </a:lnTo>
                  <a:lnTo>
                    <a:pt x="9285732" y="6141725"/>
                  </a:lnTo>
                  <a:lnTo>
                    <a:pt x="9285732" y="6132581"/>
                  </a:lnTo>
                  <a:close/>
                </a:path>
                <a:path w="10361930" h="6141720">
                  <a:moveTo>
                    <a:pt x="9264396" y="6132581"/>
                  </a:moveTo>
                  <a:lnTo>
                    <a:pt x="9253728" y="6132581"/>
                  </a:lnTo>
                  <a:lnTo>
                    <a:pt x="9253728" y="6141725"/>
                  </a:lnTo>
                  <a:lnTo>
                    <a:pt x="9264396" y="6141725"/>
                  </a:lnTo>
                  <a:lnTo>
                    <a:pt x="9264396" y="6132581"/>
                  </a:lnTo>
                  <a:close/>
                </a:path>
                <a:path w="10361930" h="6141720">
                  <a:moveTo>
                    <a:pt x="9244584" y="6132581"/>
                  </a:moveTo>
                  <a:lnTo>
                    <a:pt x="9233916" y="6132581"/>
                  </a:lnTo>
                  <a:lnTo>
                    <a:pt x="9233916" y="6141725"/>
                  </a:lnTo>
                  <a:lnTo>
                    <a:pt x="9244584" y="6141725"/>
                  </a:lnTo>
                  <a:lnTo>
                    <a:pt x="9244584" y="6132581"/>
                  </a:lnTo>
                  <a:close/>
                </a:path>
                <a:path w="10361930" h="6141720">
                  <a:moveTo>
                    <a:pt x="9223248" y="6132581"/>
                  </a:moveTo>
                  <a:lnTo>
                    <a:pt x="9212580" y="6132581"/>
                  </a:lnTo>
                  <a:lnTo>
                    <a:pt x="9212580" y="6141725"/>
                  </a:lnTo>
                  <a:lnTo>
                    <a:pt x="9223248" y="6141725"/>
                  </a:lnTo>
                  <a:lnTo>
                    <a:pt x="9223248" y="6132581"/>
                  </a:lnTo>
                  <a:close/>
                </a:path>
                <a:path w="10361930" h="6141720">
                  <a:moveTo>
                    <a:pt x="9203436" y="6132581"/>
                  </a:moveTo>
                  <a:lnTo>
                    <a:pt x="9192767" y="6132581"/>
                  </a:lnTo>
                  <a:lnTo>
                    <a:pt x="9192767" y="6141725"/>
                  </a:lnTo>
                  <a:lnTo>
                    <a:pt x="9203436" y="6141725"/>
                  </a:lnTo>
                  <a:lnTo>
                    <a:pt x="9203436" y="6132581"/>
                  </a:lnTo>
                  <a:close/>
                </a:path>
                <a:path w="10361930" h="6141720">
                  <a:moveTo>
                    <a:pt x="9182100" y="6132581"/>
                  </a:moveTo>
                  <a:lnTo>
                    <a:pt x="9171432" y="6132581"/>
                  </a:lnTo>
                  <a:lnTo>
                    <a:pt x="9171432" y="6141725"/>
                  </a:lnTo>
                  <a:lnTo>
                    <a:pt x="9182100" y="6141725"/>
                  </a:lnTo>
                  <a:lnTo>
                    <a:pt x="9182100" y="6132581"/>
                  </a:lnTo>
                  <a:close/>
                </a:path>
                <a:path w="10361930" h="6141720">
                  <a:moveTo>
                    <a:pt x="9162288" y="6132581"/>
                  </a:moveTo>
                  <a:lnTo>
                    <a:pt x="9151620" y="6132581"/>
                  </a:lnTo>
                  <a:lnTo>
                    <a:pt x="9151620" y="6141725"/>
                  </a:lnTo>
                  <a:lnTo>
                    <a:pt x="9162288" y="6141725"/>
                  </a:lnTo>
                  <a:lnTo>
                    <a:pt x="9162288" y="6132581"/>
                  </a:lnTo>
                  <a:close/>
                </a:path>
                <a:path w="10361930" h="6141720">
                  <a:moveTo>
                    <a:pt x="9140952" y="6132581"/>
                  </a:moveTo>
                  <a:lnTo>
                    <a:pt x="9130284" y="6132581"/>
                  </a:lnTo>
                  <a:lnTo>
                    <a:pt x="9130284" y="6141725"/>
                  </a:lnTo>
                  <a:lnTo>
                    <a:pt x="9140952" y="6141725"/>
                  </a:lnTo>
                  <a:lnTo>
                    <a:pt x="9140952" y="6132581"/>
                  </a:lnTo>
                  <a:close/>
                </a:path>
                <a:path w="10361930" h="6141720">
                  <a:moveTo>
                    <a:pt x="9121140" y="6132581"/>
                  </a:moveTo>
                  <a:lnTo>
                    <a:pt x="9110472" y="6132581"/>
                  </a:lnTo>
                  <a:lnTo>
                    <a:pt x="9110472" y="6141725"/>
                  </a:lnTo>
                  <a:lnTo>
                    <a:pt x="9121140" y="6141725"/>
                  </a:lnTo>
                  <a:lnTo>
                    <a:pt x="9121140" y="6132581"/>
                  </a:lnTo>
                  <a:close/>
                </a:path>
                <a:path w="10361930" h="6141720">
                  <a:moveTo>
                    <a:pt x="9099804" y="6132581"/>
                  </a:moveTo>
                  <a:lnTo>
                    <a:pt x="9089136" y="6132581"/>
                  </a:lnTo>
                  <a:lnTo>
                    <a:pt x="9089136" y="6141725"/>
                  </a:lnTo>
                  <a:lnTo>
                    <a:pt x="9099804" y="6141725"/>
                  </a:lnTo>
                  <a:lnTo>
                    <a:pt x="9099804" y="6132581"/>
                  </a:lnTo>
                  <a:close/>
                </a:path>
                <a:path w="10361930" h="6141720">
                  <a:moveTo>
                    <a:pt x="9079991" y="6132581"/>
                  </a:moveTo>
                  <a:lnTo>
                    <a:pt x="9069324" y="6132581"/>
                  </a:lnTo>
                  <a:lnTo>
                    <a:pt x="9069324" y="6141725"/>
                  </a:lnTo>
                  <a:lnTo>
                    <a:pt x="9079991" y="6141725"/>
                  </a:lnTo>
                  <a:lnTo>
                    <a:pt x="9079991" y="6132581"/>
                  </a:lnTo>
                  <a:close/>
                </a:path>
                <a:path w="10361930" h="6141720">
                  <a:moveTo>
                    <a:pt x="9058656" y="6132581"/>
                  </a:moveTo>
                  <a:lnTo>
                    <a:pt x="9047988" y="6132581"/>
                  </a:lnTo>
                  <a:lnTo>
                    <a:pt x="9047988" y="6141725"/>
                  </a:lnTo>
                  <a:lnTo>
                    <a:pt x="9058656" y="6141725"/>
                  </a:lnTo>
                  <a:lnTo>
                    <a:pt x="9058656" y="6132581"/>
                  </a:lnTo>
                  <a:close/>
                </a:path>
                <a:path w="10361930" h="6141720">
                  <a:moveTo>
                    <a:pt x="9038844" y="6132581"/>
                  </a:moveTo>
                  <a:lnTo>
                    <a:pt x="9028176" y="6132581"/>
                  </a:lnTo>
                  <a:lnTo>
                    <a:pt x="9028176" y="6141725"/>
                  </a:lnTo>
                  <a:lnTo>
                    <a:pt x="9038844" y="6141725"/>
                  </a:lnTo>
                  <a:lnTo>
                    <a:pt x="9038844" y="6132581"/>
                  </a:lnTo>
                  <a:close/>
                </a:path>
                <a:path w="10361930" h="6141720">
                  <a:moveTo>
                    <a:pt x="9017508" y="6132581"/>
                  </a:moveTo>
                  <a:lnTo>
                    <a:pt x="9006840" y="6132581"/>
                  </a:lnTo>
                  <a:lnTo>
                    <a:pt x="9006840" y="6141725"/>
                  </a:lnTo>
                  <a:lnTo>
                    <a:pt x="9017508" y="6141725"/>
                  </a:lnTo>
                  <a:lnTo>
                    <a:pt x="9017508" y="6132581"/>
                  </a:lnTo>
                  <a:close/>
                </a:path>
                <a:path w="10361930" h="6141720">
                  <a:moveTo>
                    <a:pt x="8997696" y="6132581"/>
                  </a:moveTo>
                  <a:lnTo>
                    <a:pt x="8987028" y="6132581"/>
                  </a:lnTo>
                  <a:lnTo>
                    <a:pt x="8987028" y="6141725"/>
                  </a:lnTo>
                  <a:lnTo>
                    <a:pt x="8997696" y="6141725"/>
                  </a:lnTo>
                  <a:lnTo>
                    <a:pt x="8997696" y="6132581"/>
                  </a:lnTo>
                  <a:close/>
                </a:path>
                <a:path w="10361930" h="6141720">
                  <a:moveTo>
                    <a:pt x="8976360" y="6132581"/>
                  </a:moveTo>
                  <a:lnTo>
                    <a:pt x="8965691" y="6132581"/>
                  </a:lnTo>
                  <a:lnTo>
                    <a:pt x="8965691" y="6141725"/>
                  </a:lnTo>
                  <a:lnTo>
                    <a:pt x="8976360" y="6141725"/>
                  </a:lnTo>
                  <a:lnTo>
                    <a:pt x="8976360" y="6132581"/>
                  </a:lnTo>
                  <a:close/>
                </a:path>
                <a:path w="10361930" h="6141720">
                  <a:moveTo>
                    <a:pt x="8956548" y="6132581"/>
                  </a:moveTo>
                  <a:lnTo>
                    <a:pt x="8945880" y="6132581"/>
                  </a:lnTo>
                  <a:lnTo>
                    <a:pt x="8945880" y="6141725"/>
                  </a:lnTo>
                  <a:lnTo>
                    <a:pt x="8956548" y="6141725"/>
                  </a:lnTo>
                  <a:lnTo>
                    <a:pt x="8956548" y="6132581"/>
                  </a:lnTo>
                  <a:close/>
                </a:path>
                <a:path w="10361930" h="6141720">
                  <a:moveTo>
                    <a:pt x="8935212" y="6132581"/>
                  </a:moveTo>
                  <a:lnTo>
                    <a:pt x="8924544" y="6132581"/>
                  </a:lnTo>
                  <a:lnTo>
                    <a:pt x="8924544" y="6141725"/>
                  </a:lnTo>
                  <a:lnTo>
                    <a:pt x="8935212" y="6141725"/>
                  </a:lnTo>
                  <a:lnTo>
                    <a:pt x="8935212" y="6132581"/>
                  </a:lnTo>
                  <a:close/>
                </a:path>
                <a:path w="10361930" h="6141720">
                  <a:moveTo>
                    <a:pt x="8915400" y="6132581"/>
                  </a:moveTo>
                  <a:lnTo>
                    <a:pt x="8904732" y="6132581"/>
                  </a:lnTo>
                  <a:lnTo>
                    <a:pt x="8904732" y="6141725"/>
                  </a:lnTo>
                  <a:lnTo>
                    <a:pt x="8915400" y="6141725"/>
                  </a:lnTo>
                  <a:lnTo>
                    <a:pt x="8915400" y="6132581"/>
                  </a:lnTo>
                  <a:close/>
                </a:path>
                <a:path w="10361930" h="6141720">
                  <a:moveTo>
                    <a:pt x="8894064" y="6132581"/>
                  </a:moveTo>
                  <a:lnTo>
                    <a:pt x="8883396" y="6132581"/>
                  </a:lnTo>
                  <a:lnTo>
                    <a:pt x="8883396" y="6141725"/>
                  </a:lnTo>
                  <a:lnTo>
                    <a:pt x="8894064" y="6141725"/>
                  </a:lnTo>
                  <a:lnTo>
                    <a:pt x="8894064" y="6132581"/>
                  </a:lnTo>
                  <a:close/>
                </a:path>
                <a:path w="10361930" h="6141720">
                  <a:moveTo>
                    <a:pt x="8874252" y="6132581"/>
                  </a:moveTo>
                  <a:lnTo>
                    <a:pt x="8863584" y="6132581"/>
                  </a:lnTo>
                  <a:lnTo>
                    <a:pt x="8863584" y="6141725"/>
                  </a:lnTo>
                  <a:lnTo>
                    <a:pt x="8874252" y="6141725"/>
                  </a:lnTo>
                  <a:lnTo>
                    <a:pt x="8874252" y="6132581"/>
                  </a:lnTo>
                  <a:close/>
                </a:path>
                <a:path w="10361930" h="6141720">
                  <a:moveTo>
                    <a:pt x="8852916" y="6132581"/>
                  </a:moveTo>
                  <a:lnTo>
                    <a:pt x="8842248" y="6132581"/>
                  </a:lnTo>
                  <a:lnTo>
                    <a:pt x="8842248" y="6141725"/>
                  </a:lnTo>
                  <a:lnTo>
                    <a:pt x="8852916" y="6141725"/>
                  </a:lnTo>
                  <a:lnTo>
                    <a:pt x="8852916" y="6132581"/>
                  </a:lnTo>
                  <a:close/>
                </a:path>
                <a:path w="10361930" h="6141720">
                  <a:moveTo>
                    <a:pt x="8833104" y="6132581"/>
                  </a:moveTo>
                  <a:lnTo>
                    <a:pt x="8822436" y="6132581"/>
                  </a:lnTo>
                  <a:lnTo>
                    <a:pt x="8822436" y="6141725"/>
                  </a:lnTo>
                  <a:lnTo>
                    <a:pt x="8833104" y="6141725"/>
                  </a:lnTo>
                  <a:lnTo>
                    <a:pt x="8833104" y="6132581"/>
                  </a:lnTo>
                  <a:close/>
                </a:path>
                <a:path w="10361930" h="6141720">
                  <a:moveTo>
                    <a:pt x="8811767" y="6132581"/>
                  </a:moveTo>
                  <a:lnTo>
                    <a:pt x="8801100" y="6132581"/>
                  </a:lnTo>
                  <a:lnTo>
                    <a:pt x="8801100" y="6141725"/>
                  </a:lnTo>
                  <a:lnTo>
                    <a:pt x="8811767" y="6141725"/>
                  </a:lnTo>
                  <a:lnTo>
                    <a:pt x="8811767" y="6132581"/>
                  </a:lnTo>
                  <a:close/>
                </a:path>
                <a:path w="10361930" h="6141720">
                  <a:moveTo>
                    <a:pt x="8791956" y="6132581"/>
                  </a:moveTo>
                  <a:lnTo>
                    <a:pt x="8781288" y="6132581"/>
                  </a:lnTo>
                  <a:lnTo>
                    <a:pt x="8781288" y="6141725"/>
                  </a:lnTo>
                  <a:lnTo>
                    <a:pt x="8791956" y="6141725"/>
                  </a:lnTo>
                  <a:lnTo>
                    <a:pt x="8791956" y="6132581"/>
                  </a:lnTo>
                  <a:close/>
                </a:path>
                <a:path w="10361930" h="6141720">
                  <a:moveTo>
                    <a:pt x="8770620" y="6132581"/>
                  </a:moveTo>
                  <a:lnTo>
                    <a:pt x="8761476" y="6132581"/>
                  </a:lnTo>
                  <a:lnTo>
                    <a:pt x="8761476" y="6141725"/>
                  </a:lnTo>
                  <a:lnTo>
                    <a:pt x="8770620" y="6141725"/>
                  </a:lnTo>
                  <a:lnTo>
                    <a:pt x="8770620" y="6132581"/>
                  </a:lnTo>
                  <a:close/>
                </a:path>
                <a:path w="10361930" h="6141720">
                  <a:moveTo>
                    <a:pt x="8750808" y="6132581"/>
                  </a:moveTo>
                  <a:lnTo>
                    <a:pt x="8740140" y="6132581"/>
                  </a:lnTo>
                  <a:lnTo>
                    <a:pt x="8740140" y="6141725"/>
                  </a:lnTo>
                  <a:lnTo>
                    <a:pt x="8750808" y="6141725"/>
                  </a:lnTo>
                  <a:lnTo>
                    <a:pt x="8750808" y="6132581"/>
                  </a:lnTo>
                  <a:close/>
                </a:path>
                <a:path w="10361930" h="6141720">
                  <a:moveTo>
                    <a:pt x="8729472" y="6132581"/>
                  </a:moveTo>
                  <a:lnTo>
                    <a:pt x="8720328" y="6132581"/>
                  </a:lnTo>
                  <a:lnTo>
                    <a:pt x="8720328" y="6141725"/>
                  </a:lnTo>
                  <a:lnTo>
                    <a:pt x="8729472" y="6141725"/>
                  </a:lnTo>
                  <a:lnTo>
                    <a:pt x="8729472" y="6132581"/>
                  </a:lnTo>
                  <a:close/>
                </a:path>
                <a:path w="10361930" h="6141720">
                  <a:moveTo>
                    <a:pt x="8709660" y="6132581"/>
                  </a:moveTo>
                  <a:lnTo>
                    <a:pt x="8698991" y="6132581"/>
                  </a:lnTo>
                  <a:lnTo>
                    <a:pt x="8698991" y="6141725"/>
                  </a:lnTo>
                  <a:lnTo>
                    <a:pt x="8709660" y="6141725"/>
                  </a:lnTo>
                  <a:lnTo>
                    <a:pt x="8709660" y="6132581"/>
                  </a:lnTo>
                  <a:close/>
                </a:path>
                <a:path w="10361930" h="6141720">
                  <a:moveTo>
                    <a:pt x="8688324" y="6132581"/>
                  </a:moveTo>
                  <a:lnTo>
                    <a:pt x="8679180" y="6132581"/>
                  </a:lnTo>
                  <a:lnTo>
                    <a:pt x="8679180" y="6141725"/>
                  </a:lnTo>
                  <a:lnTo>
                    <a:pt x="8688324" y="6141725"/>
                  </a:lnTo>
                  <a:lnTo>
                    <a:pt x="8688324" y="6132581"/>
                  </a:lnTo>
                  <a:close/>
                </a:path>
                <a:path w="10361930" h="6141720">
                  <a:moveTo>
                    <a:pt x="8668512" y="6132581"/>
                  </a:moveTo>
                  <a:lnTo>
                    <a:pt x="8657844" y="6132581"/>
                  </a:lnTo>
                  <a:lnTo>
                    <a:pt x="8657844" y="6141725"/>
                  </a:lnTo>
                  <a:lnTo>
                    <a:pt x="8668512" y="6141725"/>
                  </a:lnTo>
                  <a:lnTo>
                    <a:pt x="8668512" y="6132581"/>
                  </a:lnTo>
                  <a:close/>
                </a:path>
                <a:path w="10361930" h="6141720">
                  <a:moveTo>
                    <a:pt x="8647176" y="6132581"/>
                  </a:moveTo>
                  <a:lnTo>
                    <a:pt x="8638032" y="6132581"/>
                  </a:lnTo>
                  <a:lnTo>
                    <a:pt x="8638032" y="6141725"/>
                  </a:lnTo>
                  <a:lnTo>
                    <a:pt x="8647176" y="6141725"/>
                  </a:lnTo>
                  <a:lnTo>
                    <a:pt x="8647176" y="6132581"/>
                  </a:lnTo>
                  <a:close/>
                </a:path>
                <a:path w="10361930" h="6141720">
                  <a:moveTo>
                    <a:pt x="8627364" y="6132581"/>
                  </a:moveTo>
                  <a:lnTo>
                    <a:pt x="8616696" y="6132581"/>
                  </a:lnTo>
                  <a:lnTo>
                    <a:pt x="8616696" y="6141725"/>
                  </a:lnTo>
                  <a:lnTo>
                    <a:pt x="8627364" y="6141725"/>
                  </a:lnTo>
                  <a:lnTo>
                    <a:pt x="8627364" y="6132581"/>
                  </a:lnTo>
                  <a:close/>
                </a:path>
                <a:path w="10361930" h="6141720">
                  <a:moveTo>
                    <a:pt x="8606028" y="6132581"/>
                  </a:moveTo>
                  <a:lnTo>
                    <a:pt x="8596884" y="6132581"/>
                  </a:lnTo>
                  <a:lnTo>
                    <a:pt x="8596884" y="6141725"/>
                  </a:lnTo>
                  <a:lnTo>
                    <a:pt x="8606028" y="6141725"/>
                  </a:lnTo>
                  <a:lnTo>
                    <a:pt x="8606028" y="6132581"/>
                  </a:lnTo>
                  <a:close/>
                </a:path>
                <a:path w="10361930" h="6141720">
                  <a:moveTo>
                    <a:pt x="8586216" y="6132581"/>
                  </a:moveTo>
                  <a:lnTo>
                    <a:pt x="8575548" y="6132581"/>
                  </a:lnTo>
                  <a:lnTo>
                    <a:pt x="8575548" y="6141725"/>
                  </a:lnTo>
                  <a:lnTo>
                    <a:pt x="8586216" y="6141725"/>
                  </a:lnTo>
                  <a:lnTo>
                    <a:pt x="8586216" y="6132581"/>
                  </a:lnTo>
                  <a:close/>
                </a:path>
                <a:path w="10361930" h="6141720">
                  <a:moveTo>
                    <a:pt x="8564880" y="6132581"/>
                  </a:moveTo>
                  <a:lnTo>
                    <a:pt x="8555736" y="6132581"/>
                  </a:lnTo>
                  <a:lnTo>
                    <a:pt x="8555736" y="6141725"/>
                  </a:lnTo>
                  <a:lnTo>
                    <a:pt x="8564880" y="6141725"/>
                  </a:lnTo>
                  <a:lnTo>
                    <a:pt x="8564880" y="6132581"/>
                  </a:lnTo>
                  <a:close/>
                </a:path>
                <a:path w="10361930" h="6141720">
                  <a:moveTo>
                    <a:pt x="8545067" y="6132581"/>
                  </a:moveTo>
                  <a:lnTo>
                    <a:pt x="8534400" y="6132581"/>
                  </a:lnTo>
                  <a:lnTo>
                    <a:pt x="8534400" y="6141725"/>
                  </a:lnTo>
                  <a:lnTo>
                    <a:pt x="8545067" y="6141725"/>
                  </a:lnTo>
                  <a:lnTo>
                    <a:pt x="8545067" y="6132581"/>
                  </a:lnTo>
                  <a:close/>
                </a:path>
                <a:path w="10361930" h="6141720">
                  <a:moveTo>
                    <a:pt x="8523732" y="6132581"/>
                  </a:moveTo>
                  <a:lnTo>
                    <a:pt x="8514588" y="6132581"/>
                  </a:lnTo>
                  <a:lnTo>
                    <a:pt x="8514588" y="6141725"/>
                  </a:lnTo>
                  <a:lnTo>
                    <a:pt x="8523732" y="6141725"/>
                  </a:lnTo>
                  <a:lnTo>
                    <a:pt x="8523732" y="6132581"/>
                  </a:lnTo>
                  <a:close/>
                </a:path>
                <a:path w="10361930" h="6141720">
                  <a:moveTo>
                    <a:pt x="8503920" y="6132581"/>
                  </a:moveTo>
                  <a:lnTo>
                    <a:pt x="8493252" y="6132581"/>
                  </a:lnTo>
                  <a:lnTo>
                    <a:pt x="8493252" y="6141725"/>
                  </a:lnTo>
                  <a:lnTo>
                    <a:pt x="8503920" y="6141725"/>
                  </a:lnTo>
                  <a:lnTo>
                    <a:pt x="8503920" y="6132581"/>
                  </a:lnTo>
                  <a:close/>
                </a:path>
                <a:path w="10361930" h="6141720">
                  <a:moveTo>
                    <a:pt x="8482584" y="6132581"/>
                  </a:moveTo>
                  <a:lnTo>
                    <a:pt x="8473440" y="6132581"/>
                  </a:lnTo>
                  <a:lnTo>
                    <a:pt x="8473440" y="6141725"/>
                  </a:lnTo>
                  <a:lnTo>
                    <a:pt x="8482584" y="6141725"/>
                  </a:lnTo>
                  <a:lnTo>
                    <a:pt x="8482584" y="6132581"/>
                  </a:lnTo>
                  <a:close/>
                </a:path>
                <a:path w="10361930" h="6141720">
                  <a:moveTo>
                    <a:pt x="8462772" y="6132581"/>
                  </a:moveTo>
                  <a:lnTo>
                    <a:pt x="8452104" y="6132581"/>
                  </a:lnTo>
                  <a:lnTo>
                    <a:pt x="8452104" y="6141725"/>
                  </a:lnTo>
                  <a:lnTo>
                    <a:pt x="8462772" y="6141725"/>
                  </a:lnTo>
                  <a:lnTo>
                    <a:pt x="8462772" y="6132581"/>
                  </a:lnTo>
                  <a:close/>
                </a:path>
                <a:path w="10361930" h="6141720">
                  <a:moveTo>
                    <a:pt x="8441436" y="6132581"/>
                  </a:moveTo>
                  <a:lnTo>
                    <a:pt x="8432291" y="6132581"/>
                  </a:lnTo>
                  <a:lnTo>
                    <a:pt x="8432291" y="6141725"/>
                  </a:lnTo>
                  <a:lnTo>
                    <a:pt x="8441436" y="6141725"/>
                  </a:lnTo>
                  <a:lnTo>
                    <a:pt x="8441436" y="6132581"/>
                  </a:lnTo>
                  <a:close/>
                </a:path>
                <a:path w="10361930" h="6141720">
                  <a:moveTo>
                    <a:pt x="8421624" y="6132581"/>
                  </a:moveTo>
                  <a:lnTo>
                    <a:pt x="8410956" y="6132581"/>
                  </a:lnTo>
                  <a:lnTo>
                    <a:pt x="8410956" y="6141725"/>
                  </a:lnTo>
                  <a:lnTo>
                    <a:pt x="8421624" y="6141725"/>
                  </a:lnTo>
                  <a:lnTo>
                    <a:pt x="8421624" y="6132581"/>
                  </a:lnTo>
                  <a:close/>
                </a:path>
                <a:path w="10361930" h="6141720">
                  <a:moveTo>
                    <a:pt x="8400288" y="6132581"/>
                  </a:moveTo>
                  <a:lnTo>
                    <a:pt x="8391144" y="6132581"/>
                  </a:lnTo>
                  <a:lnTo>
                    <a:pt x="8391144" y="6141725"/>
                  </a:lnTo>
                  <a:lnTo>
                    <a:pt x="8400288" y="6141725"/>
                  </a:lnTo>
                  <a:lnTo>
                    <a:pt x="8400288" y="6132581"/>
                  </a:lnTo>
                  <a:close/>
                </a:path>
                <a:path w="10361930" h="6141720">
                  <a:moveTo>
                    <a:pt x="8380476" y="6132581"/>
                  </a:moveTo>
                  <a:lnTo>
                    <a:pt x="8369808" y="6132581"/>
                  </a:lnTo>
                  <a:lnTo>
                    <a:pt x="8369808" y="6141725"/>
                  </a:lnTo>
                  <a:lnTo>
                    <a:pt x="8380476" y="6141725"/>
                  </a:lnTo>
                  <a:lnTo>
                    <a:pt x="8380476" y="6132581"/>
                  </a:lnTo>
                  <a:close/>
                </a:path>
                <a:path w="10361930" h="6141720">
                  <a:moveTo>
                    <a:pt x="8359139" y="6132581"/>
                  </a:moveTo>
                  <a:lnTo>
                    <a:pt x="8349996" y="6132581"/>
                  </a:lnTo>
                  <a:lnTo>
                    <a:pt x="8349996" y="6141725"/>
                  </a:lnTo>
                  <a:lnTo>
                    <a:pt x="8359139" y="6141725"/>
                  </a:lnTo>
                  <a:lnTo>
                    <a:pt x="8359139" y="6132581"/>
                  </a:lnTo>
                  <a:close/>
                </a:path>
                <a:path w="10361930" h="6141720">
                  <a:moveTo>
                    <a:pt x="8339328" y="6132581"/>
                  </a:moveTo>
                  <a:lnTo>
                    <a:pt x="8328659" y="6132581"/>
                  </a:lnTo>
                  <a:lnTo>
                    <a:pt x="8328659" y="6141725"/>
                  </a:lnTo>
                  <a:lnTo>
                    <a:pt x="8339328" y="6141725"/>
                  </a:lnTo>
                  <a:lnTo>
                    <a:pt x="8339328" y="6132581"/>
                  </a:lnTo>
                  <a:close/>
                </a:path>
                <a:path w="10361930" h="6141720">
                  <a:moveTo>
                    <a:pt x="8317991" y="6132581"/>
                  </a:moveTo>
                  <a:lnTo>
                    <a:pt x="8308848" y="6132581"/>
                  </a:lnTo>
                  <a:lnTo>
                    <a:pt x="8308848" y="6141725"/>
                  </a:lnTo>
                  <a:lnTo>
                    <a:pt x="8317991" y="6141725"/>
                  </a:lnTo>
                  <a:lnTo>
                    <a:pt x="8317991" y="6132581"/>
                  </a:lnTo>
                  <a:close/>
                </a:path>
                <a:path w="10361930" h="6141720">
                  <a:moveTo>
                    <a:pt x="8298180" y="6132581"/>
                  </a:moveTo>
                  <a:lnTo>
                    <a:pt x="8287511" y="6132581"/>
                  </a:lnTo>
                  <a:lnTo>
                    <a:pt x="8287511" y="6141725"/>
                  </a:lnTo>
                  <a:lnTo>
                    <a:pt x="8298180" y="6141725"/>
                  </a:lnTo>
                  <a:lnTo>
                    <a:pt x="8298180" y="6132581"/>
                  </a:lnTo>
                  <a:close/>
                </a:path>
                <a:path w="10361930" h="6141720">
                  <a:moveTo>
                    <a:pt x="8276844" y="6132581"/>
                  </a:moveTo>
                  <a:lnTo>
                    <a:pt x="8267700" y="6132581"/>
                  </a:lnTo>
                  <a:lnTo>
                    <a:pt x="8267700" y="6141725"/>
                  </a:lnTo>
                  <a:lnTo>
                    <a:pt x="8276844" y="6141725"/>
                  </a:lnTo>
                  <a:lnTo>
                    <a:pt x="8276844" y="6132581"/>
                  </a:lnTo>
                  <a:close/>
                </a:path>
                <a:path w="10361930" h="6141720">
                  <a:moveTo>
                    <a:pt x="8257032" y="6132581"/>
                  </a:moveTo>
                  <a:lnTo>
                    <a:pt x="8246363" y="6132581"/>
                  </a:lnTo>
                  <a:lnTo>
                    <a:pt x="8246363" y="6141725"/>
                  </a:lnTo>
                  <a:lnTo>
                    <a:pt x="8257032" y="6141725"/>
                  </a:lnTo>
                  <a:lnTo>
                    <a:pt x="8257032" y="6132581"/>
                  </a:lnTo>
                  <a:close/>
                </a:path>
                <a:path w="10361930" h="6141720">
                  <a:moveTo>
                    <a:pt x="8235696" y="6132581"/>
                  </a:moveTo>
                  <a:lnTo>
                    <a:pt x="8226552" y="6132581"/>
                  </a:lnTo>
                  <a:lnTo>
                    <a:pt x="8226552" y="6141725"/>
                  </a:lnTo>
                  <a:lnTo>
                    <a:pt x="8235696" y="6141725"/>
                  </a:lnTo>
                  <a:lnTo>
                    <a:pt x="8235696" y="6132581"/>
                  </a:lnTo>
                  <a:close/>
                </a:path>
                <a:path w="10361930" h="6141720">
                  <a:moveTo>
                    <a:pt x="8215883" y="6132581"/>
                  </a:moveTo>
                  <a:lnTo>
                    <a:pt x="8205215" y="6132581"/>
                  </a:lnTo>
                  <a:lnTo>
                    <a:pt x="8205215" y="6141725"/>
                  </a:lnTo>
                  <a:lnTo>
                    <a:pt x="8215883" y="6141725"/>
                  </a:lnTo>
                  <a:lnTo>
                    <a:pt x="8215883" y="6132581"/>
                  </a:lnTo>
                  <a:close/>
                </a:path>
                <a:path w="10361930" h="6141720">
                  <a:moveTo>
                    <a:pt x="8194548" y="6132581"/>
                  </a:moveTo>
                  <a:lnTo>
                    <a:pt x="8185404" y="6132581"/>
                  </a:lnTo>
                  <a:lnTo>
                    <a:pt x="8185404" y="6141725"/>
                  </a:lnTo>
                  <a:lnTo>
                    <a:pt x="8194548" y="6141725"/>
                  </a:lnTo>
                  <a:lnTo>
                    <a:pt x="8194548" y="6132581"/>
                  </a:lnTo>
                  <a:close/>
                </a:path>
                <a:path w="10361930" h="6141720">
                  <a:moveTo>
                    <a:pt x="8174735" y="6132581"/>
                  </a:moveTo>
                  <a:lnTo>
                    <a:pt x="8164067" y="6132581"/>
                  </a:lnTo>
                  <a:lnTo>
                    <a:pt x="8164067" y="6141725"/>
                  </a:lnTo>
                  <a:lnTo>
                    <a:pt x="8174735" y="6141725"/>
                  </a:lnTo>
                  <a:lnTo>
                    <a:pt x="8174735" y="6132581"/>
                  </a:lnTo>
                  <a:close/>
                </a:path>
                <a:path w="10361930" h="6141720">
                  <a:moveTo>
                    <a:pt x="8154924" y="6132581"/>
                  </a:moveTo>
                  <a:lnTo>
                    <a:pt x="8144256" y="6132581"/>
                  </a:lnTo>
                  <a:lnTo>
                    <a:pt x="8144256" y="6141725"/>
                  </a:lnTo>
                  <a:lnTo>
                    <a:pt x="8154924" y="6141725"/>
                  </a:lnTo>
                  <a:lnTo>
                    <a:pt x="8154924" y="6132581"/>
                  </a:lnTo>
                  <a:close/>
                </a:path>
                <a:path w="10361930" h="6141720">
                  <a:moveTo>
                    <a:pt x="8133587" y="6132581"/>
                  </a:moveTo>
                  <a:lnTo>
                    <a:pt x="8122920" y="6132581"/>
                  </a:lnTo>
                  <a:lnTo>
                    <a:pt x="8122920" y="6141725"/>
                  </a:lnTo>
                  <a:lnTo>
                    <a:pt x="8133587" y="6141725"/>
                  </a:lnTo>
                  <a:lnTo>
                    <a:pt x="8133587" y="6132581"/>
                  </a:lnTo>
                  <a:close/>
                </a:path>
                <a:path w="10361930" h="6141720">
                  <a:moveTo>
                    <a:pt x="8113776" y="6132581"/>
                  </a:moveTo>
                  <a:lnTo>
                    <a:pt x="8103108" y="6132581"/>
                  </a:lnTo>
                  <a:lnTo>
                    <a:pt x="8103108" y="6141725"/>
                  </a:lnTo>
                  <a:lnTo>
                    <a:pt x="8113776" y="6141725"/>
                  </a:lnTo>
                  <a:lnTo>
                    <a:pt x="8113776" y="6132581"/>
                  </a:lnTo>
                  <a:close/>
                </a:path>
                <a:path w="10361930" h="6141720">
                  <a:moveTo>
                    <a:pt x="8092439" y="6132581"/>
                  </a:moveTo>
                  <a:lnTo>
                    <a:pt x="8081772" y="6132581"/>
                  </a:lnTo>
                  <a:lnTo>
                    <a:pt x="8081772" y="6141725"/>
                  </a:lnTo>
                  <a:lnTo>
                    <a:pt x="8092439" y="6141725"/>
                  </a:lnTo>
                  <a:lnTo>
                    <a:pt x="8092439" y="6132581"/>
                  </a:lnTo>
                  <a:close/>
                </a:path>
                <a:path w="10361930" h="6141720">
                  <a:moveTo>
                    <a:pt x="8072628" y="6132581"/>
                  </a:moveTo>
                  <a:lnTo>
                    <a:pt x="8061959" y="6132581"/>
                  </a:lnTo>
                  <a:lnTo>
                    <a:pt x="8061959" y="6141725"/>
                  </a:lnTo>
                  <a:lnTo>
                    <a:pt x="8072628" y="6141725"/>
                  </a:lnTo>
                  <a:lnTo>
                    <a:pt x="8072628" y="6132581"/>
                  </a:lnTo>
                  <a:close/>
                </a:path>
                <a:path w="10361930" h="6141720">
                  <a:moveTo>
                    <a:pt x="8051291" y="6132581"/>
                  </a:moveTo>
                  <a:lnTo>
                    <a:pt x="8040624" y="6132581"/>
                  </a:lnTo>
                  <a:lnTo>
                    <a:pt x="8040624" y="6141725"/>
                  </a:lnTo>
                  <a:lnTo>
                    <a:pt x="8051291" y="6141725"/>
                  </a:lnTo>
                  <a:lnTo>
                    <a:pt x="8051291" y="6132581"/>
                  </a:lnTo>
                  <a:close/>
                </a:path>
                <a:path w="10361930" h="6141720">
                  <a:moveTo>
                    <a:pt x="8031480" y="6132581"/>
                  </a:moveTo>
                  <a:lnTo>
                    <a:pt x="8020811" y="6132581"/>
                  </a:lnTo>
                  <a:lnTo>
                    <a:pt x="8020811" y="6141725"/>
                  </a:lnTo>
                  <a:lnTo>
                    <a:pt x="8031480" y="6141725"/>
                  </a:lnTo>
                  <a:lnTo>
                    <a:pt x="8031480" y="6132581"/>
                  </a:lnTo>
                  <a:close/>
                </a:path>
                <a:path w="10361930" h="6141720">
                  <a:moveTo>
                    <a:pt x="8010144" y="6132581"/>
                  </a:moveTo>
                  <a:lnTo>
                    <a:pt x="7999476" y="6132581"/>
                  </a:lnTo>
                  <a:lnTo>
                    <a:pt x="7999476" y="6141725"/>
                  </a:lnTo>
                  <a:lnTo>
                    <a:pt x="8010144" y="6141725"/>
                  </a:lnTo>
                  <a:lnTo>
                    <a:pt x="8010144" y="6132581"/>
                  </a:lnTo>
                  <a:close/>
                </a:path>
                <a:path w="10361930" h="6141720">
                  <a:moveTo>
                    <a:pt x="7990332" y="6132581"/>
                  </a:moveTo>
                  <a:lnTo>
                    <a:pt x="7979663" y="6132581"/>
                  </a:lnTo>
                  <a:lnTo>
                    <a:pt x="7979663" y="6141725"/>
                  </a:lnTo>
                  <a:lnTo>
                    <a:pt x="7990332" y="6141725"/>
                  </a:lnTo>
                  <a:lnTo>
                    <a:pt x="7990332" y="6132581"/>
                  </a:lnTo>
                  <a:close/>
                </a:path>
                <a:path w="10361930" h="6141720">
                  <a:moveTo>
                    <a:pt x="7968996" y="6132581"/>
                  </a:moveTo>
                  <a:lnTo>
                    <a:pt x="7958328" y="6132581"/>
                  </a:lnTo>
                  <a:lnTo>
                    <a:pt x="7958328" y="6141725"/>
                  </a:lnTo>
                  <a:lnTo>
                    <a:pt x="7968996" y="6141725"/>
                  </a:lnTo>
                  <a:lnTo>
                    <a:pt x="7968996" y="6132581"/>
                  </a:lnTo>
                  <a:close/>
                </a:path>
                <a:path w="10361930" h="6141720">
                  <a:moveTo>
                    <a:pt x="7949183" y="6132581"/>
                  </a:moveTo>
                  <a:lnTo>
                    <a:pt x="7938515" y="6132581"/>
                  </a:lnTo>
                  <a:lnTo>
                    <a:pt x="7938515" y="6141725"/>
                  </a:lnTo>
                  <a:lnTo>
                    <a:pt x="7949183" y="6141725"/>
                  </a:lnTo>
                  <a:lnTo>
                    <a:pt x="7949183" y="6132581"/>
                  </a:lnTo>
                  <a:close/>
                </a:path>
                <a:path w="10361930" h="6141720">
                  <a:moveTo>
                    <a:pt x="7927848" y="6132581"/>
                  </a:moveTo>
                  <a:lnTo>
                    <a:pt x="7917180" y="6132581"/>
                  </a:lnTo>
                  <a:lnTo>
                    <a:pt x="7917180" y="6141725"/>
                  </a:lnTo>
                  <a:lnTo>
                    <a:pt x="7927848" y="6141725"/>
                  </a:lnTo>
                  <a:lnTo>
                    <a:pt x="7927848" y="6132581"/>
                  </a:lnTo>
                  <a:close/>
                </a:path>
                <a:path w="10361930" h="6141720">
                  <a:moveTo>
                    <a:pt x="7908035" y="6132581"/>
                  </a:moveTo>
                  <a:lnTo>
                    <a:pt x="7897367" y="6132581"/>
                  </a:lnTo>
                  <a:lnTo>
                    <a:pt x="7897367" y="6141725"/>
                  </a:lnTo>
                  <a:lnTo>
                    <a:pt x="7908035" y="6141725"/>
                  </a:lnTo>
                  <a:lnTo>
                    <a:pt x="7908035" y="6132581"/>
                  </a:lnTo>
                  <a:close/>
                </a:path>
                <a:path w="10361930" h="6141720">
                  <a:moveTo>
                    <a:pt x="7886700" y="6132581"/>
                  </a:moveTo>
                  <a:lnTo>
                    <a:pt x="7876032" y="6132581"/>
                  </a:lnTo>
                  <a:lnTo>
                    <a:pt x="7876032" y="6141725"/>
                  </a:lnTo>
                  <a:lnTo>
                    <a:pt x="7886700" y="6141725"/>
                  </a:lnTo>
                  <a:lnTo>
                    <a:pt x="7886700" y="6132581"/>
                  </a:lnTo>
                  <a:close/>
                </a:path>
                <a:path w="10361930" h="6141720">
                  <a:moveTo>
                    <a:pt x="7866887" y="6132581"/>
                  </a:moveTo>
                  <a:lnTo>
                    <a:pt x="7856220" y="6132581"/>
                  </a:lnTo>
                  <a:lnTo>
                    <a:pt x="7856220" y="6141725"/>
                  </a:lnTo>
                  <a:lnTo>
                    <a:pt x="7866887" y="6141725"/>
                  </a:lnTo>
                  <a:lnTo>
                    <a:pt x="7866887" y="6132581"/>
                  </a:lnTo>
                  <a:close/>
                </a:path>
                <a:path w="10361930" h="6141720">
                  <a:moveTo>
                    <a:pt x="7845552" y="6132581"/>
                  </a:moveTo>
                  <a:lnTo>
                    <a:pt x="7834883" y="6132581"/>
                  </a:lnTo>
                  <a:lnTo>
                    <a:pt x="7834883" y="6141725"/>
                  </a:lnTo>
                  <a:lnTo>
                    <a:pt x="7845552" y="6141725"/>
                  </a:lnTo>
                  <a:lnTo>
                    <a:pt x="7845552" y="6132581"/>
                  </a:lnTo>
                  <a:close/>
                </a:path>
                <a:path w="10361930" h="6141720">
                  <a:moveTo>
                    <a:pt x="7825739" y="6132581"/>
                  </a:moveTo>
                  <a:lnTo>
                    <a:pt x="7815072" y="6132581"/>
                  </a:lnTo>
                  <a:lnTo>
                    <a:pt x="7815072" y="6141725"/>
                  </a:lnTo>
                  <a:lnTo>
                    <a:pt x="7825739" y="6141725"/>
                  </a:lnTo>
                  <a:lnTo>
                    <a:pt x="7825739" y="6132581"/>
                  </a:lnTo>
                  <a:close/>
                </a:path>
                <a:path w="10361930" h="6141720">
                  <a:moveTo>
                    <a:pt x="7804404" y="6132581"/>
                  </a:moveTo>
                  <a:lnTo>
                    <a:pt x="7793735" y="6132581"/>
                  </a:lnTo>
                  <a:lnTo>
                    <a:pt x="7793735" y="6141725"/>
                  </a:lnTo>
                  <a:lnTo>
                    <a:pt x="7804404" y="6141725"/>
                  </a:lnTo>
                  <a:lnTo>
                    <a:pt x="7804404" y="6132581"/>
                  </a:lnTo>
                  <a:close/>
                </a:path>
                <a:path w="10361930" h="6141720">
                  <a:moveTo>
                    <a:pt x="7784591" y="6132581"/>
                  </a:moveTo>
                  <a:lnTo>
                    <a:pt x="7773924" y="6132581"/>
                  </a:lnTo>
                  <a:lnTo>
                    <a:pt x="7773924" y="6141725"/>
                  </a:lnTo>
                  <a:lnTo>
                    <a:pt x="7784591" y="6141725"/>
                  </a:lnTo>
                  <a:lnTo>
                    <a:pt x="7784591" y="6132581"/>
                  </a:lnTo>
                  <a:close/>
                </a:path>
                <a:path w="10361930" h="6141720">
                  <a:moveTo>
                    <a:pt x="7763256" y="6132581"/>
                  </a:moveTo>
                  <a:lnTo>
                    <a:pt x="7752587" y="6132581"/>
                  </a:lnTo>
                  <a:lnTo>
                    <a:pt x="7752587" y="6141725"/>
                  </a:lnTo>
                  <a:lnTo>
                    <a:pt x="7763256" y="6141725"/>
                  </a:lnTo>
                  <a:lnTo>
                    <a:pt x="7763256" y="6132581"/>
                  </a:lnTo>
                  <a:close/>
                </a:path>
                <a:path w="10361930" h="6141720">
                  <a:moveTo>
                    <a:pt x="7743444" y="6132581"/>
                  </a:moveTo>
                  <a:lnTo>
                    <a:pt x="7732776" y="6132581"/>
                  </a:lnTo>
                  <a:lnTo>
                    <a:pt x="7732776" y="6141725"/>
                  </a:lnTo>
                  <a:lnTo>
                    <a:pt x="7743444" y="6141725"/>
                  </a:lnTo>
                  <a:lnTo>
                    <a:pt x="7743444" y="6132581"/>
                  </a:lnTo>
                  <a:close/>
                </a:path>
                <a:path w="10361930" h="6141720">
                  <a:moveTo>
                    <a:pt x="7722108" y="6132581"/>
                  </a:moveTo>
                  <a:lnTo>
                    <a:pt x="7711439" y="6132581"/>
                  </a:lnTo>
                  <a:lnTo>
                    <a:pt x="7711439" y="6141725"/>
                  </a:lnTo>
                  <a:lnTo>
                    <a:pt x="7722108" y="6141725"/>
                  </a:lnTo>
                  <a:lnTo>
                    <a:pt x="7722108" y="6132581"/>
                  </a:lnTo>
                  <a:close/>
                </a:path>
                <a:path w="10361930" h="6141720">
                  <a:moveTo>
                    <a:pt x="7702296" y="6132581"/>
                  </a:moveTo>
                  <a:lnTo>
                    <a:pt x="7691628" y="6132581"/>
                  </a:lnTo>
                  <a:lnTo>
                    <a:pt x="7691628" y="6141725"/>
                  </a:lnTo>
                  <a:lnTo>
                    <a:pt x="7702296" y="6141725"/>
                  </a:lnTo>
                  <a:lnTo>
                    <a:pt x="7702296" y="6132581"/>
                  </a:lnTo>
                  <a:close/>
                </a:path>
                <a:path w="10361930" h="6141720">
                  <a:moveTo>
                    <a:pt x="7680959" y="6132581"/>
                  </a:moveTo>
                  <a:lnTo>
                    <a:pt x="7670291" y="6132581"/>
                  </a:lnTo>
                  <a:lnTo>
                    <a:pt x="7670291" y="6141725"/>
                  </a:lnTo>
                  <a:lnTo>
                    <a:pt x="7680959" y="6141725"/>
                  </a:lnTo>
                  <a:lnTo>
                    <a:pt x="7680959" y="6132581"/>
                  </a:lnTo>
                  <a:close/>
                </a:path>
                <a:path w="10361930" h="6141720">
                  <a:moveTo>
                    <a:pt x="7661148" y="6132581"/>
                  </a:moveTo>
                  <a:lnTo>
                    <a:pt x="7650480" y="6132581"/>
                  </a:lnTo>
                  <a:lnTo>
                    <a:pt x="7650480" y="6141725"/>
                  </a:lnTo>
                  <a:lnTo>
                    <a:pt x="7661148" y="6141725"/>
                  </a:lnTo>
                  <a:lnTo>
                    <a:pt x="7661148" y="6132581"/>
                  </a:lnTo>
                  <a:close/>
                </a:path>
                <a:path w="10361930" h="6141720">
                  <a:moveTo>
                    <a:pt x="7639811" y="6132581"/>
                  </a:moveTo>
                  <a:lnTo>
                    <a:pt x="7629144" y="6132581"/>
                  </a:lnTo>
                  <a:lnTo>
                    <a:pt x="7629144" y="6141725"/>
                  </a:lnTo>
                  <a:lnTo>
                    <a:pt x="7639811" y="6141725"/>
                  </a:lnTo>
                  <a:lnTo>
                    <a:pt x="7639811" y="6132581"/>
                  </a:lnTo>
                  <a:close/>
                </a:path>
                <a:path w="10361930" h="6141720">
                  <a:moveTo>
                    <a:pt x="7620000" y="6132581"/>
                  </a:moveTo>
                  <a:lnTo>
                    <a:pt x="7609332" y="6132581"/>
                  </a:lnTo>
                  <a:lnTo>
                    <a:pt x="7609332" y="6141725"/>
                  </a:lnTo>
                  <a:lnTo>
                    <a:pt x="7620000" y="6141725"/>
                  </a:lnTo>
                  <a:lnTo>
                    <a:pt x="7620000" y="6132581"/>
                  </a:lnTo>
                  <a:close/>
                </a:path>
                <a:path w="10361930" h="6141720">
                  <a:moveTo>
                    <a:pt x="7598663" y="6132581"/>
                  </a:moveTo>
                  <a:lnTo>
                    <a:pt x="7587996" y="6132581"/>
                  </a:lnTo>
                  <a:lnTo>
                    <a:pt x="7587996" y="6141725"/>
                  </a:lnTo>
                  <a:lnTo>
                    <a:pt x="7598663" y="6141725"/>
                  </a:lnTo>
                  <a:lnTo>
                    <a:pt x="7598663" y="6132581"/>
                  </a:lnTo>
                  <a:close/>
                </a:path>
                <a:path w="10361930" h="6141720">
                  <a:moveTo>
                    <a:pt x="7578852" y="6132581"/>
                  </a:moveTo>
                  <a:lnTo>
                    <a:pt x="7568183" y="6132581"/>
                  </a:lnTo>
                  <a:lnTo>
                    <a:pt x="7568183" y="6141725"/>
                  </a:lnTo>
                  <a:lnTo>
                    <a:pt x="7578852" y="6141725"/>
                  </a:lnTo>
                  <a:lnTo>
                    <a:pt x="7578852" y="6132581"/>
                  </a:lnTo>
                  <a:close/>
                </a:path>
                <a:path w="10361930" h="6141720">
                  <a:moveTo>
                    <a:pt x="7557515" y="6132581"/>
                  </a:moveTo>
                  <a:lnTo>
                    <a:pt x="7548372" y="6132581"/>
                  </a:lnTo>
                  <a:lnTo>
                    <a:pt x="7548372" y="6141725"/>
                  </a:lnTo>
                  <a:lnTo>
                    <a:pt x="7557515" y="6141725"/>
                  </a:lnTo>
                  <a:lnTo>
                    <a:pt x="7557515" y="6132581"/>
                  </a:lnTo>
                  <a:close/>
                </a:path>
                <a:path w="10361930" h="6141720">
                  <a:moveTo>
                    <a:pt x="7537704" y="6132581"/>
                  </a:moveTo>
                  <a:lnTo>
                    <a:pt x="7527035" y="6132581"/>
                  </a:lnTo>
                  <a:lnTo>
                    <a:pt x="7527035" y="6141725"/>
                  </a:lnTo>
                  <a:lnTo>
                    <a:pt x="7537704" y="6141725"/>
                  </a:lnTo>
                  <a:lnTo>
                    <a:pt x="7537704" y="6132581"/>
                  </a:lnTo>
                  <a:close/>
                </a:path>
                <a:path w="10361930" h="6141720">
                  <a:moveTo>
                    <a:pt x="7516367" y="6132581"/>
                  </a:moveTo>
                  <a:lnTo>
                    <a:pt x="7507224" y="6132581"/>
                  </a:lnTo>
                  <a:lnTo>
                    <a:pt x="7507224" y="6141725"/>
                  </a:lnTo>
                  <a:lnTo>
                    <a:pt x="7516367" y="6141725"/>
                  </a:lnTo>
                  <a:lnTo>
                    <a:pt x="7516367" y="6132581"/>
                  </a:lnTo>
                  <a:close/>
                </a:path>
                <a:path w="10361930" h="6141720">
                  <a:moveTo>
                    <a:pt x="7496556" y="6132581"/>
                  </a:moveTo>
                  <a:lnTo>
                    <a:pt x="7485887" y="6132581"/>
                  </a:lnTo>
                  <a:lnTo>
                    <a:pt x="7485887" y="6141725"/>
                  </a:lnTo>
                  <a:lnTo>
                    <a:pt x="7496556" y="6141725"/>
                  </a:lnTo>
                  <a:lnTo>
                    <a:pt x="7496556" y="6132581"/>
                  </a:lnTo>
                  <a:close/>
                </a:path>
                <a:path w="10361930" h="6141720">
                  <a:moveTo>
                    <a:pt x="7475220" y="6132581"/>
                  </a:moveTo>
                  <a:lnTo>
                    <a:pt x="7466076" y="6132581"/>
                  </a:lnTo>
                  <a:lnTo>
                    <a:pt x="7466076" y="6141725"/>
                  </a:lnTo>
                  <a:lnTo>
                    <a:pt x="7475220" y="6141725"/>
                  </a:lnTo>
                  <a:lnTo>
                    <a:pt x="7475220" y="6132581"/>
                  </a:lnTo>
                  <a:close/>
                </a:path>
                <a:path w="10361930" h="6141720">
                  <a:moveTo>
                    <a:pt x="7455408" y="6132581"/>
                  </a:moveTo>
                  <a:lnTo>
                    <a:pt x="7444739" y="6132581"/>
                  </a:lnTo>
                  <a:lnTo>
                    <a:pt x="7444739" y="6141725"/>
                  </a:lnTo>
                  <a:lnTo>
                    <a:pt x="7455408" y="6141725"/>
                  </a:lnTo>
                  <a:lnTo>
                    <a:pt x="7455408" y="6132581"/>
                  </a:lnTo>
                  <a:close/>
                </a:path>
                <a:path w="10361930" h="6141720">
                  <a:moveTo>
                    <a:pt x="7434072" y="6132581"/>
                  </a:moveTo>
                  <a:lnTo>
                    <a:pt x="7424928" y="6132581"/>
                  </a:lnTo>
                  <a:lnTo>
                    <a:pt x="7424928" y="6141725"/>
                  </a:lnTo>
                  <a:lnTo>
                    <a:pt x="7434072" y="6141725"/>
                  </a:lnTo>
                  <a:lnTo>
                    <a:pt x="7434072" y="6132581"/>
                  </a:lnTo>
                  <a:close/>
                </a:path>
                <a:path w="10361930" h="6141720">
                  <a:moveTo>
                    <a:pt x="7414259" y="6132581"/>
                  </a:moveTo>
                  <a:lnTo>
                    <a:pt x="7403591" y="6132581"/>
                  </a:lnTo>
                  <a:lnTo>
                    <a:pt x="7403591" y="6141725"/>
                  </a:lnTo>
                  <a:lnTo>
                    <a:pt x="7414259" y="6141725"/>
                  </a:lnTo>
                  <a:lnTo>
                    <a:pt x="7414259" y="6132581"/>
                  </a:lnTo>
                  <a:close/>
                </a:path>
                <a:path w="10361930" h="6141720">
                  <a:moveTo>
                    <a:pt x="7392924" y="6132581"/>
                  </a:moveTo>
                  <a:lnTo>
                    <a:pt x="7383780" y="6132581"/>
                  </a:lnTo>
                  <a:lnTo>
                    <a:pt x="7383780" y="6141725"/>
                  </a:lnTo>
                  <a:lnTo>
                    <a:pt x="7392924" y="6141725"/>
                  </a:lnTo>
                  <a:lnTo>
                    <a:pt x="7392924" y="6132581"/>
                  </a:lnTo>
                  <a:close/>
                </a:path>
                <a:path w="10361930" h="6141720">
                  <a:moveTo>
                    <a:pt x="7373111" y="6132581"/>
                  </a:moveTo>
                  <a:lnTo>
                    <a:pt x="7362444" y="6132581"/>
                  </a:lnTo>
                  <a:lnTo>
                    <a:pt x="7362444" y="6141725"/>
                  </a:lnTo>
                  <a:lnTo>
                    <a:pt x="7373111" y="6141725"/>
                  </a:lnTo>
                  <a:lnTo>
                    <a:pt x="7373111" y="6132581"/>
                  </a:lnTo>
                  <a:close/>
                </a:path>
                <a:path w="10361930" h="6141720">
                  <a:moveTo>
                    <a:pt x="7351776" y="6132581"/>
                  </a:moveTo>
                  <a:lnTo>
                    <a:pt x="7342632" y="6132581"/>
                  </a:lnTo>
                  <a:lnTo>
                    <a:pt x="7342632" y="6141725"/>
                  </a:lnTo>
                  <a:lnTo>
                    <a:pt x="7351776" y="6141725"/>
                  </a:lnTo>
                  <a:lnTo>
                    <a:pt x="7351776" y="6132581"/>
                  </a:lnTo>
                  <a:close/>
                </a:path>
                <a:path w="10361930" h="6141720">
                  <a:moveTo>
                    <a:pt x="7331963" y="6132581"/>
                  </a:moveTo>
                  <a:lnTo>
                    <a:pt x="7321296" y="6132581"/>
                  </a:lnTo>
                  <a:lnTo>
                    <a:pt x="7321296" y="6141725"/>
                  </a:lnTo>
                  <a:lnTo>
                    <a:pt x="7331963" y="6141725"/>
                  </a:lnTo>
                  <a:lnTo>
                    <a:pt x="7331963" y="6132581"/>
                  </a:lnTo>
                  <a:close/>
                </a:path>
                <a:path w="10361930" h="6141720">
                  <a:moveTo>
                    <a:pt x="7310628" y="6132581"/>
                  </a:moveTo>
                  <a:lnTo>
                    <a:pt x="7301483" y="6132581"/>
                  </a:lnTo>
                  <a:lnTo>
                    <a:pt x="7301483" y="6141725"/>
                  </a:lnTo>
                  <a:lnTo>
                    <a:pt x="7310628" y="6141725"/>
                  </a:lnTo>
                  <a:lnTo>
                    <a:pt x="7310628" y="6132581"/>
                  </a:lnTo>
                  <a:close/>
                </a:path>
                <a:path w="10361930" h="6141720">
                  <a:moveTo>
                    <a:pt x="7290815" y="6132581"/>
                  </a:moveTo>
                  <a:lnTo>
                    <a:pt x="7280148" y="6132581"/>
                  </a:lnTo>
                  <a:lnTo>
                    <a:pt x="7280148" y="6141725"/>
                  </a:lnTo>
                  <a:lnTo>
                    <a:pt x="7290815" y="6141725"/>
                  </a:lnTo>
                  <a:lnTo>
                    <a:pt x="7290815" y="6132581"/>
                  </a:lnTo>
                  <a:close/>
                </a:path>
                <a:path w="10361930" h="6141720">
                  <a:moveTo>
                    <a:pt x="7269480" y="6132581"/>
                  </a:moveTo>
                  <a:lnTo>
                    <a:pt x="7260335" y="6132581"/>
                  </a:lnTo>
                  <a:lnTo>
                    <a:pt x="7260335" y="6141725"/>
                  </a:lnTo>
                  <a:lnTo>
                    <a:pt x="7269480" y="6141725"/>
                  </a:lnTo>
                  <a:lnTo>
                    <a:pt x="7269480" y="6132581"/>
                  </a:lnTo>
                  <a:close/>
                </a:path>
                <a:path w="10361930" h="6141720">
                  <a:moveTo>
                    <a:pt x="7249667" y="6132581"/>
                  </a:moveTo>
                  <a:lnTo>
                    <a:pt x="7239000" y="6132581"/>
                  </a:lnTo>
                  <a:lnTo>
                    <a:pt x="7239000" y="6141725"/>
                  </a:lnTo>
                  <a:lnTo>
                    <a:pt x="7249667" y="6141725"/>
                  </a:lnTo>
                  <a:lnTo>
                    <a:pt x="7249667" y="6132581"/>
                  </a:lnTo>
                  <a:close/>
                </a:path>
                <a:path w="10361930" h="6141720">
                  <a:moveTo>
                    <a:pt x="7228332" y="6132581"/>
                  </a:moveTo>
                  <a:lnTo>
                    <a:pt x="7219187" y="6132581"/>
                  </a:lnTo>
                  <a:lnTo>
                    <a:pt x="7219187" y="6141725"/>
                  </a:lnTo>
                  <a:lnTo>
                    <a:pt x="7228332" y="6141725"/>
                  </a:lnTo>
                  <a:lnTo>
                    <a:pt x="7228332" y="6132581"/>
                  </a:lnTo>
                  <a:close/>
                </a:path>
                <a:path w="10361930" h="6141720">
                  <a:moveTo>
                    <a:pt x="7208520" y="6132581"/>
                  </a:moveTo>
                  <a:lnTo>
                    <a:pt x="7197852" y="6132581"/>
                  </a:lnTo>
                  <a:lnTo>
                    <a:pt x="7197852" y="6141725"/>
                  </a:lnTo>
                  <a:lnTo>
                    <a:pt x="7208520" y="6141725"/>
                  </a:lnTo>
                  <a:lnTo>
                    <a:pt x="7208520" y="6132581"/>
                  </a:lnTo>
                  <a:close/>
                </a:path>
                <a:path w="10361930" h="6141720">
                  <a:moveTo>
                    <a:pt x="7187183" y="6132581"/>
                  </a:moveTo>
                  <a:lnTo>
                    <a:pt x="7178039" y="6132581"/>
                  </a:lnTo>
                  <a:lnTo>
                    <a:pt x="7178039" y="6141725"/>
                  </a:lnTo>
                  <a:lnTo>
                    <a:pt x="7187183" y="6141725"/>
                  </a:lnTo>
                  <a:lnTo>
                    <a:pt x="7187183" y="6132581"/>
                  </a:lnTo>
                  <a:close/>
                </a:path>
                <a:path w="10361930" h="6141720">
                  <a:moveTo>
                    <a:pt x="7167372" y="6132581"/>
                  </a:moveTo>
                  <a:lnTo>
                    <a:pt x="7156704" y="6132581"/>
                  </a:lnTo>
                  <a:lnTo>
                    <a:pt x="7156704" y="6141725"/>
                  </a:lnTo>
                  <a:lnTo>
                    <a:pt x="7167372" y="6141725"/>
                  </a:lnTo>
                  <a:lnTo>
                    <a:pt x="7167372" y="6132581"/>
                  </a:lnTo>
                  <a:close/>
                </a:path>
                <a:path w="10361930" h="6141720">
                  <a:moveTo>
                    <a:pt x="7146035" y="6132581"/>
                  </a:moveTo>
                  <a:lnTo>
                    <a:pt x="7136891" y="6132581"/>
                  </a:lnTo>
                  <a:lnTo>
                    <a:pt x="7136891" y="6141725"/>
                  </a:lnTo>
                  <a:lnTo>
                    <a:pt x="7146035" y="6141725"/>
                  </a:lnTo>
                  <a:lnTo>
                    <a:pt x="7146035" y="6132581"/>
                  </a:lnTo>
                  <a:close/>
                </a:path>
                <a:path w="10361930" h="6141720">
                  <a:moveTo>
                    <a:pt x="7126224" y="6132581"/>
                  </a:moveTo>
                  <a:lnTo>
                    <a:pt x="7115556" y="6132581"/>
                  </a:lnTo>
                  <a:lnTo>
                    <a:pt x="7115556" y="6141725"/>
                  </a:lnTo>
                  <a:lnTo>
                    <a:pt x="7126224" y="6141725"/>
                  </a:lnTo>
                  <a:lnTo>
                    <a:pt x="7126224" y="6132581"/>
                  </a:lnTo>
                  <a:close/>
                </a:path>
                <a:path w="10361930" h="6141720">
                  <a:moveTo>
                    <a:pt x="7104887" y="6132581"/>
                  </a:moveTo>
                  <a:lnTo>
                    <a:pt x="7095744" y="6132581"/>
                  </a:lnTo>
                  <a:lnTo>
                    <a:pt x="7095744" y="6141725"/>
                  </a:lnTo>
                  <a:lnTo>
                    <a:pt x="7104887" y="6141725"/>
                  </a:lnTo>
                  <a:lnTo>
                    <a:pt x="7104887" y="6132581"/>
                  </a:lnTo>
                  <a:close/>
                </a:path>
                <a:path w="10361930" h="6141720">
                  <a:moveTo>
                    <a:pt x="7085076" y="6132581"/>
                  </a:moveTo>
                  <a:lnTo>
                    <a:pt x="7074408" y="6132581"/>
                  </a:lnTo>
                  <a:lnTo>
                    <a:pt x="7074408" y="6141725"/>
                  </a:lnTo>
                  <a:lnTo>
                    <a:pt x="7085076" y="6141725"/>
                  </a:lnTo>
                  <a:lnTo>
                    <a:pt x="7085076" y="6132581"/>
                  </a:lnTo>
                  <a:close/>
                </a:path>
                <a:path w="10361930" h="6141720">
                  <a:moveTo>
                    <a:pt x="7063739" y="6132581"/>
                  </a:moveTo>
                  <a:lnTo>
                    <a:pt x="7054596" y="6132581"/>
                  </a:lnTo>
                  <a:lnTo>
                    <a:pt x="7054596" y="6141725"/>
                  </a:lnTo>
                  <a:lnTo>
                    <a:pt x="7063739" y="6141725"/>
                  </a:lnTo>
                  <a:lnTo>
                    <a:pt x="7063739" y="6132581"/>
                  </a:lnTo>
                  <a:close/>
                </a:path>
                <a:path w="10361930" h="6141720">
                  <a:moveTo>
                    <a:pt x="7043928" y="6132581"/>
                  </a:moveTo>
                  <a:lnTo>
                    <a:pt x="7033259" y="6132581"/>
                  </a:lnTo>
                  <a:lnTo>
                    <a:pt x="7033259" y="6141725"/>
                  </a:lnTo>
                  <a:lnTo>
                    <a:pt x="7043928" y="6141725"/>
                  </a:lnTo>
                  <a:lnTo>
                    <a:pt x="7043928" y="6132581"/>
                  </a:lnTo>
                  <a:close/>
                </a:path>
                <a:path w="10361930" h="6141720">
                  <a:moveTo>
                    <a:pt x="7022591" y="6132581"/>
                  </a:moveTo>
                  <a:lnTo>
                    <a:pt x="7013448" y="6132581"/>
                  </a:lnTo>
                  <a:lnTo>
                    <a:pt x="7013448" y="6141725"/>
                  </a:lnTo>
                  <a:lnTo>
                    <a:pt x="7022591" y="6141725"/>
                  </a:lnTo>
                  <a:lnTo>
                    <a:pt x="7022591" y="6132581"/>
                  </a:lnTo>
                  <a:close/>
                </a:path>
                <a:path w="10361930" h="6141720">
                  <a:moveTo>
                    <a:pt x="7002780" y="6132581"/>
                  </a:moveTo>
                  <a:lnTo>
                    <a:pt x="6992111" y="6132581"/>
                  </a:lnTo>
                  <a:lnTo>
                    <a:pt x="6992111" y="6141725"/>
                  </a:lnTo>
                  <a:lnTo>
                    <a:pt x="7002780" y="6141725"/>
                  </a:lnTo>
                  <a:lnTo>
                    <a:pt x="7002780" y="6132581"/>
                  </a:lnTo>
                  <a:close/>
                </a:path>
                <a:path w="10361930" h="6141720">
                  <a:moveTo>
                    <a:pt x="6981444" y="6132581"/>
                  </a:moveTo>
                  <a:lnTo>
                    <a:pt x="6972300" y="6132581"/>
                  </a:lnTo>
                  <a:lnTo>
                    <a:pt x="6972300" y="6141725"/>
                  </a:lnTo>
                  <a:lnTo>
                    <a:pt x="6981444" y="6141725"/>
                  </a:lnTo>
                  <a:lnTo>
                    <a:pt x="6981444" y="6132581"/>
                  </a:lnTo>
                  <a:close/>
                </a:path>
                <a:path w="10361930" h="6141720">
                  <a:moveTo>
                    <a:pt x="6961632" y="6132581"/>
                  </a:moveTo>
                  <a:lnTo>
                    <a:pt x="6950963" y="6132581"/>
                  </a:lnTo>
                  <a:lnTo>
                    <a:pt x="6950963" y="6141725"/>
                  </a:lnTo>
                  <a:lnTo>
                    <a:pt x="6961632" y="6141725"/>
                  </a:lnTo>
                  <a:lnTo>
                    <a:pt x="6961632" y="6132581"/>
                  </a:lnTo>
                  <a:close/>
                </a:path>
                <a:path w="10361930" h="6141720">
                  <a:moveTo>
                    <a:pt x="6941820" y="6132581"/>
                  </a:moveTo>
                  <a:lnTo>
                    <a:pt x="6931152" y="6132581"/>
                  </a:lnTo>
                  <a:lnTo>
                    <a:pt x="6931152" y="6141725"/>
                  </a:lnTo>
                  <a:lnTo>
                    <a:pt x="6941820" y="6141725"/>
                  </a:lnTo>
                  <a:lnTo>
                    <a:pt x="6941820" y="6132581"/>
                  </a:lnTo>
                  <a:close/>
                </a:path>
                <a:path w="10361930" h="6141720">
                  <a:moveTo>
                    <a:pt x="6920483" y="6132581"/>
                  </a:moveTo>
                  <a:lnTo>
                    <a:pt x="6909815" y="6132581"/>
                  </a:lnTo>
                  <a:lnTo>
                    <a:pt x="6909815" y="6141725"/>
                  </a:lnTo>
                  <a:lnTo>
                    <a:pt x="6920483" y="6141725"/>
                  </a:lnTo>
                  <a:lnTo>
                    <a:pt x="6920483" y="6132581"/>
                  </a:lnTo>
                  <a:close/>
                </a:path>
                <a:path w="10361930" h="6141720">
                  <a:moveTo>
                    <a:pt x="6900672" y="6132581"/>
                  </a:moveTo>
                  <a:lnTo>
                    <a:pt x="6890004" y="6132581"/>
                  </a:lnTo>
                  <a:lnTo>
                    <a:pt x="6890004" y="6141725"/>
                  </a:lnTo>
                  <a:lnTo>
                    <a:pt x="6900672" y="6141725"/>
                  </a:lnTo>
                  <a:lnTo>
                    <a:pt x="6900672" y="6132581"/>
                  </a:lnTo>
                  <a:close/>
                </a:path>
                <a:path w="10361930" h="6141720">
                  <a:moveTo>
                    <a:pt x="6879335" y="6132581"/>
                  </a:moveTo>
                  <a:lnTo>
                    <a:pt x="6868667" y="6132581"/>
                  </a:lnTo>
                  <a:lnTo>
                    <a:pt x="6868667" y="6141725"/>
                  </a:lnTo>
                  <a:lnTo>
                    <a:pt x="6879335" y="6141725"/>
                  </a:lnTo>
                  <a:lnTo>
                    <a:pt x="6879335" y="6132581"/>
                  </a:lnTo>
                  <a:close/>
                </a:path>
                <a:path w="10361930" h="6141720">
                  <a:moveTo>
                    <a:pt x="6859524" y="6132581"/>
                  </a:moveTo>
                  <a:lnTo>
                    <a:pt x="6848856" y="6132581"/>
                  </a:lnTo>
                  <a:lnTo>
                    <a:pt x="6848856" y="6141725"/>
                  </a:lnTo>
                  <a:lnTo>
                    <a:pt x="6859524" y="6141725"/>
                  </a:lnTo>
                  <a:lnTo>
                    <a:pt x="6859524" y="6132581"/>
                  </a:lnTo>
                  <a:close/>
                </a:path>
                <a:path w="10361930" h="6141720">
                  <a:moveTo>
                    <a:pt x="6838187" y="6132581"/>
                  </a:moveTo>
                  <a:lnTo>
                    <a:pt x="6827520" y="6132581"/>
                  </a:lnTo>
                  <a:lnTo>
                    <a:pt x="6827520" y="6141725"/>
                  </a:lnTo>
                  <a:lnTo>
                    <a:pt x="6838187" y="6141725"/>
                  </a:lnTo>
                  <a:lnTo>
                    <a:pt x="6838187" y="6132581"/>
                  </a:lnTo>
                  <a:close/>
                </a:path>
                <a:path w="10361930" h="6141720">
                  <a:moveTo>
                    <a:pt x="6818376" y="6132581"/>
                  </a:moveTo>
                  <a:lnTo>
                    <a:pt x="6807708" y="6132581"/>
                  </a:lnTo>
                  <a:lnTo>
                    <a:pt x="6807708" y="6141725"/>
                  </a:lnTo>
                  <a:lnTo>
                    <a:pt x="6818376" y="6141725"/>
                  </a:lnTo>
                  <a:lnTo>
                    <a:pt x="6818376" y="6132581"/>
                  </a:lnTo>
                  <a:close/>
                </a:path>
                <a:path w="10361930" h="6141720">
                  <a:moveTo>
                    <a:pt x="6797039" y="6132581"/>
                  </a:moveTo>
                  <a:lnTo>
                    <a:pt x="6786372" y="6132581"/>
                  </a:lnTo>
                  <a:lnTo>
                    <a:pt x="6786372" y="6141725"/>
                  </a:lnTo>
                  <a:lnTo>
                    <a:pt x="6797039" y="6141725"/>
                  </a:lnTo>
                  <a:lnTo>
                    <a:pt x="6797039" y="6132581"/>
                  </a:lnTo>
                  <a:close/>
                </a:path>
                <a:path w="10361930" h="6141720">
                  <a:moveTo>
                    <a:pt x="6777228" y="6132581"/>
                  </a:moveTo>
                  <a:lnTo>
                    <a:pt x="6766559" y="6132581"/>
                  </a:lnTo>
                  <a:lnTo>
                    <a:pt x="6766559" y="6141725"/>
                  </a:lnTo>
                  <a:lnTo>
                    <a:pt x="6777228" y="6141725"/>
                  </a:lnTo>
                  <a:lnTo>
                    <a:pt x="6777228" y="6132581"/>
                  </a:lnTo>
                  <a:close/>
                </a:path>
                <a:path w="10361930" h="6141720">
                  <a:moveTo>
                    <a:pt x="6755891" y="6132581"/>
                  </a:moveTo>
                  <a:lnTo>
                    <a:pt x="6745224" y="6132581"/>
                  </a:lnTo>
                  <a:lnTo>
                    <a:pt x="6745224" y="6141725"/>
                  </a:lnTo>
                  <a:lnTo>
                    <a:pt x="6755891" y="6141725"/>
                  </a:lnTo>
                  <a:lnTo>
                    <a:pt x="6755891" y="6132581"/>
                  </a:lnTo>
                  <a:close/>
                </a:path>
                <a:path w="10361930" h="6141720">
                  <a:moveTo>
                    <a:pt x="6736080" y="6132581"/>
                  </a:moveTo>
                  <a:lnTo>
                    <a:pt x="6725411" y="6132581"/>
                  </a:lnTo>
                  <a:lnTo>
                    <a:pt x="6725411" y="6141725"/>
                  </a:lnTo>
                  <a:lnTo>
                    <a:pt x="6736080" y="6141725"/>
                  </a:lnTo>
                  <a:lnTo>
                    <a:pt x="6736080" y="6132581"/>
                  </a:lnTo>
                  <a:close/>
                </a:path>
                <a:path w="10361930" h="6141720">
                  <a:moveTo>
                    <a:pt x="6714744" y="6132581"/>
                  </a:moveTo>
                  <a:lnTo>
                    <a:pt x="6704076" y="6132581"/>
                  </a:lnTo>
                  <a:lnTo>
                    <a:pt x="6704076" y="6141725"/>
                  </a:lnTo>
                  <a:lnTo>
                    <a:pt x="6714744" y="6141725"/>
                  </a:lnTo>
                  <a:lnTo>
                    <a:pt x="6714744" y="6132581"/>
                  </a:lnTo>
                  <a:close/>
                </a:path>
                <a:path w="10361930" h="6141720">
                  <a:moveTo>
                    <a:pt x="6694932" y="6132581"/>
                  </a:moveTo>
                  <a:lnTo>
                    <a:pt x="6684263" y="6132581"/>
                  </a:lnTo>
                  <a:lnTo>
                    <a:pt x="6684263" y="6141725"/>
                  </a:lnTo>
                  <a:lnTo>
                    <a:pt x="6694932" y="6141725"/>
                  </a:lnTo>
                  <a:lnTo>
                    <a:pt x="6694932" y="6132581"/>
                  </a:lnTo>
                  <a:close/>
                </a:path>
                <a:path w="10361930" h="6141720">
                  <a:moveTo>
                    <a:pt x="6673596" y="6132581"/>
                  </a:moveTo>
                  <a:lnTo>
                    <a:pt x="6662928" y="6132581"/>
                  </a:lnTo>
                  <a:lnTo>
                    <a:pt x="6662928" y="6141725"/>
                  </a:lnTo>
                  <a:lnTo>
                    <a:pt x="6673596" y="6141725"/>
                  </a:lnTo>
                  <a:lnTo>
                    <a:pt x="6673596" y="6132581"/>
                  </a:lnTo>
                  <a:close/>
                </a:path>
                <a:path w="10361930" h="6141720">
                  <a:moveTo>
                    <a:pt x="6653783" y="6132581"/>
                  </a:moveTo>
                  <a:lnTo>
                    <a:pt x="6643115" y="6132581"/>
                  </a:lnTo>
                  <a:lnTo>
                    <a:pt x="6643115" y="6141725"/>
                  </a:lnTo>
                  <a:lnTo>
                    <a:pt x="6653783" y="6141725"/>
                  </a:lnTo>
                  <a:lnTo>
                    <a:pt x="6653783" y="6132581"/>
                  </a:lnTo>
                  <a:close/>
                </a:path>
                <a:path w="10361930" h="6141720">
                  <a:moveTo>
                    <a:pt x="6632448" y="6132581"/>
                  </a:moveTo>
                  <a:lnTo>
                    <a:pt x="6621780" y="6132581"/>
                  </a:lnTo>
                  <a:lnTo>
                    <a:pt x="6621780" y="6141725"/>
                  </a:lnTo>
                  <a:lnTo>
                    <a:pt x="6632448" y="6141725"/>
                  </a:lnTo>
                  <a:lnTo>
                    <a:pt x="6632448" y="6132581"/>
                  </a:lnTo>
                  <a:close/>
                </a:path>
                <a:path w="10361930" h="6141720">
                  <a:moveTo>
                    <a:pt x="6612635" y="6132581"/>
                  </a:moveTo>
                  <a:lnTo>
                    <a:pt x="6601967" y="6132581"/>
                  </a:lnTo>
                  <a:lnTo>
                    <a:pt x="6601967" y="6141725"/>
                  </a:lnTo>
                  <a:lnTo>
                    <a:pt x="6612635" y="6141725"/>
                  </a:lnTo>
                  <a:lnTo>
                    <a:pt x="6612635" y="6132581"/>
                  </a:lnTo>
                  <a:close/>
                </a:path>
                <a:path w="10361930" h="6141720">
                  <a:moveTo>
                    <a:pt x="6591300" y="6132581"/>
                  </a:moveTo>
                  <a:lnTo>
                    <a:pt x="6580632" y="6132581"/>
                  </a:lnTo>
                  <a:lnTo>
                    <a:pt x="6580632" y="6141725"/>
                  </a:lnTo>
                  <a:lnTo>
                    <a:pt x="6591300" y="6141725"/>
                  </a:lnTo>
                  <a:lnTo>
                    <a:pt x="6591300" y="6132581"/>
                  </a:lnTo>
                  <a:close/>
                </a:path>
                <a:path w="10361930" h="6141720">
                  <a:moveTo>
                    <a:pt x="6571487" y="6132581"/>
                  </a:moveTo>
                  <a:lnTo>
                    <a:pt x="6560820" y="6132581"/>
                  </a:lnTo>
                  <a:lnTo>
                    <a:pt x="6560820" y="6141725"/>
                  </a:lnTo>
                  <a:lnTo>
                    <a:pt x="6571487" y="6141725"/>
                  </a:lnTo>
                  <a:lnTo>
                    <a:pt x="6571487" y="6132581"/>
                  </a:lnTo>
                  <a:close/>
                </a:path>
                <a:path w="10361930" h="6141720">
                  <a:moveTo>
                    <a:pt x="6550152" y="6132581"/>
                  </a:moveTo>
                  <a:lnTo>
                    <a:pt x="6539483" y="6132581"/>
                  </a:lnTo>
                  <a:lnTo>
                    <a:pt x="6539483" y="6141725"/>
                  </a:lnTo>
                  <a:lnTo>
                    <a:pt x="6550152" y="6141725"/>
                  </a:lnTo>
                  <a:lnTo>
                    <a:pt x="6550152" y="6132581"/>
                  </a:lnTo>
                  <a:close/>
                </a:path>
                <a:path w="10361930" h="6141720">
                  <a:moveTo>
                    <a:pt x="6530339" y="6132581"/>
                  </a:moveTo>
                  <a:lnTo>
                    <a:pt x="6519672" y="6132581"/>
                  </a:lnTo>
                  <a:lnTo>
                    <a:pt x="6519672" y="6141725"/>
                  </a:lnTo>
                  <a:lnTo>
                    <a:pt x="6530339" y="6141725"/>
                  </a:lnTo>
                  <a:lnTo>
                    <a:pt x="6530339" y="6132581"/>
                  </a:lnTo>
                  <a:close/>
                </a:path>
                <a:path w="10361930" h="6141720">
                  <a:moveTo>
                    <a:pt x="6509004" y="6132581"/>
                  </a:moveTo>
                  <a:lnTo>
                    <a:pt x="6498335" y="6132581"/>
                  </a:lnTo>
                  <a:lnTo>
                    <a:pt x="6498335" y="6141725"/>
                  </a:lnTo>
                  <a:lnTo>
                    <a:pt x="6509004" y="6141725"/>
                  </a:lnTo>
                  <a:lnTo>
                    <a:pt x="6509004" y="6132581"/>
                  </a:lnTo>
                  <a:close/>
                </a:path>
                <a:path w="10361930" h="6141720">
                  <a:moveTo>
                    <a:pt x="6489191" y="6132581"/>
                  </a:moveTo>
                  <a:lnTo>
                    <a:pt x="6478524" y="6132581"/>
                  </a:lnTo>
                  <a:lnTo>
                    <a:pt x="6478524" y="6141725"/>
                  </a:lnTo>
                  <a:lnTo>
                    <a:pt x="6489191" y="6141725"/>
                  </a:lnTo>
                  <a:lnTo>
                    <a:pt x="6489191" y="6132581"/>
                  </a:lnTo>
                  <a:close/>
                </a:path>
                <a:path w="10361930" h="6141720">
                  <a:moveTo>
                    <a:pt x="6467856" y="6132581"/>
                  </a:moveTo>
                  <a:lnTo>
                    <a:pt x="6457187" y="6132581"/>
                  </a:lnTo>
                  <a:lnTo>
                    <a:pt x="6457187" y="6141725"/>
                  </a:lnTo>
                  <a:lnTo>
                    <a:pt x="6467856" y="6141725"/>
                  </a:lnTo>
                  <a:lnTo>
                    <a:pt x="6467856" y="6132581"/>
                  </a:lnTo>
                  <a:close/>
                </a:path>
                <a:path w="10361930" h="6141720">
                  <a:moveTo>
                    <a:pt x="6448044" y="6132581"/>
                  </a:moveTo>
                  <a:lnTo>
                    <a:pt x="6437376" y="6132581"/>
                  </a:lnTo>
                  <a:lnTo>
                    <a:pt x="6437376" y="6141725"/>
                  </a:lnTo>
                  <a:lnTo>
                    <a:pt x="6448044" y="6141725"/>
                  </a:lnTo>
                  <a:lnTo>
                    <a:pt x="6448044" y="6132581"/>
                  </a:lnTo>
                  <a:close/>
                </a:path>
                <a:path w="10361930" h="6141720">
                  <a:moveTo>
                    <a:pt x="6426708" y="6132581"/>
                  </a:moveTo>
                  <a:lnTo>
                    <a:pt x="6416039" y="6132581"/>
                  </a:lnTo>
                  <a:lnTo>
                    <a:pt x="6416039" y="6141725"/>
                  </a:lnTo>
                  <a:lnTo>
                    <a:pt x="6426708" y="6141725"/>
                  </a:lnTo>
                  <a:lnTo>
                    <a:pt x="6426708" y="6132581"/>
                  </a:lnTo>
                  <a:close/>
                </a:path>
                <a:path w="10361930" h="6141720">
                  <a:moveTo>
                    <a:pt x="6406896" y="6132581"/>
                  </a:moveTo>
                  <a:lnTo>
                    <a:pt x="6396228" y="6132581"/>
                  </a:lnTo>
                  <a:lnTo>
                    <a:pt x="6396228" y="6141725"/>
                  </a:lnTo>
                  <a:lnTo>
                    <a:pt x="6406896" y="6141725"/>
                  </a:lnTo>
                  <a:lnTo>
                    <a:pt x="6406896" y="6132581"/>
                  </a:lnTo>
                  <a:close/>
                </a:path>
                <a:path w="10361930" h="6141720">
                  <a:moveTo>
                    <a:pt x="6385559" y="6132581"/>
                  </a:moveTo>
                  <a:lnTo>
                    <a:pt x="6374891" y="6132581"/>
                  </a:lnTo>
                  <a:lnTo>
                    <a:pt x="6374891" y="6141725"/>
                  </a:lnTo>
                  <a:lnTo>
                    <a:pt x="6385559" y="6141725"/>
                  </a:lnTo>
                  <a:lnTo>
                    <a:pt x="6385559" y="6132581"/>
                  </a:lnTo>
                  <a:close/>
                </a:path>
                <a:path w="10361930" h="6141720">
                  <a:moveTo>
                    <a:pt x="6365748" y="6132581"/>
                  </a:moveTo>
                  <a:lnTo>
                    <a:pt x="6355080" y="6132581"/>
                  </a:lnTo>
                  <a:lnTo>
                    <a:pt x="6355080" y="6141725"/>
                  </a:lnTo>
                  <a:lnTo>
                    <a:pt x="6365748" y="6141725"/>
                  </a:lnTo>
                  <a:lnTo>
                    <a:pt x="6365748" y="6132581"/>
                  </a:lnTo>
                  <a:close/>
                </a:path>
                <a:path w="10361930" h="6141720">
                  <a:moveTo>
                    <a:pt x="6344411" y="6132581"/>
                  </a:moveTo>
                  <a:lnTo>
                    <a:pt x="6335267" y="6132581"/>
                  </a:lnTo>
                  <a:lnTo>
                    <a:pt x="6335267" y="6141725"/>
                  </a:lnTo>
                  <a:lnTo>
                    <a:pt x="6344411" y="6141725"/>
                  </a:lnTo>
                  <a:lnTo>
                    <a:pt x="6344411" y="6132581"/>
                  </a:lnTo>
                  <a:close/>
                </a:path>
                <a:path w="10361930" h="6141720">
                  <a:moveTo>
                    <a:pt x="6324600" y="6132581"/>
                  </a:moveTo>
                  <a:lnTo>
                    <a:pt x="6313932" y="6132581"/>
                  </a:lnTo>
                  <a:lnTo>
                    <a:pt x="6313932" y="6141725"/>
                  </a:lnTo>
                  <a:lnTo>
                    <a:pt x="6324600" y="6141725"/>
                  </a:lnTo>
                  <a:lnTo>
                    <a:pt x="6324600" y="6132581"/>
                  </a:lnTo>
                  <a:close/>
                </a:path>
                <a:path w="10361930" h="6141720">
                  <a:moveTo>
                    <a:pt x="6303263" y="6132581"/>
                  </a:moveTo>
                  <a:lnTo>
                    <a:pt x="6294120" y="6132581"/>
                  </a:lnTo>
                  <a:lnTo>
                    <a:pt x="6294120" y="6141725"/>
                  </a:lnTo>
                  <a:lnTo>
                    <a:pt x="6303263" y="6141725"/>
                  </a:lnTo>
                  <a:lnTo>
                    <a:pt x="6303263" y="6132581"/>
                  </a:lnTo>
                  <a:close/>
                </a:path>
                <a:path w="10361930" h="6141720">
                  <a:moveTo>
                    <a:pt x="6283452" y="6132581"/>
                  </a:moveTo>
                  <a:lnTo>
                    <a:pt x="6272783" y="6132581"/>
                  </a:lnTo>
                  <a:lnTo>
                    <a:pt x="6272783" y="6141725"/>
                  </a:lnTo>
                  <a:lnTo>
                    <a:pt x="6283452" y="6141725"/>
                  </a:lnTo>
                  <a:lnTo>
                    <a:pt x="6283452" y="6132581"/>
                  </a:lnTo>
                  <a:close/>
                </a:path>
                <a:path w="10361930" h="6141720">
                  <a:moveTo>
                    <a:pt x="6262116" y="6132581"/>
                  </a:moveTo>
                  <a:lnTo>
                    <a:pt x="6252971" y="6132581"/>
                  </a:lnTo>
                  <a:lnTo>
                    <a:pt x="6252971" y="6141725"/>
                  </a:lnTo>
                  <a:lnTo>
                    <a:pt x="6262116" y="6141725"/>
                  </a:lnTo>
                  <a:lnTo>
                    <a:pt x="6262116" y="6132581"/>
                  </a:lnTo>
                  <a:close/>
                </a:path>
                <a:path w="10361930" h="6141720">
                  <a:moveTo>
                    <a:pt x="6242304" y="6132581"/>
                  </a:moveTo>
                  <a:lnTo>
                    <a:pt x="6231635" y="6132581"/>
                  </a:lnTo>
                  <a:lnTo>
                    <a:pt x="6231635" y="6141725"/>
                  </a:lnTo>
                  <a:lnTo>
                    <a:pt x="6242304" y="6141725"/>
                  </a:lnTo>
                  <a:lnTo>
                    <a:pt x="6242304" y="6132581"/>
                  </a:lnTo>
                  <a:close/>
                </a:path>
                <a:path w="10361930" h="6141720">
                  <a:moveTo>
                    <a:pt x="6220968" y="6132581"/>
                  </a:moveTo>
                  <a:lnTo>
                    <a:pt x="6211823" y="6132581"/>
                  </a:lnTo>
                  <a:lnTo>
                    <a:pt x="6211823" y="6141725"/>
                  </a:lnTo>
                  <a:lnTo>
                    <a:pt x="6220968" y="6141725"/>
                  </a:lnTo>
                  <a:lnTo>
                    <a:pt x="6220968" y="6132581"/>
                  </a:lnTo>
                  <a:close/>
                </a:path>
                <a:path w="10361930" h="6141720">
                  <a:moveTo>
                    <a:pt x="6201156" y="6132581"/>
                  </a:moveTo>
                  <a:lnTo>
                    <a:pt x="6190488" y="6132581"/>
                  </a:lnTo>
                  <a:lnTo>
                    <a:pt x="6190488" y="6141725"/>
                  </a:lnTo>
                  <a:lnTo>
                    <a:pt x="6201156" y="6141725"/>
                  </a:lnTo>
                  <a:lnTo>
                    <a:pt x="6201156" y="6132581"/>
                  </a:lnTo>
                  <a:close/>
                </a:path>
                <a:path w="10361930" h="6141720">
                  <a:moveTo>
                    <a:pt x="6179820" y="6132581"/>
                  </a:moveTo>
                  <a:lnTo>
                    <a:pt x="6170676" y="6132581"/>
                  </a:lnTo>
                  <a:lnTo>
                    <a:pt x="6170676" y="6141725"/>
                  </a:lnTo>
                  <a:lnTo>
                    <a:pt x="6179820" y="6141725"/>
                  </a:lnTo>
                  <a:lnTo>
                    <a:pt x="6179820" y="6132581"/>
                  </a:lnTo>
                  <a:close/>
                </a:path>
                <a:path w="10361930" h="6141720">
                  <a:moveTo>
                    <a:pt x="6160008" y="6132581"/>
                  </a:moveTo>
                  <a:lnTo>
                    <a:pt x="6149340" y="6132581"/>
                  </a:lnTo>
                  <a:lnTo>
                    <a:pt x="6149340" y="6141725"/>
                  </a:lnTo>
                  <a:lnTo>
                    <a:pt x="6160008" y="6141725"/>
                  </a:lnTo>
                  <a:lnTo>
                    <a:pt x="6160008" y="6132581"/>
                  </a:lnTo>
                  <a:close/>
                </a:path>
                <a:path w="10361930" h="6141720">
                  <a:moveTo>
                    <a:pt x="6138671" y="6132581"/>
                  </a:moveTo>
                  <a:lnTo>
                    <a:pt x="6129528" y="6132581"/>
                  </a:lnTo>
                  <a:lnTo>
                    <a:pt x="6129528" y="6141725"/>
                  </a:lnTo>
                  <a:lnTo>
                    <a:pt x="6138671" y="6141725"/>
                  </a:lnTo>
                  <a:lnTo>
                    <a:pt x="6138671" y="6132581"/>
                  </a:lnTo>
                  <a:close/>
                </a:path>
                <a:path w="10361930" h="6141720">
                  <a:moveTo>
                    <a:pt x="6118859" y="6132581"/>
                  </a:moveTo>
                  <a:lnTo>
                    <a:pt x="6108192" y="6132581"/>
                  </a:lnTo>
                  <a:lnTo>
                    <a:pt x="6108192" y="6141725"/>
                  </a:lnTo>
                  <a:lnTo>
                    <a:pt x="6118859" y="6141725"/>
                  </a:lnTo>
                  <a:lnTo>
                    <a:pt x="6118859" y="6132581"/>
                  </a:lnTo>
                  <a:close/>
                </a:path>
                <a:path w="10361930" h="6141720">
                  <a:moveTo>
                    <a:pt x="6097523" y="6132581"/>
                  </a:moveTo>
                  <a:lnTo>
                    <a:pt x="6088380" y="6132581"/>
                  </a:lnTo>
                  <a:lnTo>
                    <a:pt x="6088380" y="6141725"/>
                  </a:lnTo>
                  <a:lnTo>
                    <a:pt x="6097523" y="6141725"/>
                  </a:lnTo>
                  <a:lnTo>
                    <a:pt x="6097523" y="6132581"/>
                  </a:lnTo>
                  <a:close/>
                </a:path>
                <a:path w="10361930" h="6141720">
                  <a:moveTo>
                    <a:pt x="6077711" y="6132581"/>
                  </a:moveTo>
                  <a:lnTo>
                    <a:pt x="6067044" y="6132581"/>
                  </a:lnTo>
                  <a:lnTo>
                    <a:pt x="6067044" y="6141725"/>
                  </a:lnTo>
                  <a:lnTo>
                    <a:pt x="6077711" y="6141725"/>
                  </a:lnTo>
                  <a:lnTo>
                    <a:pt x="6077711" y="6132581"/>
                  </a:lnTo>
                  <a:close/>
                </a:path>
                <a:path w="10361930" h="6141720">
                  <a:moveTo>
                    <a:pt x="6056376" y="6132581"/>
                  </a:moveTo>
                  <a:lnTo>
                    <a:pt x="6047232" y="6132581"/>
                  </a:lnTo>
                  <a:lnTo>
                    <a:pt x="6047232" y="6141725"/>
                  </a:lnTo>
                  <a:lnTo>
                    <a:pt x="6056376" y="6141725"/>
                  </a:lnTo>
                  <a:lnTo>
                    <a:pt x="6056376" y="6132581"/>
                  </a:lnTo>
                  <a:close/>
                </a:path>
                <a:path w="10361930" h="6141720">
                  <a:moveTo>
                    <a:pt x="6036564" y="6132581"/>
                  </a:moveTo>
                  <a:lnTo>
                    <a:pt x="6025895" y="6132581"/>
                  </a:lnTo>
                  <a:lnTo>
                    <a:pt x="6025895" y="6141725"/>
                  </a:lnTo>
                  <a:lnTo>
                    <a:pt x="6036564" y="6141725"/>
                  </a:lnTo>
                  <a:lnTo>
                    <a:pt x="6036564" y="6132581"/>
                  </a:lnTo>
                  <a:close/>
                </a:path>
                <a:path w="10361930" h="6141720">
                  <a:moveTo>
                    <a:pt x="6015228" y="6132581"/>
                  </a:moveTo>
                  <a:lnTo>
                    <a:pt x="6006083" y="6132581"/>
                  </a:lnTo>
                  <a:lnTo>
                    <a:pt x="6006083" y="6141725"/>
                  </a:lnTo>
                  <a:lnTo>
                    <a:pt x="6015228" y="6141725"/>
                  </a:lnTo>
                  <a:lnTo>
                    <a:pt x="6015228" y="6132581"/>
                  </a:lnTo>
                  <a:close/>
                </a:path>
                <a:path w="10361930" h="6141720">
                  <a:moveTo>
                    <a:pt x="5995416" y="6132581"/>
                  </a:moveTo>
                  <a:lnTo>
                    <a:pt x="5984747" y="6132581"/>
                  </a:lnTo>
                  <a:lnTo>
                    <a:pt x="5984747" y="6141725"/>
                  </a:lnTo>
                  <a:lnTo>
                    <a:pt x="5995416" y="6141725"/>
                  </a:lnTo>
                  <a:lnTo>
                    <a:pt x="5995416" y="6132581"/>
                  </a:lnTo>
                  <a:close/>
                </a:path>
                <a:path w="10361930" h="6141720">
                  <a:moveTo>
                    <a:pt x="5974080" y="6132581"/>
                  </a:moveTo>
                  <a:lnTo>
                    <a:pt x="5964935" y="6132581"/>
                  </a:lnTo>
                  <a:lnTo>
                    <a:pt x="5964935" y="6141725"/>
                  </a:lnTo>
                  <a:lnTo>
                    <a:pt x="5974080" y="6141725"/>
                  </a:lnTo>
                  <a:lnTo>
                    <a:pt x="5974080" y="6132581"/>
                  </a:lnTo>
                  <a:close/>
                </a:path>
                <a:path w="10361930" h="6141720">
                  <a:moveTo>
                    <a:pt x="5954268" y="6132581"/>
                  </a:moveTo>
                  <a:lnTo>
                    <a:pt x="5943600" y="6132581"/>
                  </a:lnTo>
                  <a:lnTo>
                    <a:pt x="5943600" y="6141725"/>
                  </a:lnTo>
                  <a:lnTo>
                    <a:pt x="5954268" y="6141725"/>
                  </a:lnTo>
                  <a:lnTo>
                    <a:pt x="5954268" y="6132581"/>
                  </a:lnTo>
                  <a:close/>
                </a:path>
                <a:path w="10361930" h="6141720">
                  <a:moveTo>
                    <a:pt x="5932932" y="6132581"/>
                  </a:moveTo>
                  <a:lnTo>
                    <a:pt x="5923788" y="6132581"/>
                  </a:lnTo>
                  <a:lnTo>
                    <a:pt x="5923788" y="6141725"/>
                  </a:lnTo>
                  <a:lnTo>
                    <a:pt x="5932932" y="6141725"/>
                  </a:lnTo>
                  <a:lnTo>
                    <a:pt x="5932932" y="6132581"/>
                  </a:lnTo>
                  <a:close/>
                </a:path>
                <a:path w="10361930" h="6141720">
                  <a:moveTo>
                    <a:pt x="5913120" y="6132581"/>
                  </a:moveTo>
                  <a:lnTo>
                    <a:pt x="5902452" y="6132581"/>
                  </a:lnTo>
                  <a:lnTo>
                    <a:pt x="5902452" y="6141725"/>
                  </a:lnTo>
                  <a:lnTo>
                    <a:pt x="5913120" y="6141725"/>
                  </a:lnTo>
                  <a:lnTo>
                    <a:pt x="5913120" y="6132581"/>
                  </a:lnTo>
                  <a:close/>
                </a:path>
                <a:path w="10361930" h="6141720">
                  <a:moveTo>
                    <a:pt x="5891783" y="6132581"/>
                  </a:moveTo>
                  <a:lnTo>
                    <a:pt x="5882640" y="6132581"/>
                  </a:lnTo>
                  <a:lnTo>
                    <a:pt x="5882640" y="6141725"/>
                  </a:lnTo>
                  <a:lnTo>
                    <a:pt x="5891783" y="6141725"/>
                  </a:lnTo>
                  <a:lnTo>
                    <a:pt x="5891783" y="6132581"/>
                  </a:lnTo>
                  <a:close/>
                </a:path>
                <a:path w="10361930" h="6141720">
                  <a:moveTo>
                    <a:pt x="5871971" y="6132581"/>
                  </a:moveTo>
                  <a:lnTo>
                    <a:pt x="5861304" y="6132581"/>
                  </a:lnTo>
                  <a:lnTo>
                    <a:pt x="5861304" y="6141725"/>
                  </a:lnTo>
                  <a:lnTo>
                    <a:pt x="5871971" y="6141725"/>
                  </a:lnTo>
                  <a:lnTo>
                    <a:pt x="5871971" y="6132581"/>
                  </a:lnTo>
                  <a:close/>
                </a:path>
                <a:path w="10361930" h="6141720">
                  <a:moveTo>
                    <a:pt x="5850635" y="6132581"/>
                  </a:moveTo>
                  <a:lnTo>
                    <a:pt x="5841492" y="6132581"/>
                  </a:lnTo>
                  <a:lnTo>
                    <a:pt x="5841492" y="6141725"/>
                  </a:lnTo>
                  <a:lnTo>
                    <a:pt x="5850635" y="6141725"/>
                  </a:lnTo>
                  <a:lnTo>
                    <a:pt x="5850635" y="6132581"/>
                  </a:lnTo>
                  <a:close/>
                </a:path>
                <a:path w="10361930" h="6141720">
                  <a:moveTo>
                    <a:pt x="5830823" y="6132581"/>
                  </a:moveTo>
                  <a:lnTo>
                    <a:pt x="5820156" y="6132581"/>
                  </a:lnTo>
                  <a:lnTo>
                    <a:pt x="5820156" y="6141725"/>
                  </a:lnTo>
                  <a:lnTo>
                    <a:pt x="5830823" y="6141725"/>
                  </a:lnTo>
                  <a:lnTo>
                    <a:pt x="5830823" y="6132581"/>
                  </a:lnTo>
                  <a:close/>
                </a:path>
                <a:path w="10361930" h="6141720">
                  <a:moveTo>
                    <a:pt x="5809488" y="6132581"/>
                  </a:moveTo>
                  <a:lnTo>
                    <a:pt x="5800344" y="6132581"/>
                  </a:lnTo>
                  <a:lnTo>
                    <a:pt x="5800344" y="6141725"/>
                  </a:lnTo>
                  <a:lnTo>
                    <a:pt x="5809488" y="6141725"/>
                  </a:lnTo>
                  <a:lnTo>
                    <a:pt x="5809488" y="6132581"/>
                  </a:lnTo>
                  <a:close/>
                </a:path>
                <a:path w="10361930" h="6141720">
                  <a:moveTo>
                    <a:pt x="5789676" y="6132581"/>
                  </a:moveTo>
                  <a:lnTo>
                    <a:pt x="5779008" y="6132581"/>
                  </a:lnTo>
                  <a:lnTo>
                    <a:pt x="5779008" y="6141725"/>
                  </a:lnTo>
                  <a:lnTo>
                    <a:pt x="5789676" y="6141725"/>
                  </a:lnTo>
                  <a:lnTo>
                    <a:pt x="5789676" y="6132581"/>
                  </a:lnTo>
                  <a:close/>
                </a:path>
                <a:path w="10361930" h="6141720">
                  <a:moveTo>
                    <a:pt x="5768340" y="6132581"/>
                  </a:moveTo>
                  <a:lnTo>
                    <a:pt x="5759195" y="6132581"/>
                  </a:lnTo>
                  <a:lnTo>
                    <a:pt x="5759195" y="6141725"/>
                  </a:lnTo>
                  <a:lnTo>
                    <a:pt x="5768340" y="6141725"/>
                  </a:lnTo>
                  <a:lnTo>
                    <a:pt x="5768340" y="6132581"/>
                  </a:lnTo>
                  <a:close/>
                </a:path>
                <a:path w="10361930" h="6141720">
                  <a:moveTo>
                    <a:pt x="5748528" y="6132581"/>
                  </a:moveTo>
                  <a:lnTo>
                    <a:pt x="5737859" y="6132581"/>
                  </a:lnTo>
                  <a:lnTo>
                    <a:pt x="5737859" y="6141725"/>
                  </a:lnTo>
                  <a:lnTo>
                    <a:pt x="5748528" y="6141725"/>
                  </a:lnTo>
                  <a:lnTo>
                    <a:pt x="5748528" y="6132581"/>
                  </a:lnTo>
                  <a:close/>
                </a:path>
                <a:path w="10361930" h="6141720">
                  <a:moveTo>
                    <a:pt x="5728716" y="6132581"/>
                  </a:moveTo>
                  <a:lnTo>
                    <a:pt x="5718047" y="6132581"/>
                  </a:lnTo>
                  <a:lnTo>
                    <a:pt x="5718047" y="6141725"/>
                  </a:lnTo>
                  <a:lnTo>
                    <a:pt x="5728716" y="6141725"/>
                  </a:lnTo>
                  <a:lnTo>
                    <a:pt x="5728716" y="6132581"/>
                  </a:lnTo>
                  <a:close/>
                </a:path>
                <a:path w="10361930" h="6141720">
                  <a:moveTo>
                    <a:pt x="5707380" y="6132581"/>
                  </a:moveTo>
                  <a:lnTo>
                    <a:pt x="5696711" y="6132581"/>
                  </a:lnTo>
                  <a:lnTo>
                    <a:pt x="5696711" y="6141725"/>
                  </a:lnTo>
                  <a:lnTo>
                    <a:pt x="5707380" y="6141725"/>
                  </a:lnTo>
                  <a:lnTo>
                    <a:pt x="5707380" y="6132581"/>
                  </a:lnTo>
                  <a:close/>
                </a:path>
                <a:path w="10361930" h="6141720">
                  <a:moveTo>
                    <a:pt x="5687568" y="6132581"/>
                  </a:moveTo>
                  <a:lnTo>
                    <a:pt x="5676900" y="6132581"/>
                  </a:lnTo>
                  <a:lnTo>
                    <a:pt x="5676900" y="6141725"/>
                  </a:lnTo>
                  <a:lnTo>
                    <a:pt x="5687568" y="6141725"/>
                  </a:lnTo>
                  <a:lnTo>
                    <a:pt x="5687568" y="6132581"/>
                  </a:lnTo>
                  <a:close/>
                </a:path>
                <a:path w="10361930" h="6141720">
                  <a:moveTo>
                    <a:pt x="5666232" y="6132581"/>
                  </a:moveTo>
                  <a:lnTo>
                    <a:pt x="5655564" y="6132581"/>
                  </a:lnTo>
                  <a:lnTo>
                    <a:pt x="5655564" y="6141725"/>
                  </a:lnTo>
                  <a:lnTo>
                    <a:pt x="5666232" y="6141725"/>
                  </a:lnTo>
                  <a:lnTo>
                    <a:pt x="5666232" y="6132581"/>
                  </a:lnTo>
                  <a:close/>
                </a:path>
                <a:path w="10361930" h="6141720">
                  <a:moveTo>
                    <a:pt x="5646420" y="6132581"/>
                  </a:moveTo>
                  <a:lnTo>
                    <a:pt x="5635752" y="6132581"/>
                  </a:lnTo>
                  <a:lnTo>
                    <a:pt x="5635752" y="6141725"/>
                  </a:lnTo>
                  <a:lnTo>
                    <a:pt x="5646420" y="6141725"/>
                  </a:lnTo>
                  <a:lnTo>
                    <a:pt x="5646420" y="6132581"/>
                  </a:lnTo>
                  <a:close/>
                </a:path>
                <a:path w="10361930" h="6141720">
                  <a:moveTo>
                    <a:pt x="5625083" y="6132581"/>
                  </a:moveTo>
                  <a:lnTo>
                    <a:pt x="5614416" y="6132581"/>
                  </a:lnTo>
                  <a:lnTo>
                    <a:pt x="5614416" y="6141725"/>
                  </a:lnTo>
                  <a:lnTo>
                    <a:pt x="5625083" y="6141725"/>
                  </a:lnTo>
                  <a:lnTo>
                    <a:pt x="5625083" y="6132581"/>
                  </a:lnTo>
                  <a:close/>
                </a:path>
                <a:path w="10361930" h="6141720">
                  <a:moveTo>
                    <a:pt x="5605271" y="6132581"/>
                  </a:moveTo>
                  <a:lnTo>
                    <a:pt x="5594604" y="6132581"/>
                  </a:lnTo>
                  <a:lnTo>
                    <a:pt x="5594604" y="6141725"/>
                  </a:lnTo>
                  <a:lnTo>
                    <a:pt x="5605271" y="6141725"/>
                  </a:lnTo>
                  <a:lnTo>
                    <a:pt x="5605271" y="6132581"/>
                  </a:lnTo>
                  <a:close/>
                </a:path>
                <a:path w="10361930" h="6141720">
                  <a:moveTo>
                    <a:pt x="5583935" y="6132581"/>
                  </a:moveTo>
                  <a:lnTo>
                    <a:pt x="5573268" y="6132581"/>
                  </a:lnTo>
                  <a:lnTo>
                    <a:pt x="5573268" y="6141725"/>
                  </a:lnTo>
                  <a:lnTo>
                    <a:pt x="5583935" y="6141725"/>
                  </a:lnTo>
                  <a:lnTo>
                    <a:pt x="5583935" y="6132581"/>
                  </a:lnTo>
                  <a:close/>
                </a:path>
                <a:path w="10361930" h="6141720">
                  <a:moveTo>
                    <a:pt x="5564123" y="6132581"/>
                  </a:moveTo>
                  <a:lnTo>
                    <a:pt x="5553456" y="6132581"/>
                  </a:lnTo>
                  <a:lnTo>
                    <a:pt x="5553456" y="6141725"/>
                  </a:lnTo>
                  <a:lnTo>
                    <a:pt x="5564123" y="6141725"/>
                  </a:lnTo>
                  <a:lnTo>
                    <a:pt x="5564123" y="6132581"/>
                  </a:lnTo>
                  <a:close/>
                </a:path>
                <a:path w="10361930" h="6141720">
                  <a:moveTo>
                    <a:pt x="5542788" y="6132581"/>
                  </a:moveTo>
                  <a:lnTo>
                    <a:pt x="5532120" y="6132581"/>
                  </a:lnTo>
                  <a:lnTo>
                    <a:pt x="5532120" y="6141725"/>
                  </a:lnTo>
                  <a:lnTo>
                    <a:pt x="5542788" y="6141725"/>
                  </a:lnTo>
                  <a:lnTo>
                    <a:pt x="5542788" y="6132581"/>
                  </a:lnTo>
                  <a:close/>
                </a:path>
                <a:path w="10361930" h="6141720">
                  <a:moveTo>
                    <a:pt x="5522976" y="6132581"/>
                  </a:moveTo>
                  <a:lnTo>
                    <a:pt x="5512308" y="6132581"/>
                  </a:lnTo>
                  <a:lnTo>
                    <a:pt x="5512308" y="6141725"/>
                  </a:lnTo>
                  <a:lnTo>
                    <a:pt x="5522976" y="6141725"/>
                  </a:lnTo>
                  <a:lnTo>
                    <a:pt x="5522976" y="6132581"/>
                  </a:lnTo>
                  <a:close/>
                </a:path>
                <a:path w="10361930" h="6141720">
                  <a:moveTo>
                    <a:pt x="5501640" y="6132581"/>
                  </a:moveTo>
                  <a:lnTo>
                    <a:pt x="5490971" y="6132581"/>
                  </a:lnTo>
                  <a:lnTo>
                    <a:pt x="5490971" y="6141725"/>
                  </a:lnTo>
                  <a:lnTo>
                    <a:pt x="5501640" y="6141725"/>
                  </a:lnTo>
                  <a:lnTo>
                    <a:pt x="5501640" y="6132581"/>
                  </a:lnTo>
                  <a:close/>
                </a:path>
                <a:path w="10361930" h="6141720">
                  <a:moveTo>
                    <a:pt x="5481828" y="6132581"/>
                  </a:moveTo>
                  <a:lnTo>
                    <a:pt x="5471159" y="6132581"/>
                  </a:lnTo>
                  <a:lnTo>
                    <a:pt x="5471159" y="6141725"/>
                  </a:lnTo>
                  <a:lnTo>
                    <a:pt x="5481828" y="6141725"/>
                  </a:lnTo>
                  <a:lnTo>
                    <a:pt x="5481828" y="6132581"/>
                  </a:lnTo>
                  <a:close/>
                </a:path>
                <a:path w="10361930" h="6141720">
                  <a:moveTo>
                    <a:pt x="5460492" y="6132581"/>
                  </a:moveTo>
                  <a:lnTo>
                    <a:pt x="5449823" y="6132581"/>
                  </a:lnTo>
                  <a:lnTo>
                    <a:pt x="5449823" y="6141725"/>
                  </a:lnTo>
                  <a:lnTo>
                    <a:pt x="5460492" y="6141725"/>
                  </a:lnTo>
                  <a:lnTo>
                    <a:pt x="5460492" y="6132581"/>
                  </a:lnTo>
                  <a:close/>
                </a:path>
                <a:path w="10361930" h="6141720">
                  <a:moveTo>
                    <a:pt x="5440680" y="6132581"/>
                  </a:moveTo>
                  <a:lnTo>
                    <a:pt x="5430011" y="6132581"/>
                  </a:lnTo>
                  <a:lnTo>
                    <a:pt x="5430011" y="6141725"/>
                  </a:lnTo>
                  <a:lnTo>
                    <a:pt x="5440680" y="6141725"/>
                  </a:lnTo>
                  <a:lnTo>
                    <a:pt x="5440680" y="6132581"/>
                  </a:lnTo>
                  <a:close/>
                </a:path>
                <a:path w="10361930" h="6141720">
                  <a:moveTo>
                    <a:pt x="5419344" y="6132581"/>
                  </a:moveTo>
                  <a:lnTo>
                    <a:pt x="5408676" y="6132581"/>
                  </a:lnTo>
                  <a:lnTo>
                    <a:pt x="5408676" y="6141725"/>
                  </a:lnTo>
                  <a:lnTo>
                    <a:pt x="5419344" y="6141725"/>
                  </a:lnTo>
                  <a:lnTo>
                    <a:pt x="5419344" y="6132581"/>
                  </a:lnTo>
                  <a:close/>
                </a:path>
                <a:path w="10361930" h="6141720">
                  <a:moveTo>
                    <a:pt x="5399532" y="6132581"/>
                  </a:moveTo>
                  <a:lnTo>
                    <a:pt x="5388864" y="6132581"/>
                  </a:lnTo>
                  <a:lnTo>
                    <a:pt x="5388864" y="6141725"/>
                  </a:lnTo>
                  <a:lnTo>
                    <a:pt x="5399532" y="6141725"/>
                  </a:lnTo>
                  <a:lnTo>
                    <a:pt x="5399532" y="6132581"/>
                  </a:lnTo>
                  <a:close/>
                </a:path>
                <a:path w="10361930" h="6141720">
                  <a:moveTo>
                    <a:pt x="5378195" y="6132581"/>
                  </a:moveTo>
                  <a:lnTo>
                    <a:pt x="5367528" y="6132581"/>
                  </a:lnTo>
                  <a:lnTo>
                    <a:pt x="5367528" y="6141725"/>
                  </a:lnTo>
                  <a:lnTo>
                    <a:pt x="5378195" y="6141725"/>
                  </a:lnTo>
                  <a:lnTo>
                    <a:pt x="5378195" y="6132581"/>
                  </a:lnTo>
                  <a:close/>
                </a:path>
                <a:path w="10361930" h="6141720">
                  <a:moveTo>
                    <a:pt x="5358383" y="6132581"/>
                  </a:moveTo>
                  <a:lnTo>
                    <a:pt x="5347716" y="6132581"/>
                  </a:lnTo>
                  <a:lnTo>
                    <a:pt x="5347716" y="6141725"/>
                  </a:lnTo>
                  <a:lnTo>
                    <a:pt x="5358383" y="6141725"/>
                  </a:lnTo>
                  <a:lnTo>
                    <a:pt x="5358383" y="6132581"/>
                  </a:lnTo>
                  <a:close/>
                </a:path>
                <a:path w="10361930" h="6141720">
                  <a:moveTo>
                    <a:pt x="5337047" y="6132581"/>
                  </a:moveTo>
                  <a:lnTo>
                    <a:pt x="5326380" y="6132581"/>
                  </a:lnTo>
                  <a:lnTo>
                    <a:pt x="5326380" y="6141725"/>
                  </a:lnTo>
                  <a:lnTo>
                    <a:pt x="5337047" y="6141725"/>
                  </a:lnTo>
                  <a:lnTo>
                    <a:pt x="5337047" y="6132581"/>
                  </a:lnTo>
                  <a:close/>
                </a:path>
                <a:path w="10361930" h="6141720">
                  <a:moveTo>
                    <a:pt x="5317235" y="6132581"/>
                  </a:moveTo>
                  <a:lnTo>
                    <a:pt x="5306568" y="6132581"/>
                  </a:lnTo>
                  <a:lnTo>
                    <a:pt x="5306568" y="6141725"/>
                  </a:lnTo>
                  <a:lnTo>
                    <a:pt x="5317235" y="6141725"/>
                  </a:lnTo>
                  <a:lnTo>
                    <a:pt x="5317235" y="6132581"/>
                  </a:lnTo>
                  <a:close/>
                </a:path>
                <a:path w="10361930" h="6141720">
                  <a:moveTo>
                    <a:pt x="5295900" y="6132581"/>
                  </a:moveTo>
                  <a:lnTo>
                    <a:pt x="5285232" y="6132581"/>
                  </a:lnTo>
                  <a:lnTo>
                    <a:pt x="5285232" y="6141725"/>
                  </a:lnTo>
                  <a:lnTo>
                    <a:pt x="5295900" y="6141725"/>
                  </a:lnTo>
                  <a:lnTo>
                    <a:pt x="5295900" y="6132581"/>
                  </a:lnTo>
                  <a:close/>
                </a:path>
                <a:path w="10361930" h="6141720">
                  <a:moveTo>
                    <a:pt x="5276088" y="6132581"/>
                  </a:moveTo>
                  <a:lnTo>
                    <a:pt x="5265420" y="6132581"/>
                  </a:lnTo>
                  <a:lnTo>
                    <a:pt x="5265420" y="6141725"/>
                  </a:lnTo>
                  <a:lnTo>
                    <a:pt x="5276088" y="6141725"/>
                  </a:lnTo>
                  <a:lnTo>
                    <a:pt x="5276088" y="6132581"/>
                  </a:lnTo>
                  <a:close/>
                </a:path>
                <a:path w="10361930" h="6141720">
                  <a:moveTo>
                    <a:pt x="5254752" y="6132581"/>
                  </a:moveTo>
                  <a:lnTo>
                    <a:pt x="5244083" y="6132581"/>
                  </a:lnTo>
                  <a:lnTo>
                    <a:pt x="5244083" y="6141725"/>
                  </a:lnTo>
                  <a:lnTo>
                    <a:pt x="5254752" y="6141725"/>
                  </a:lnTo>
                  <a:lnTo>
                    <a:pt x="5254752" y="6132581"/>
                  </a:lnTo>
                  <a:close/>
                </a:path>
                <a:path w="10361930" h="6141720">
                  <a:moveTo>
                    <a:pt x="5234940" y="6132581"/>
                  </a:moveTo>
                  <a:lnTo>
                    <a:pt x="5224271" y="6132581"/>
                  </a:lnTo>
                  <a:lnTo>
                    <a:pt x="5224271" y="6141725"/>
                  </a:lnTo>
                  <a:lnTo>
                    <a:pt x="5234940" y="6141725"/>
                  </a:lnTo>
                  <a:lnTo>
                    <a:pt x="5234940" y="6132581"/>
                  </a:lnTo>
                  <a:close/>
                </a:path>
                <a:path w="10361930" h="6141720">
                  <a:moveTo>
                    <a:pt x="5213604" y="6132581"/>
                  </a:moveTo>
                  <a:lnTo>
                    <a:pt x="5202935" y="6132581"/>
                  </a:lnTo>
                  <a:lnTo>
                    <a:pt x="5202935" y="6141725"/>
                  </a:lnTo>
                  <a:lnTo>
                    <a:pt x="5213604" y="6141725"/>
                  </a:lnTo>
                  <a:lnTo>
                    <a:pt x="5213604" y="6132581"/>
                  </a:lnTo>
                  <a:close/>
                </a:path>
                <a:path w="10361930" h="6141720">
                  <a:moveTo>
                    <a:pt x="5193792" y="6132581"/>
                  </a:moveTo>
                  <a:lnTo>
                    <a:pt x="5183123" y="6132581"/>
                  </a:lnTo>
                  <a:lnTo>
                    <a:pt x="5183123" y="6141725"/>
                  </a:lnTo>
                  <a:lnTo>
                    <a:pt x="5193792" y="6141725"/>
                  </a:lnTo>
                  <a:lnTo>
                    <a:pt x="5193792" y="6132581"/>
                  </a:lnTo>
                  <a:close/>
                </a:path>
                <a:path w="10361930" h="6141720">
                  <a:moveTo>
                    <a:pt x="5172456" y="6132581"/>
                  </a:moveTo>
                  <a:lnTo>
                    <a:pt x="5161788" y="6132581"/>
                  </a:lnTo>
                  <a:lnTo>
                    <a:pt x="5161788" y="6141725"/>
                  </a:lnTo>
                  <a:lnTo>
                    <a:pt x="5172456" y="6141725"/>
                  </a:lnTo>
                  <a:lnTo>
                    <a:pt x="5172456" y="6132581"/>
                  </a:lnTo>
                  <a:close/>
                </a:path>
                <a:path w="10361930" h="6141720">
                  <a:moveTo>
                    <a:pt x="5152644" y="6132581"/>
                  </a:moveTo>
                  <a:lnTo>
                    <a:pt x="5141976" y="6132581"/>
                  </a:lnTo>
                  <a:lnTo>
                    <a:pt x="5141976" y="6141725"/>
                  </a:lnTo>
                  <a:lnTo>
                    <a:pt x="5152644" y="6141725"/>
                  </a:lnTo>
                  <a:lnTo>
                    <a:pt x="5152644" y="6132581"/>
                  </a:lnTo>
                  <a:close/>
                </a:path>
                <a:path w="10361930" h="6141720">
                  <a:moveTo>
                    <a:pt x="5131308" y="6132581"/>
                  </a:moveTo>
                  <a:lnTo>
                    <a:pt x="5122164" y="6132581"/>
                  </a:lnTo>
                  <a:lnTo>
                    <a:pt x="5122164" y="6141725"/>
                  </a:lnTo>
                  <a:lnTo>
                    <a:pt x="5131308" y="6141725"/>
                  </a:lnTo>
                  <a:lnTo>
                    <a:pt x="5131308" y="6132581"/>
                  </a:lnTo>
                  <a:close/>
                </a:path>
                <a:path w="10361930" h="6141720">
                  <a:moveTo>
                    <a:pt x="5111495" y="6132581"/>
                  </a:moveTo>
                  <a:lnTo>
                    <a:pt x="5100828" y="6132581"/>
                  </a:lnTo>
                  <a:lnTo>
                    <a:pt x="5100828" y="6141725"/>
                  </a:lnTo>
                  <a:lnTo>
                    <a:pt x="5111495" y="6141725"/>
                  </a:lnTo>
                  <a:lnTo>
                    <a:pt x="5111495" y="6132581"/>
                  </a:lnTo>
                  <a:close/>
                </a:path>
                <a:path w="10361930" h="6141720">
                  <a:moveTo>
                    <a:pt x="5090159" y="6132581"/>
                  </a:moveTo>
                  <a:lnTo>
                    <a:pt x="5081016" y="6132581"/>
                  </a:lnTo>
                  <a:lnTo>
                    <a:pt x="5081016" y="6141725"/>
                  </a:lnTo>
                  <a:lnTo>
                    <a:pt x="5090159" y="6141725"/>
                  </a:lnTo>
                  <a:lnTo>
                    <a:pt x="5090159" y="6132581"/>
                  </a:lnTo>
                  <a:close/>
                </a:path>
                <a:path w="10361930" h="6141720">
                  <a:moveTo>
                    <a:pt x="5070347" y="6132581"/>
                  </a:moveTo>
                  <a:lnTo>
                    <a:pt x="5059680" y="6132581"/>
                  </a:lnTo>
                  <a:lnTo>
                    <a:pt x="5059680" y="6141725"/>
                  </a:lnTo>
                  <a:lnTo>
                    <a:pt x="5070347" y="6141725"/>
                  </a:lnTo>
                  <a:lnTo>
                    <a:pt x="5070347" y="6132581"/>
                  </a:lnTo>
                  <a:close/>
                </a:path>
                <a:path w="10361930" h="6141720">
                  <a:moveTo>
                    <a:pt x="5049011" y="6132581"/>
                  </a:moveTo>
                  <a:lnTo>
                    <a:pt x="5039868" y="6132581"/>
                  </a:lnTo>
                  <a:lnTo>
                    <a:pt x="5039868" y="6141725"/>
                  </a:lnTo>
                  <a:lnTo>
                    <a:pt x="5049011" y="6141725"/>
                  </a:lnTo>
                  <a:lnTo>
                    <a:pt x="5049011" y="6132581"/>
                  </a:lnTo>
                  <a:close/>
                </a:path>
                <a:path w="10361930" h="6141720">
                  <a:moveTo>
                    <a:pt x="5029200" y="6132581"/>
                  </a:moveTo>
                  <a:lnTo>
                    <a:pt x="5018532" y="6132581"/>
                  </a:lnTo>
                  <a:lnTo>
                    <a:pt x="5018532" y="6141725"/>
                  </a:lnTo>
                  <a:lnTo>
                    <a:pt x="5029200" y="6141725"/>
                  </a:lnTo>
                  <a:lnTo>
                    <a:pt x="5029200" y="6132581"/>
                  </a:lnTo>
                  <a:close/>
                </a:path>
                <a:path w="10361930" h="6141720">
                  <a:moveTo>
                    <a:pt x="5007864" y="6132581"/>
                  </a:moveTo>
                  <a:lnTo>
                    <a:pt x="4998720" y="6132581"/>
                  </a:lnTo>
                  <a:lnTo>
                    <a:pt x="4998720" y="6141725"/>
                  </a:lnTo>
                  <a:lnTo>
                    <a:pt x="5007864" y="6141725"/>
                  </a:lnTo>
                  <a:lnTo>
                    <a:pt x="5007864" y="6132581"/>
                  </a:lnTo>
                  <a:close/>
                </a:path>
                <a:path w="10361930" h="6141720">
                  <a:moveTo>
                    <a:pt x="4988052" y="6132581"/>
                  </a:moveTo>
                  <a:lnTo>
                    <a:pt x="4977383" y="6132581"/>
                  </a:lnTo>
                  <a:lnTo>
                    <a:pt x="4977383" y="6141725"/>
                  </a:lnTo>
                  <a:lnTo>
                    <a:pt x="4988052" y="6141725"/>
                  </a:lnTo>
                  <a:lnTo>
                    <a:pt x="4988052" y="6132581"/>
                  </a:lnTo>
                  <a:close/>
                </a:path>
                <a:path w="10361930" h="6141720">
                  <a:moveTo>
                    <a:pt x="4966716" y="6132581"/>
                  </a:moveTo>
                  <a:lnTo>
                    <a:pt x="4957571" y="6132581"/>
                  </a:lnTo>
                  <a:lnTo>
                    <a:pt x="4957571" y="6141725"/>
                  </a:lnTo>
                  <a:lnTo>
                    <a:pt x="4966716" y="6141725"/>
                  </a:lnTo>
                  <a:lnTo>
                    <a:pt x="4966716" y="6132581"/>
                  </a:lnTo>
                  <a:close/>
                </a:path>
                <a:path w="10361930" h="6141720">
                  <a:moveTo>
                    <a:pt x="4946904" y="6132581"/>
                  </a:moveTo>
                  <a:lnTo>
                    <a:pt x="4936235" y="6132581"/>
                  </a:lnTo>
                  <a:lnTo>
                    <a:pt x="4936235" y="6141725"/>
                  </a:lnTo>
                  <a:lnTo>
                    <a:pt x="4946904" y="6141725"/>
                  </a:lnTo>
                  <a:lnTo>
                    <a:pt x="4946904" y="6132581"/>
                  </a:lnTo>
                  <a:close/>
                </a:path>
                <a:path w="10361930" h="6141720">
                  <a:moveTo>
                    <a:pt x="4925568" y="6132581"/>
                  </a:moveTo>
                  <a:lnTo>
                    <a:pt x="4916423" y="6132581"/>
                  </a:lnTo>
                  <a:lnTo>
                    <a:pt x="4916423" y="6141725"/>
                  </a:lnTo>
                  <a:lnTo>
                    <a:pt x="4925568" y="6141725"/>
                  </a:lnTo>
                  <a:lnTo>
                    <a:pt x="4925568" y="6132581"/>
                  </a:lnTo>
                  <a:close/>
                </a:path>
                <a:path w="10361930" h="6141720">
                  <a:moveTo>
                    <a:pt x="4905756" y="6132581"/>
                  </a:moveTo>
                  <a:lnTo>
                    <a:pt x="4895088" y="6132581"/>
                  </a:lnTo>
                  <a:lnTo>
                    <a:pt x="4895088" y="6141725"/>
                  </a:lnTo>
                  <a:lnTo>
                    <a:pt x="4905756" y="6141725"/>
                  </a:lnTo>
                  <a:lnTo>
                    <a:pt x="4905756" y="6132581"/>
                  </a:lnTo>
                  <a:close/>
                </a:path>
                <a:path w="10361930" h="6141720">
                  <a:moveTo>
                    <a:pt x="4884420" y="6132581"/>
                  </a:moveTo>
                  <a:lnTo>
                    <a:pt x="4875276" y="6132581"/>
                  </a:lnTo>
                  <a:lnTo>
                    <a:pt x="4875276" y="6141725"/>
                  </a:lnTo>
                  <a:lnTo>
                    <a:pt x="4884420" y="6141725"/>
                  </a:lnTo>
                  <a:lnTo>
                    <a:pt x="4884420" y="6132581"/>
                  </a:lnTo>
                  <a:close/>
                </a:path>
                <a:path w="10361930" h="6141720">
                  <a:moveTo>
                    <a:pt x="4864608" y="6132581"/>
                  </a:moveTo>
                  <a:lnTo>
                    <a:pt x="4853940" y="6132581"/>
                  </a:lnTo>
                  <a:lnTo>
                    <a:pt x="4853940" y="6141725"/>
                  </a:lnTo>
                  <a:lnTo>
                    <a:pt x="4864608" y="6141725"/>
                  </a:lnTo>
                  <a:lnTo>
                    <a:pt x="4864608" y="6132581"/>
                  </a:lnTo>
                  <a:close/>
                </a:path>
                <a:path w="10361930" h="6141720">
                  <a:moveTo>
                    <a:pt x="4843271" y="6132581"/>
                  </a:moveTo>
                  <a:lnTo>
                    <a:pt x="4834128" y="6132581"/>
                  </a:lnTo>
                  <a:lnTo>
                    <a:pt x="4834128" y="6141725"/>
                  </a:lnTo>
                  <a:lnTo>
                    <a:pt x="4843271" y="6141725"/>
                  </a:lnTo>
                  <a:lnTo>
                    <a:pt x="4843271" y="6132581"/>
                  </a:lnTo>
                  <a:close/>
                </a:path>
                <a:path w="10361930" h="6141720">
                  <a:moveTo>
                    <a:pt x="4823459" y="6132581"/>
                  </a:moveTo>
                  <a:lnTo>
                    <a:pt x="4812792" y="6132581"/>
                  </a:lnTo>
                  <a:lnTo>
                    <a:pt x="4812792" y="6141725"/>
                  </a:lnTo>
                  <a:lnTo>
                    <a:pt x="4823459" y="6141725"/>
                  </a:lnTo>
                  <a:lnTo>
                    <a:pt x="4823459" y="6132581"/>
                  </a:lnTo>
                  <a:close/>
                </a:path>
                <a:path w="10361930" h="6141720">
                  <a:moveTo>
                    <a:pt x="4802123" y="6132581"/>
                  </a:moveTo>
                  <a:lnTo>
                    <a:pt x="4792980" y="6132581"/>
                  </a:lnTo>
                  <a:lnTo>
                    <a:pt x="4792980" y="6141725"/>
                  </a:lnTo>
                  <a:lnTo>
                    <a:pt x="4802123" y="6141725"/>
                  </a:lnTo>
                  <a:lnTo>
                    <a:pt x="4802123" y="6132581"/>
                  </a:lnTo>
                  <a:close/>
                </a:path>
                <a:path w="10361930" h="6141720">
                  <a:moveTo>
                    <a:pt x="4782311" y="6132581"/>
                  </a:moveTo>
                  <a:lnTo>
                    <a:pt x="4771644" y="6132581"/>
                  </a:lnTo>
                  <a:lnTo>
                    <a:pt x="4771644" y="6141725"/>
                  </a:lnTo>
                  <a:lnTo>
                    <a:pt x="4782311" y="6141725"/>
                  </a:lnTo>
                  <a:lnTo>
                    <a:pt x="4782311" y="6132581"/>
                  </a:lnTo>
                  <a:close/>
                </a:path>
                <a:path w="10361930" h="6141720">
                  <a:moveTo>
                    <a:pt x="4760976" y="6132581"/>
                  </a:moveTo>
                  <a:lnTo>
                    <a:pt x="4751832" y="6132581"/>
                  </a:lnTo>
                  <a:lnTo>
                    <a:pt x="4751832" y="6141725"/>
                  </a:lnTo>
                  <a:lnTo>
                    <a:pt x="4760976" y="6141725"/>
                  </a:lnTo>
                  <a:lnTo>
                    <a:pt x="4760976" y="6132581"/>
                  </a:lnTo>
                  <a:close/>
                </a:path>
                <a:path w="10361930" h="6141720">
                  <a:moveTo>
                    <a:pt x="4741164" y="6132581"/>
                  </a:moveTo>
                  <a:lnTo>
                    <a:pt x="4730495" y="6132581"/>
                  </a:lnTo>
                  <a:lnTo>
                    <a:pt x="4730495" y="6141725"/>
                  </a:lnTo>
                  <a:lnTo>
                    <a:pt x="4741164" y="6141725"/>
                  </a:lnTo>
                  <a:lnTo>
                    <a:pt x="4741164" y="6132581"/>
                  </a:lnTo>
                  <a:close/>
                </a:path>
                <a:path w="10361930" h="6141720">
                  <a:moveTo>
                    <a:pt x="4719828" y="6132581"/>
                  </a:moveTo>
                  <a:lnTo>
                    <a:pt x="4710683" y="6132581"/>
                  </a:lnTo>
                  <a:lnTo>
                    <a:pt x="4710683" y="6141725"/>
                  </a:lnTo>
                  <a:lnTo>
                    <a:pt x="4719828" y="6141725"/>
                  </a:lnTo>
                  <a:lnTo>
                    <a:pt x="4719828" y="6132581"/>
                  </a:lnTo>
                  <a:close/>
                </a:path>
                <a:path w="10361930" h="6141720">
                  <a:moveTo>
                    <a:pt x="4700016" y="6132581"/>
                  </a:moveTo>
                  <a:lnTo>
                    <a:pt x="4689347" y="6132581"/>
                  </a:lnTo>
                  <a:lnTo>
                    <a:pt x="4689347" y="6141725"/>
                  </a:lnTo>
                  <a:lnTo>
                    <a:pt x="4700016" y="6141725"/>
                  </a:lnTo>
                  <a:lnTo>
                    <a:pt x="4700016" y="6132581"/>
                  </a:lnTo>
                  <a:close/>
                </a:path>
                <a:path w="10361930" h="6141720">
                  <a:moveTo>
                    <a:pt x="4678680" y="6132581"/>
                  </a:moveTo>
                  <a:lnTo>
                    <a:pt x="4669535" y="6132581"/>
                  </a:lnTo>
                  <a:lnTo>
                    <a:pt x="4669535" y="6141725"/>
                  </a:lnTo>
                  <a:lnTo>
                    <a:pt x="4678680" y="6141725"/>
                  </a:lnTo>
                  <a:lnTo>
                    <a:pt x="4678680" y="6132581"/>
                  </a:lnTo>
                  <a:close/>
                </a:path>
                <a:path w="10361930" h="6141720">
                  <a:moveTo>
                    <a:pt x="4658868" y="6132581"/>
                  </a:moveTo>
                  <a:lnTo>
                    <a:pt x="4648200" y="6132581"/>
                  </a:lnTo>
                  <a:lnTo>
                    <a:pt x="4648200" y="6141725"/>
                  </a:lnTo>
                  <a:lnTo>
                    <a:pt x="4658868" y="6141725"/>
                  </a:lnTo>
                  <a:lnTo>
                    <a:pt x="4658868" y="6132581"/>
                  </a:lnTo>
                  <a:close/>
                </a:path>
                <a:path w="10361930" h="6141720">
                  <a:moveTo>
                    <a:pt x="4637532" y="6132581"/>
                  </a:moveTo>
                  <a:lnTo>
                    <a:pt x="4628388" y="6132581"/>
                  </a:lnTo>
                  <a:lnTo>
                    <a:pt x="4628388" y="6141725"/>
                  </a:lnTo>
                  <a:lnTo>
                    <a:pt x="4637532" y="6141725"/>
                  </a:lnTo>
                  <a:lnTo>
                    <a:pt x="4637532" y="6132581"/>
                  </a:lnTo>
                  <a:close/>
                </a:path>
                <a:path w="10361930" h="6141720">
                  <a:moveTo>
                    <a:pt x="4617720" y="6132581"/>
                  </a:moveTo>
                  <a:lnTo>
                    <a:pt x="4607052" y="6132581"/>
                  </a:lnTo>
                  <a:lnTo>
                    <a:pt x="4607052" y="6141725"/>
                  </a:lnTo>
                  <a:lnTo>
                    <a:pt x="4617720" y="6141725"/>
                  </a:lnTo>
                  <a:lnTo>
                    <a:pt x="4617720" y="6132581"/>
                  </a:lnTo>
                  <a:close/>
                </a:path>
                <a:path w="10361930" h="6141720">
                  <a:moveTo>
                    <a:pt x="4596383" y="6132581"/>
                  </a:moveTo>
                  <a:lnTo>
                    <a:pt x="4587240" y="6132581"/>
                  </a:lnTo>
                  <a:lnTo>
                    <a:pt x="4587240" y="6141725"/>
                  </a:lnTo>
                  <a:lnTo>
                    <a:pt x="4596383" y="6141725"/>
                  </a:lnTo>
                  <a:lnTo>
                    <a:pt x="4596383" y="6132581"/>
                  </a:lnTo>
                  <a:close/>
                </a:path>
                <a:path w="10361930" h="6141720">
                  <a:moveTo>
                    <a:pt x="4576571" y="6132581"/>
                  </a:moveTo>
                  <a:lnTo>
                    <a:pt x="4565904" y="6132581"/>
                  </a:lnTo>
                  <a:lnTo>
                    <a:pt x="4565904" y="6141725"/>
                  </a:lnTo>
                  <a:lnTo>
                    <a:pt x="4576571" y="6141725"/>
                  </a:lnTo>
                  <a:lnTo>
                    <a:pt x="4576571" y="6132581"/>
                  </a:lnTo>
                  <a:close/>
                </a:path>
                <a:path w="10361930" h="6141720">
                  <a:moveTo>
                    <a:pt x="4555235" y="6132581"/>
                  </a:moveTo>
                  <a:lnTo>
                    <a:pt x="4546092" y="6132581"/>
                  </a:lnTo>
                  <a:lnTo>
                    <a:pt x="4546092" y="6141725"/>
                  </a:lnTo>
                  <a:lnTo>
                    <a:pt x="4555235" y="6141725"/>
                  </a:lnTo>
                  <a:lnTo>
                    <a:pt x="4555235" y="6132581"/>
                  </a:lnTo>
                  <a:close/>
                </a:path>
                <a:path w="10361930" h="6141720">
                  <a:moveTo>
                    <a:pt x="4535423" y="6132581"/>
                  </a:moveTo>
                  <a:lnTo>
                    <a:pt x="4524756" y="6132581"/>
                  </a:lnTo>
                  <a:lnTo>
                    <a:pt x="4524756" y="6141725"/>
                  </a:lnTo>
                  <a:lnTo>
                    <a:pt x="4535423" y="6141725"/>
                  </a:lnTo>
                  <a:lnTo>
                    <a:pt x="4535423" y="6132581"/>
                  </a:lnTo>
                  <a:close/>
                </a:path>
                <a:path w="10361930" h="6141720">
                  <a:moveTo>
                    <a:pt x="4515611" y="6132581"/>
                  </a:moveTo>
                  <a:lnTo>
                    <a:pt x="4504944" y="6132581"/>
                  </a:lnTo>
                  <a:lnTo>
                    <a:pt x="4504944" y="6141725"/>
                  </a:lnTo>
                  <a:lnTo>
                    <a:pt x="4515611" y="6141725"/>
                  </a:lnTo>
                  <a:lnTo>
                    <a:pt x="4515611" y="6132581"/>
                  </a:lnTo>
                  <a:close/>
                </a:path>
                <a:path w="10361930" h="6141720">
                  <a:moveTo>
                    <a:pt x="4494276" y="6132581"/>
                  </a:moveTo>
                  <a:lnTo>
                    <a:pt x="4483608" y="6132581"/>
                  </a:lnTo>
                  <a:lnTo>
                    <a:pt x="4483608" y="6141725"/>
                  </a:lnTo>
                  <a:lnTo>
                    <a:pt x="4494276" y="6141725"/>
                  </a:lnTo>
                  <a:lnTo>
                    <a:pt x="4494276" y="6132581"/>
                  </a:lnTo>
                  <a:close/>
                </a:path>
                <a:path w="10361930" h="6141720">
                  <a:moveTo>
                    <a:pt x="4474464" y="6132581"/>
                  </a:moveTo>
                  <a:lnTo>
                    <a:pt x="4463795" y="6132581"/>
                  </a:lnTo>
                  <a:lnTo>
                    <a:pt x="4463795" y="6141725"/>
                  </a:lnTo>
                  <a:lnTo>
                    <a:pt x="4474464" y="6141725"/>
                  </a:lnTo>
                  <a:lnTo>
                    <a:pt x="4474464" y="6132581"/>
                  </a:lnTo>
                  <a:close/>
                </a:path>
                <a:path w="10361930" h="6141720">
                  <a:moveTo>
                    <a:pt x="4453128" y="6132581"/>
                  </a:moveTo>
                  <a:lnTo>
                    <a:pt x="4442459" y="6132581"/>
                  </a:lnTo>
                  <a:lnTo>
                    <a:pt x="4442459" y="6141725"/>
                  </a:lnTo>
                  <a:lnTo>
                    <a:pt x="4453128" y="6141725"/>
                  </a:lnTo>
                  <a:lnTo>
                    <a:pt x="4453128" y="6132581"/>
                  </a:lnTo>
                  <a:close/>
                </a:path>
                <a:path w="10361930" h="6141720">
                  <a:moveTo>
                    <a:pt x="4433316" y="6132581"/>
                  </a:moveTo>
                  <a:lnTo>
                    <a:pt x="4422647" y="6132581"/>
                  </a:lnTo>
                  <a:lnTo>
                    <a:pt x="4422647" y="6141725"/>
                  </a:lnTo>
                  <a:lnTo>
                    <a:pt x="4433316" y="6141725"/>
                  </a:lnTo>
                  <a:lnTo>
                    <a:pt x="4433316" y="6132581"/>
                  </a:lnTo>
                  <a:close/>
                </a:path>
                <a:path w="10361930" h="6141720">
                  <a:moveTo>
                    <a:pt x="4411980" y="6132581"/>
                  </a:moveTo>
                  <a:lnTo>
                    <a:pt x="4401311" y="6132581"/>
                  </a:lnTo>
                  <a:lnTo>
                    <a:pt x="4401311" y="6141725"/>
                  </a:lnTo>
                  <a:lnTo>
                    <a:pt x="4411980" y="6141725"/>
                  </a:lnTo>
                  <a:lnTo>
                    <a:pt x="4411980" y="6132581"/>
                  </a:lnTo>
                  <a:close/>
                </a:path>
                <a:path w="10361930" h="6141720">
                  <a:moveTo>
                    <a:pt x="4392168" y="6132581"/>
                  </a:moveTo>
                  <a:lnTo>
                    <a:pt x="4381500" y="6132581"/>
                  </a:lnTo>
                  <a:lnTo>
                    <a:pt x="4381500" y="6141725"/>
                  </a:lnTo>
                  <a:lnTo>
                    <a:pt x="4392168" y="6141725"/>
                  </a:lnTo>
                  <a:lnTo>
                    <a:pt x="4392168" y="6132581"/>
                  </a:lnTo>
                  <a:close/>
                </a:path>
                <a:path w="10361930" h="6141720">
                  <a:moveTo>
                    <a:pt x="4370832" y="6132581"/>
                  </a:moveTo>
                  <a:lnTo>
                    <a:pt x="4360164" y="6132581"/>
                  </a:lnTo>
                  <a:lnTo>
                    <a:pt x="4360164" y="6141725"/>
                  </a:lnTo>
                  <a:lnTo>
                    <a:pt x="4370832" y="6141725"/>
                  </a:lnTo>
                  <a:lnTo>
                    <a:pt x="4370832" y="6132581"/>
                  </a:lnTo>
                  <a:close/>
                </a:path>
                <a:path w="10361930" h="6141720">
                  <a:moveTo>
                    <a:pt x="4351020" y="6132581"/>
                  </a:moveTo>
                  <a:lnTo>
                    <a:pt x="4340352" y="6132581"/>
                  </a:lnTo>
                  <a:lnTo>
                    <a:pt x="4340352" y="6141725"/>
                  </a:lnTo>
                  <a:lnTo>
                    <a:pt x="4351020" y="6141725"/>
                  </a:lnTo>
                  <a:lnTo>
                    <a:pt x="4351020" y="6132581"/>
                  </a:lnTo>
                  <a:close/>
                </a:path>
                <a:path w="10361930" h="6141720">
                  <a:moveTo>
                    <a:pt x="4329683" y="6132581"/>
                  </a:moveTo>
                  <a:lnTo>
                    <a:pt x="4319016" y="6132581"/>
                  </a:lnTo>
                  <a:lnTo>
                    <a:pt x="4319016" y="6141725"/>
                  </a:lnTo>
                  <a:lnTo>
                    <a:pt x="4329683" y="6141725"/>
                  </a:lnTo>
                  <a:lnTo>
                    <a:pt x="4329683" y="6132581"/>
                  </a:lnTo>
                  <a:close/>
                </a:path>
                <a:path w="10361930" h="6141720">
                  <a:moveTo>
                    <a:pt x="4309871" y="6132581"/>
                  </a:moveTo>
                  <a:lnTo>
                    <a:pt x="4299204" y="6132581"/>
                  </a:lnTo>
                  <a:lnTo>
                    <a:pt x="4299204" y="6141725"/>
                  </a:lnTo>
                  <a:lnTo>
                    <a:pt x="4309871" y="6141725"/>
                  </a:lnTo>
                  <a:lnTo>
                    <a:pt x="4309871" y="6132581"/>
                  </a:lnTo>
                  <a:close/>
                </a:path>
                <a:path w="10361930" h="6141720">
                  <a:moveTo>
                    <a:pt x="4288535" y="6132581"/>
                  </a:moveTo>
                  <a:lnTo>
                    <a:pt x="4277868" y="6132581"/>
                  </a:lnTo>
                  <a:lnTo>
                    <a:pt x="4277868" y="6141725"/>
                  </a:lnTo>
                  <a:lnTo>
                    <a:pt x="4288535" y="6141725"/>
                  </a:lnTo>
                  <a:lnTo>
                    <a:pt x="4288535" y="6132581"/>
                  </a:lnTo>
                  <a:close/>
                </a:path>
                <a:path w="10361930" h="6141720">
                  <a:moveTo>
                    <a:pt x="4268723" y="6132581"/>
                  </a:moveTo>
                  <a:lnTo>
                    <a:pt x="4258056" y="6132581"/>
                  </a:lnTo>
                  <a:lnTo>
                    <a:pt x="4258056" y="6141725"/>
                  </a:lnTo>
                  <a:lnTo>
                    <a:pt x="4268723" y="6141725"/>
                  </a:lnTo>
                  <a:lnTo>
                    <a:pt x="4268723" y="6132581"/>
                  </a:lnTo>
                  <a:close/>
                </a:path>
                <a:path w="10361930" h="6141720">
                  <a:moveTo>
                    <a:pt x="4247388" y="6132581"/>
                  </a:moveTo>
                  <a:lnTo>
                    <a:pt x="4236720" y="6132581"/>
                  </a:lnTo>
                  <a:lnTo>
                    <a:pt x="4236720" y="6141725"/>
                  </a:lnTo>
                  <a:lnTo>
                    <a:pt x="4247388" y="6141725"/>
                  </a:lnTo>
                  <a:lnTo>
                    <a:pt x="4247388" y="6132581"/>
                  </a:lnTo>
                  <a:close/>
                </a:path>
                <a:path w="10361930" h="6141720">
                  <a:moveTo>
                    <a:pt x="4227576" y="6132581"/>
                  </a:moveTo>
                  <a:lnTo>
                    <a:pt x="4216908" y="6132581"/>
                  </a:lnTo>
                  <a:lnTo>
                    <a:pt x="4216908" y="6141725"/>
                  </a:lnTo>
                  <a:lnTo>
                    <a:pt x="4227576" y="6141725"/>
                  </a:lnTo>
                  <a:lnTo>
                    <a:pt x="4227576" y="6132581"/>
                  </a:lnTo>
                  <a:close/>
                </a:path>
                <a:path w="10361930" h="6141720">
                  <a:moveTo>
                    <a:pt x="4206240" y="6132581"/>
                  </a:moveTo>
                  <a:lnTo>
                    <a:pt x="4195571" y="6132581"/>
                  </a:lnTo>
                  <a:lnTo>
                    <a:pt x="4195571" y="6141725"/>
                  </a:lnTo>
                  <a:lnTo>
                    <a:pt x="4206240" y="6141725"/>
                  </a:lnTo>
                  <a:lnTo>
                    <a:pt x="4206240" y="6132581"/>
                  </a:lnTo>
                  <a:close/>
                </a:path>
                <a:path w="10361930" h="6141720">
                  <a:moveTo>
                    <a:pt x="4186428" y="6132581"/>
                  </a:moveTo>
                  <a:lnTo>
                    <a:pt x="4175759" y="6132581"/>
                  </a:lnTo>
                  <a:lnTo>
                    <a:pt x="4175759" y="6141725"/>
                  </a:lnTo>
                  <a:lnTo>
                    <a:pt x="4186428" y="6141725"/>
                  </a:lnTo>
                  <a:lnTo>
                    <a:pt x="4186428" y="6132581"/>
                  </a:lnTo>
                  <a:close/>
                </a:path>
                <a:path w="10361930" h="6141720">
                  <a:moveTo>
                    <a:pt x="4165091" y="6132581"/>
                  </a:moveTo>
                  <a:lnTo>
                    <a:pt x="4154423" y="6132581"/>
                  </a:lnTo>
                  <a:lnTo>
                    <a:pt x="4154423" y="6141725"/>
                  </a:lnTo>
                  <a:lnTo>
                    <a:pt x="4165091" y="6141725"/>
                  </a:lnTo>
                  <a:lnTo>
                    <a:pt x="4165091" y="6132581"/>
                  </a:lnTo>
                  <a:close/>
                </a:path>
                <a:path w="10361930" h="6141720">
                  <a:moveTo>
                    <a:pt x="4145279" y="6132581"/>
                  </a:moveTo>
                  <a:lnTo>
                    <a:pt x="4134611" y="6132581"/>
                  </a:lnTo>
                  <a:lnTo>
                    <a:pt x="4134611" y="6141725"/>
                  </a:lnTo>
                  <a:lnTo>
                    <a:pt x="4145279" y="6141725"/>
                  </a:lnTo>
                  <a:lnTo>
                    <a:pt x="4145279" y="6132581"/>
                  </a:lnTo>
                  <a:close/>
                </a:path>
                <a:path w="10361930" h="6141720">
                  <a:moveTo>
                    <a:pt x="4123943" y="6132581"/>
                  </a:moveTo>
                  <a:lnTo>
                    <a:pt x="4113276" y="6132581"/>
                  </a:lnTo>
                  <a:lnTo>
                    <a:pt x="4113276" y="6141725"/>
                  </a:lnTo>
                  <a:lnTo>
                    <a:pt x="4123943" y="6141725"/>
                  </a:lnTo>
                  <a:lnTo>
                    <a:pt x="4123943" y="6132581"/>
                  </a:lnTo>
                  <a:close/>
                </a:path>
                <a:path w="10361930" h="6141720">
                  <a:moveTo>
                    <a:pt x="4104131" y="6132581"/>
                  </a:moveTo>
                  <a:lnTo>
                    <a:pt x="4093464" y="6132581"/>
                  </a:lnTo>
                  <a:lnTo>
                    <a:pt x="4093464" y="6141725"/>
                  </a:lnTo>
                  <a:lnTo>
                    <a:pt x="4104131" y="6141725"/>
                  </a:lnTo>
                  <a:lnTo>
                    <a:pt x="4104131" y="6132581"/>
                  </a:lnTo>
                  <a:close/>
                </a:path>
                <a:path w="10361930" h="6141720">
                  <a:moveTo>
                    <a:pt x="4082795" y="6132581"/>
                  </a:moveTo>
                  <a:lnTo>
                    <a:pt x="4072128" y="6132581"/>
                  </a:lnTo>
                  <a:lnTo>
                    <a:pt x="4072128" y="6141725"/>
                  </a:lnTo>
                  <a:lnTo>
                    <a:pt x="4082795" y="6141725"/>
                  </a:lnTo>
                  <a:lnTo>
                    <a:pt x="4082795" y="6132581"/>
                  </a:lnTo>
                  <a:close/>
                </a:path>
                <a:path w="10361930" h="6141720">
                  <a:moveTo>
                    <a:pt x="4062983" y="6132581"/>
                  </a:moveTo>
                  <a:lnTo>
                    <a:pt x="4052316" y="6132581"/>
                  </a:lnTo>
                  <a:lnTo>
                    <a:pt x="4052316" y="6141725"/>
                  </a:lnTo>
                  <a:lnTo>
                    <a:pt x="4062983" y="6141725"/>
                  </a:lnTo>
                  <a:lnTo>
                    <a:pt x="4062983" y="6132581"/>
                  </a:lnTo>
                  <a:close/>
                </a:path>
                <a:path w="10361930" h="6141720">
                  <a:moveTo>
                    <a:pt x="4041647" y="6132581"/>
                  </a:moveTo>
                  <a:lnTo>
                    <a:pt x="4030979" y="6132581"/>
                  </a:lnTo>
                  <a:lnTo>
                    <a:pt x="4030979" y="6141725"/>
                  </a:lnTo>
                  <a:lnTo>
                    <a:pt x="4041647" y="6141725"/>
                  </a:lnTo>
                  <a:lnTo>
                    <a:pt x="4041647" y="6132581"/>
                  </a:lnTo>
                  <a:close/>
                </a:path>
                <a:path w="10361930" h="6141720">
                  <a:moveTo>
                    <a:pt x="4021835" y="6132581"/>
                  </a:moveTo>
                  <a:lnTo>
                    <a:pt x="4011167" y="6132581"/>
                  </a:lnTo>
                  <a:lnTo>
                    <a:pt x="4011167" y="6141725"/>
                  </a:lnTo>
                  <a:lnTo>
                    <a:pt x="4021835" y="6141725"/>
                  </a:lnTo>
                  <a:lnTo>
                    <a:pt x="4021835" y="6132581"/>
                  </a:lnTo>
                  <a:close/>
                </a:path>
                <a:path w="10361930" h="6141720">
                  <a:moveTo>
                    <a:pt x="4000500" y="6132581"/>
                  </a:moveTo>
                  <a:lnTo>
                    <a:pt x="3989831" y="6132581"/>
                  </a:lnTo>
                  <a:lnTo>
                    <a:pt x="3989831" y="6141725"/>
                  </a:lnTo>
                  <a:lnTo>
                    <a:pt x="4000500" y="6141725"/>
                  </a:lnTo>
                  <a:lnTo>
                    <a:pt x="4000500" y="6132581"/>
                  </a:lnTo>
                  <a:close/>
                </a:path>
                <a:path w="10361930" h="6141720">
                  <a:moveTo>
                    <a:pt x="3980688" y="6132581"/>
                  </a:moveTo>
                  <a:lnTo>
                    <a:pt x="3970019" y="6132581"/>
                  </a:lnTo>
                  <a:lnTo>
                    <a:pt x="3970019" y="6141725"/>
                  </a:lnTo>
                  <a:lnTo>
                    <a:pt x="3980688" y="6141725"/>
                  </a:lnTo>
                  <a:lnTo>
                    <a:pt x="3980688" y="6132581"/>
                  </a:lnTo>
                  <a:close/>
                </a:path>
                <a:path w="10361930" h="6141720">
                  <a:moveTo>
                    <a:pt x="3959352" y="6132581"/>
                  </a:moveTo>
                  <a:lnTo>
                    <a:pt x="3948683" y="6132581"/>
                  </a:lnTo>
                  <a:lnTo>
                    <a:pt x="3948683" y="6141725"/>
                  </a:lnTo>
                  <a:lnTo>
                    <a:pt x="3959352" y="6141725"/>
                  </a:lnTo>
                  <a:lnTo>
                    <a:pt x="3959352" y="6132581"/>
                  </a:lnTo>
                  <a:close/>
                </a:path>
                <a:path w="10361930" h="6141720">
                  <a:moveTo>
                    <a:pt x="3939540" y="6132581"/>
                  </a:moveTo>
                  <a:lnTo>
                    <a:pt x="3928871" y="6132581"/>
                  </a:lnTo>
                  <a:lnTo>
                    <a:pt x="3928871" y="6141725"/>
                  </a:lnTo>
                  <a:lnTo>
                    <a:pt x="3939540" y="6141725"/>
                  </a:lnTo>
                  <a:lnTo>
                    <a:pt x="3939540" y="6132581"/>
                  </a:lnTo>
                  <a:close/>
                </a:path>
                <a:path w="10361930" h="6141720">
                  <a:moveTo>
                    <a:pt x="3918204" y="6132581"/>
                  </a:moveTo>
                  <a:lnTo>
                    <a:pt x="3909059" y="6132581"/>
                  </a:lnTo>
                  <a:lnTo>
                    <a:pt x="3909059" y="6141725"/>
                  </a:lnTo>
                  <a:lnTo>
                    <a:pt x="3918204" y="6141725"/>
                  </a:lnTo>
                  <a:lnTo>
                    <a:pt x="3918204" y="6132581"/>
                  </a:lnTo>
                  <a:close/>
                </a:path>
                <a:path w="10361930" h="6141720">
                  <a:moveTo>
                    <a:pt x="3898391" y="6132581"/>
                  </a:moveTo>
                  <a:lnTo>
                    <a:pt x="3887723" y="6132581"/>
                  </a:lnTo>
                  <a:lnTo>
                    <a:pt x="3887723" y="6141725"/>
                  </a:lnTo>
                  <a:lnTo>
                    <a:pt x="3898391" y="6141725"/>
                  </a:lnTo>
                  <a:lnTo>
                    <a:pt x="3898391" y="6132581"/>
                  </a:lnTo>
                  <a:close/>
                </a:path>
                <a:path w="10361930" h="6141720">
                  <a:moveTo>
                    <a:pt x="3877055" y="6132581"/>
                  </a:moveTo>
                  <a:lnTo>
                    <a:pt x="3867911" y="6132581"/>
                  </a:lnTo>
                  <a:lnTo>
                    <a:pt x="3867911" y="6141725"/>
                  </a:lnTo>
                  <a:lnTo>
                    <a:pt x="3877055" y="6141725"/>
                  </a:lnTo>
                  <a:lnTo>
                    <a:pt x="3877055" y="6132581"/>
                  </a:lnTo>
                  <a:close/>
                </a:path>
                <a:path w="10361930" h="6141720">
                  <a:moveTo>
                    <a:pt x="3857243" y="6132581"/>
                  </a:moveTo>
                  <a:lnTo>
                    <a:pt x="3846576" y="6132581"/>
                  </a:lnTo>
                  <a:lnTo>
                    <a:pt x="3846576" y="6141725"/>
                  </a:lnTo>
                  <a:lnTo>
                    <a:pt x="3857243" y="6141725"/>
                  </a:lnTo>
                  <a:lnTo>
                    <a:pt x="3857243" y="6132581"/>
                  </a:lnTo>
                  <a:close/>
                </a:path>
                <a:path w="10361930" h="6141720">
                  <a:moveTo>
                    <a:pt x="3835907" y="6132581"/>
                  </a:moveTo>
                  <a:lnTo>
                    <a:pt x="3826764" y="6132581"/>
                  </a:lnTo>
                  <a:lnTo>
                    <a:pt x="3826764" y="6141725"/>
                  </a:lnTo>
                  <a:lnTo>
                    <a:pt x="3835907" y="6141725"/>
                  </a:lnTo>
                  <a:lnTo>
                    <a:pt x="3835907" y="6132581"/>
                  </a:lnTo>
                  <a:close/>
                </a:path>
                <a:path w="10361930" h="6141720">
                  <a:moveTo>
                    <a:pt x="3816095" y="6132581"/>
                  </a:moveTo>
                  <a:lnTo>
                    <a:pt x="3805428" y="6132581"/>
                  </a:lnTo>
                  <a:lnTo>
                    <a:pt x="3805428" y="6141725"/>
                  </a:lnTo>
                  <a:lnTo>
                    <a:pt x="3816095" y="6141725"/>
                  </a:lnTo>
                  <a:lnTo>
                    <a:pt x="3816095" y="6132581"/>
                  </a:lnTo>
                  <a:close/>
                </a:path>
                <a:path w="10361930" h="6141720">
                  <a:moveTo>
                    <a:pt x="3794759" y="6132581"/>
                  </a:moveTo>
                  <a:lnTo>
                    <a:pt x="3785616" y="6132581"/>
                  </a:lnTo>
                  <a:lnTo>
                    <a:pt x="3785616" y="6141725"/>
                  </a:lnTo>
                  <a:lnTo>
                    <a:pt x="3794759" y="6141725"/>
                  </a:lnTo>
                  <a:lnTo>
                    <a:pt x="3794759" y="6132581"/>
                  </a:lnTo>
                  <a:close/>
                </a:path>
                <a:path w="10361930" h="6141720">
                  <a:moveTo>
                    <a:pt x="3774947" y="6132581"/>
                  </a:moveTo>
                  <a:lnTo>
                    <a:pt x="3764279" y="6132581"/>
                  </a:lnTo>
                  <a:lnTo>
                    <a:pt x="3764279" y="6141725"/>
                  </a:lnTo>
                  <a:lnTo>
                    <a:pt x="3774947" y="6141725"/>
                  </a:lnTo>
                  <a:lnTo>
                    <a:pt x="3774947" y="6132581"/>
                  </a:lnTo>
                  <a:close/>
                </a:path>
                <a:path w="10361930" h="6141720">
                  <a:moveTo>
                    <a:pt x="3753611" y="6132581"/>
                  </a:moveTo>
                  <a:lnTo>
                    <a:pt x="3744467" y="6132581"/>
                  </a:lnTo>
                  <a:lnTo>
                    <a:pt x="3744467" y="6141725"/>
                  </a:lnTo>
                  <a:lnTo>
                    <a:pt x="3753611" y="6141725"/>
                  </a:lnTo>
                  <a:lnTo>
                    <a:pt x="3753611" y="6132581"/>
                  </a:lnTo>
                  <a:close/>
                </a:path>
                <a:path w="10361930" h="6141720">
                  <a:moveTo>
                    <a:pt x="3733800" y="6132581"/>
                  </a:moveTo>
                  <a:lnTo>
                    <a:pt x="3723131" y="6132581"/>
                  </a:lnTo>
                  <a:lnTo>
                    <a:pt x="3723131" y="6141725"/>
                  </a:lnTo>
                  <a:lnTo>
                    <a:pt x="3733800" y="6141725"/>
                  </a:lnTo>
                  <a:lnTo>
                    <a:pt x="3733800" y="6132581"/>
                  </a:lnTo>
                  <a:close/>
                </a:path>
                <a:path w="10361930" h="6141720">
                  <a:moveTo>
                    <a:pt x="3712464" y="6132581"/>
                  </a:moveTo>
                  <a:lnTo>
                    <a:pt x="3703319" y="6132581"/>
                  </a:lnTo>
                  <a:lnTo>
                    <a:pt x="3703319" y="6141725"/>
                  </a:lnTo>
                  <a:lnTo>
                    <a:pt x="3712464" y="6141725"/>
                  </a:lnTo>
                  <a:lnTo>
                    <a:pt x="3712464" y="6132581"/>
                  </a:lnTo>
                  <a:close/>
                </a:path>
                <a:path w="10361930" h="6141720">
                  <a:moveTo>
                    <a:pt x="3692652" y="6132581"/>
                  </a:moveTo>
                  <a:lnTo>
                    <a:pt x="3681983" y="6132581"/>
                  </a:lnTo>
                  <a:lnTo>
                    <a:pt x="3681983" y="6141725"/>
                  </a:lnTo>
                  <a:lnTo>
                    <a:pt x="3692652" y="6141725"/>
                  </a:lnTo>
                  <a:lnTo>
                    <a:pt x="3692652" y="6132581"/>
                  </a:lnTo>
                  <a:close/>
                </a:path>
                <a:path w="10361930" h="6141720">
                  <a:moveTo>
                    <a:pt x="3671316" y="6132581"/>
                  </a:moveTo>
                  <a:lnTo>
                    <a:pt x="3662171" y="6132581"/>
                  </a:lnTo>
                  <a:lnTo>
                    <a:pt x="3662171" y="6141725"/>
                  </a:lnTo>
                  <a:lnTo>
                    <a:pt x="3671316" y="6141725"/>
                  </a:lnTo>
                  <a:lnTo>
                    <a:pt x="3671316" y="6132581"/>
                  </a:lnTo>
                  <a:close/>
                </a:path>
                <a:path w="10361930" h="6141720">
                  <a:moveTo>
                    <a:pt x="3651504" y="6132581"/>
                  </a:moveTo>
                  <a:lnTo>
                    <a:pt x="3640835" y="6132581"/>
                  </a:lnTo>
                  <a:lnTo>
                    <a:pt x="3640835" y="6141725"/>
                  </a:lnTo>
                  <a:lnTo>
                    <a:pt x="3651504" y="6141725"/>
                  </a:lnTo>
                  <a:lnTo>
                    <a:pt x="3651504" y="6132581"/>
                  </a:lnTo>
                  <a:close/>
                </a:path>
                <a:path w="10361930" h="6141720">
                  <a:moveTo>
                    <a:pt x="3630167" y="6132581"/>
                  </a:moveTo>
                  <a:lnTo>
                    <a:pt x="3621023" y="6132581"/>
                  </a:lnTo>
                  <a:lnTo>
                    <a:pt x="3621023" y="6141725"/>
                  </a:lnTo>
                  <a:lnTo>
                    <a:pt x="3630167" y="6141725"/>
                  </a:lnTo>
                  <a:lnTo>
                    <a:pt x="3630167" y="6132581"/>
                  </a:lnTo>
                  <a:close/>
                </a:path>
                <a:path w="10361930" h="6141720">
                  <a:moveTo>
                    <a:pt x="3610355" y="6132581"/>
                  </a:moveTo>
                  <a:lnTo>
                    <a:pt x="3599688" y="6132581"/>
                  </a:lnTo>
                  <a:lnTo>
                    <a:pt x="3599688" y="6141725"/>
                  </a:lnTo>
                  <a:lnTo>
                    <a:pt x="3610355" y="6141725"/>
                  </a:lnTo>
                  <a:lnTo>
                    <a:pt x="3610355" y="6132581"/>
                  </a:lnTo>
                  <a:close/>
                </a:path>
                <a:path w="10361930" h="6141720">
                  <a:moveTo>
                    <a:pt x="3589019" y="6132581"/>
                  </a:moveTo>
                  <a:lnTo>
                    <a:pt x="3579876" y="6132581"/>
                  </a:lnTo>
                  <a:lnTo>
                    <a:pt x="3579876" y="6141725"/>
                  </a:lnTo>
                  <a:lnTo>
                    <a:pt x="3589019" y="6141725"/>
                  </a:lnTo>
                  <a:lnTo>
                    <a:pt x="3589019" y="6132581"/>
                  </a:lnTo>
                  <a:close/>
                </a:path>
                <a:path w="10361930" h="6141720">
                  <a:moveTo>
                    <a:pt x="3569207" y="6132581"/>
                  </a:moveTo>
                  <a:lnTo>
                    <a:pt x="3558540" y="6132581"/>
                  </a:lnTo>
                  <a:lnTo>
                    <a:pt x="3558540" y="6141725"/>
                  </a:lnTo>
                  <a:lnTo>
                    <a:pt x="3569207" y="6141725"/>
                  </a:lnTo>
                  <a:lnTo>
                    <a:pt x="3569207" y="6132581"/>
                  </a:lnTo>
                  <a:close/>
                </a:path>
                <a:path w="10361930" h="6141720">
                  <a:moveTo>
                    <a:pt x="3547871" y="6132581"/>
                  </a:moveTo>
                  <a:lnTo>
                    <a:pt x="3538728" y="6132581"/>
                  </a:lnTo>
                  <a:lnTo>
                    <a:pt x="3538728" y="6141725"/>
                  </a:lnTo>
                  <a:lnTo>
                    <a:pt x="3547871" y="6141725"/>
                  </a:lnTo>
                  <a:lnTo>
                    <a:pt x="3547871" y="6132581"/>
                  </a:lnTo>
                  <a:close/>
                </a:path>
                <a:path w="10361930" h="6141720">
                  <a:moveTo>
                    <a:pt x="3528059" y="6132581"/>
                  </a:moveTo>
                  <a:lnTo>
                    <a:pt x="3517391" y="6132581"/>
                  </a:lnTo>
                  <a:lnTo>
                    <a:pt x="3517391" y="6141725"/>
                  </a:lnTo>
                  <a:lnTo>
                    <a:pt x="3528059" y="6141725"/>
                  </a:lnTo>
                  <a:lnTo>
                    <a:pt x="3528059" y="6132581"/>
                  </a:lnTo>
                  <a:close/>
                </a:path>
                <a:path w="10361930" h="6141720">
                  <a:moveTo>
                    <a:pt x="3506723" y="6132581"/>
                  </a:moveTo>
                  <a:lnTo>
                    <a:pt x="3497579" y="6132581"/>
                  </a:lnTo>
                  <a:lnTo>
                    <a:pt x="3497579" y="6141725"/>
                  </a:lnTo>
                  <a:lnTo>
                    <a:pt x="3506723" y="6141725"/>
                  </a:lnTo>
                  <a:lnTo>
                    <a:pt x="3506723" y="6132581"/>
                  </a:lnTo>
                  <a:close/>
                </a:path>
                <a:path w="10361930" h="6141720">
                  <a:moveTo>
                    <a:pt x="3486911" y="6132581"/>
                  </a:moveTo>
                  <a:lnTo>
                    <a:pt x="3476243" y="6132581"/>
                  </a:lnTo>
                  <a:lnTo>
                    <a:pt x="3476243" y="6141725"/>
                  </a:lnTo>
                  <a:lnTo>
                    <a:pt x="3486911" y="6141725"/>
                  </a:lnTo>
                  <a:lnTo>
                    <a:pt x="3486911" y="6132581"/>
                  </a:lnTo>
                  <a:close/>
                </a:path>
                <a:path w="10361930" h="6141720">
                  <a:moveTo>
                    <a:pt x="3465576" y="6132581"/>
                  </a:moveTo>
                  <a:lnTo>
                    <a:pt x="3456431" y="6132581"/>
                  </a:lnTo>
                  <a:lnTo>
                    <a:pt x="3456431" y="6141725"/>
                  </a:lnTo>
                  <a:lnTo>
                    <a:pt x="3465576" y="6141725"/>
                  </a:lnTo>
                  <a:lnTo>
                    <a:pt x="3465576" y="6132581"/>
                  </a:lnTo>
                  <a:close/>
                </a:path>
                <a:path w="10361930" h="6141720">
                  <a:moveTo>
                    <a:pt x="3445764" y="6132581"/>
                  </a:moveTo>
                  <a:lnTo>
                    <a:pt x="3435095" y="6132581"/>
                  </a:lnTo>
                  <a:lnTo>
                    <a:pt x="3435095" y="6141725"/>
                  </a:lnTo>
                  <a:lnTo>
                    <a:pt x="3445764" y="6141725"/>
                  </a:lnTo>
                  <a:lnTo>
                    <a:pt x="3445764" y="6132581"/>
                  </a:lnTo>
                  <a:close/>
                </a:path>
                <a:path w="10361930" h="6141720">
                  <a:moveTo>
                    <a:pt x="3424428" y="6132581"/>
                  </a:moveTo>
                  <a:lnTo>
                    <a:pt x="3415283" y="6132581"/>
                  </a:lnTo>
                  <a:lnTo>
                    <a:pt x="3415283" y="6141725"/>
                  </a:lnTo>
                  <a:lnTo>
                    <a:pt x="3424428" y="6141725"/>
                  </a:lnTo>
                  <a:lnTo>
                    <a:pt x="3424428" y="6132581"/>
                  </a:lnTo>
                  <a:close/>
                </a:path>
                <a:path w="10361930" h="6141720">
                  <a:moveTo>
                    <a:pt x="3404616" y="6132581"/>
                  </a:moveTo>
                  <a:lnTo>
                    <a:pt x="3393947" y="6132581"/>
                  </a:lnTo>
                  <a:lnTo>
                    <a:pt x="3393947" y="6141725"/>
                  </a:lnTo>
                  <a:lnTo>
                    <a:pt x="3404616" y="6141725"/>
                  </a:lnTo>
                  <a:lnTo>
                    <a:pt x="3404616" y="6132581"/>
                  </a:lnTo>
                  <a:close/>
                </a:path>
                <a:path w="10361930" h="6141720">
                  <a:moveTo>
                    <a:pt x="3383279" y="6132581"/>
                  </a:moveTo>
                  <a:lnTo>
                    <a:pt x="3374135" y="6132581"/>
                  </a:lnTo>
                  <a:lnTo>
                    <a:pt x="3374135" y="6141725"/>
                  </a:lnTo>
                  <a:lnTo>
                    <a:pt x="3383279" y="6141725"/>
                  </a:lnTo>
                  <a:lnTo>
                    <a:pt x="3383279" y="6132581"/>
                  </a:lnTo>
                  <a:close/>
                </a:path>
                <a:path w="10361930" h="6141720">
                  <a:moveTo>
                    <a:pt x="3363467" y="6132581"/>
                  </a:moveTo>
                  <a:lnTo>
                    <a:pt x="3352800" y="6132581"/>
                  </a:lnTo>
                  <a:lnTo>
                    <a:pt x="3352800" y="6141725"/>
                  </a:lnTo>
                  <a:lnTo>
                    <a:pt x="3363467" y="6141725"/>
                  </a:lnTo>
                  <a:lnTo>
                    <a:pt x="3363467" y="6132581"/>
                  </a:lnTo>
                  <a:close/>
                </a:path>
                <a:path w="10361930" h="6141720">
                  <a:moveTo>
                    <a:pt x="3342131" y="6132581"/>
                  </a:moveTo>
                  <a:lnTo>
                    <a:pt x="3332988" y="6132581"/>
                  </a:lnTo>
                  <a:lnTo>
                    <a:pt x="3332988" y="6141725"/>
                  </a:lnTo>
                  <a:lnTo>
                    <a:pt x="3342131" y="6141725"/>
                  </a:lnTo>
                  <a:lnTo>
                    <a:pt x="3342131" y="6132581"/>
                  </a:lnTo>
                  <a:close/>
                </a:path>
                <a:path w="10361930" h="6141720">
                  <a:moveTo>
                    <a:pt x="3322319" y="6132581"/>
                  </a:moveTo>
                  <a:lnTo>
                    <a:pt x="3311652" y="6132581"/>
                  </a:lnTo>
                  <a:lnTo>
                    <a:pt x="3311652" y="6141725"/>
                  </a:lnTo>
                  <a:lnTo>
                    <a:pt x="3322319" y="6141725"/>
                  </a:lnTo>
                  <a:lnTo>
                    <a:pt x="3322319" y="6132581"/>
                  </a:lnTo>
                  <a:close/>
                </a:path>
                <a:path w="10361930" h="6141720">
                  <a:moveTo>
                    <a:pt x="3302507" y="6132581"/>
                  </a:moveTo>
                  <a:lnTo>
                    <a:pt x="3291840" y="6132581"/>
                  </a:lnTo>
                  <a:lnTo>
                    <a:pt x="3291840" y="6141725"/>
                  </a:lnTo>
                  <a:lnTo>
                    <a:pt x="3302507" y="6141725"/>
                  </a:lnTo>
                  <a:lnTo>
                    <a:pt x="3302507" y="6132581"/>
                  </a:lnTo>
                  <a:close/>
                </a:path>
                <a:path w="10361930" h="6141720">
                  <a:moveTo>
                    <a:pt x="3281171" y="6132581"/>
                  </a:moveTo>
                  <a:lnTo>
                    <a:pt x="3270504" y="6132581"/>
                  </a:lnTo>
                  <a:lnTo>
                    <a:pt x="3270504" y="6141725"/>
                  </a:lnTo>
                  <a:lnTo>
                    <a:pt x="3281171" y="6141725"/>
                  </a:lnTo>
                  <a:lnTo>
                    <a:pt x="3281171" y="6132581"/>
                  </a:lnTo>
                  <a:close/>
                </a:path>
                <a:path w="10361930" h="6141720">
                  <a:moveTo>
                    <a:pt x="3261359" y="6132581"/>
                  </a:moveTo>
                  <a:lnTo>
                    <a:pt x="3250692" y="6132581"/>
                  </a:lnTo>
                  <a:lnTo>
                    <a:pt x="3250692" y="6141725"/>
                  </a:lnTo>
                  <a:lnTo>
                    <a:pt x="3261359" y="6141725"/>
                  </a:lnTo>
                  <a:lnTo>
                    <a:pt x="3261359" y="6132581"/>
                  </a:lnTo>
                  <a:close/>
                </a:path>
                <a:path w="10361930" h="6141720">
                  <a:moveTo>
                    <a:pt x="3240023" y="6132581"/>
                  </a:moveTo>
                  <a:lnTo>
                    <a:pt x="3229356" y="6132581"/>
                  </a:lnTo>
                  <a:lnTo>
                    <a:pt x="3229356" y="6141725"/>
                  </a:lnTo>
                  <a:lnTo>
                    <a:pt x="3240023" y="6141725"/>
                  </a:lnTo>
                  <a:lnTo>
                    <a:pt x="3240023" y="6132581"/>
                  </a:lnTo>
                  <a:close/>
                </a:path>
                <a:path w="10361930" h="6141720">
                  <a:moveTo>
                    <a:pt x="3220211" y="6132581"/>
                  </a:moveTo>
                  <a:lnTo>
                    <a:pt x="3209544" y="6132581"/>
                  </a:lnTo>
                  <a:lnTo>
                    <a:pt x="3209544" y="6141725"/>
                  </a:lnTo>
                  <a:lnTo>
                    <a:pt x="3220211" y="6141725"/>
                  </a:lnTo>
                  <a:lnTo>
                    <a:pt x="3220211" y="6132581"/>
                  </a:lnTo>
                  <a:close/>
                </a:path>
                <a:path w="10361930" h="6141720">
                  <a:moveTo>
                    <a:pt x="3198876" y="6132581"/>
                  </a:moveTo>
                  <a:lnTo>
                    <a:pt x="3188208" y="6132581"/>
                  </a:lnTo>
                  <a:lnTo>
                    <a:pt x="3188208" y="6141725"/>
                  </a:lnTo>
                  <a:lnTo>
                    <a:pt x="3198876" y="6141725"/>
                  </a:lnTo>
                  <a:lnTo>
                    <a:pt x="3198876" y="6132581"/>
                  </a:lnTo>
                  <a:close/>
                </a:path>
                <a:path w="10361930" h="6141720">
                  <a:moveTo>
                    <a:pt x="3179064" y="6132581"/>
                  </a:moveTo>
                  <a:lnTo>
                    <a:pt x="3168396" y="6132581"/>
                  </a:lnTo>
                  <a:lnTo>
                    <a:pt x="3168396" y="6141725"/>
                  </a:lnTo>
                  <a:lnTo>
                    <a:pt x="3179064" y="6141725"/>
                  </a:lnTo>
                  <a:lnTo>
                    <a:pt x="3179064" y="6132581"/>
                  </a:lnTo>
                  <a:close/>
                </a:path>
                <a:path w="10361930" h="6141720">
                  <a:moveTo>
                    <a:pt x="3157728" y="6132581"/>
                  </a:moveTo>
                  <a:lnTo>
                    <a:pt x="3147060" y="6132581"/>
                  </a:lnTo>
                  <a:lnTo>
                    <a:pt x="3147060" y="6141725"/>
                  </a:lnTo>
                  <a:lnTo>
                    <a:pt x="3157728" y="6141725"/>
                  </a:lnTo>
                  <a:lnTo>
                    <a:pt x="3157728" y="6132581"/>
                  </a:lnTo>
                  <a:close/>
                </a:path>
                <a:path w="10361930" h="6141720">
                  <a:moveTo>
                    <a:pt x="3137916" y="6132581"/>
                  </a:moveTo>
                  <a:lnTo>
                    <a:pt x="3127247" y="6132581"/>
                  </a:lnTo>
                  <a:lnTo>
                    <a:pt x="3127247" y="6141725"/>
                  </a:lnTo>
                  <a:lnTo>
                    <a:pt x="3137916" y="6141725"/>
                  </a:lnTo>
                  <a:lnTo>
                    <a:pt x="3137916" y="6132581"/>
                  </a:lnTo>
                  <a:close/>
                </a:path>
                <a:path w="10361930" h="6141720">
                  <a:moveTo>
                    <a:pt x="3116580" y="6132581"/>
                  </a:moveTo>
                  <a:lnTo>
                    <a:pt x="3105911" y="6132581"/>
                  </a:lnTo>
                  <a:lnTo>
                    <a:pt x="3105911" y="6141725"/>
                  </a:lnTo>
                  <a:lnTo>
                    <a:pt x="3116580" y="6141725"/>
                  </a:lnTo>
                  <a:lnTo>
                    <a:pt x="3116580" y="6132581"/>
                  </a:lnTo>
                  <a:close/>
                </a:path>
                <a:path w="10361930" h="6141720">
                  <a:moveTo>
                    <a:pt x="3096768" y="6132581"/>
                  </a:moveTo>
                  <a:lnTo>
                    <a:pt x="3086100" y="6132581"/>
                  </a:lnTo>
                  <a:lnTo>
                    <a:pt x="3086100" y="6141725"/>
                  </a:lnTo>
                  <a:lnTo>
                    <a:pt x="3096768" y="6141725"/>
                  </a:lnTo>
                  <a:lnTo>
                    <a:pt x="3096768" y="6132581"/>
                  </a:lnTo>
                  <a:close/>
                </a:path>
                <a:path w="10361930" h="6141720">
                  <a:moveTo>
                    <a:pt x="3075432" y="6132581"/>
                  </a:moveTo>
                  <a:lnTo>
                    <a:pt x="3064764" y="6132581"/>
                  </a:lnTo>
                  <a:lnTo>
                    <a:pt x="3064764" y="6141725"/>
                  </a:lnTo>
                  <a:lnTo>
                    <a:pt x="3075432" y="6141725"/>
                  </a:lnTo>
                  <a:lnTo>
                    <a:pt x="3075432" y="6132581"/>
                  </a:lnTo>
                  <a:close/>
                </a:path>
                <a:path w="10361930" h="6141720">
                  <a:moveTo>
                    <a:pt x="3055620" y="6132581"/>
                  </a:moveTo>
                  <a:lnTo>
                    <a:pt x="3044952" y="6132581"/>
                  </a:lnTo>
                  <a:lnTo>
                    <a:pt x="3044952" y="6141725"/>
                  </a:lnTo>
                  <a:lnTo>
                    <a:pt x="3055620" y="6141725"/>
                  </a:lnTo>
                  <a:lnTo>
                    <a:pt x="3055620" y="6132581"/>
                  </a:lnTo>
                  <a:close/>
                </a:path>
                <a:path w="10361930" h="6141720">
                  <a:moveTo>
                    <a:pt x="3034284" y="6132581"/>
                  </a:moveTo>
                  <a:lnTo>
                    <a:pt x="3023616" y="6132581"/>
                  </a:lnTo>
                  <a:lnTo>
                    <a:pt x="3023616" y="6141725"/>
                  </a:lnTo>
                  <a:lnTo>
                    <a:pt x="3034284" y="6141725"/>
                  </a:lnTo>
                  <a:lnTo>
                    <a:pt x="3034284" y="6132581"/>
                  </a:lnTo>
                  <a:close/>
                </a:path>
                <a:path w="10361930" h="6141720">
                  <a:moveTo>
                    <a:pt x="3014472" y="6132581"/>
                  </a:moveTo>
                  <a:lnTo>
                    <a:pt x="3003804" y="6132581"/>
                  </a:lnTo>
                  <a:lnTo>
                    <a:pt x="3003804" y="6141725"/>
                  </a:lnTo>
                  <a:lnTo>
                    <a:pt x="3014472" y="6141725"/>
                  </a:lnTo>
                  <a:lnTo>
                    <a:pt x="3014472" y="6132581"/>
                  </a:lnTo>
                  <a:close/>
                </a:path>
                <a:path w="10361930" h="6141720">
                  <a:moveTo>
                    <a:pt x="2993136" y="6132581"/>
                  </a:moveTo>
                  <a:lnTo>
                    <a:pt x="2982468" y="6132581"/>
                  </a:lnTo>
                  <a:lnTo>
                    <a:pt x="2982468" y="6141725"/>
                  </a:lnTo>
                  <a:lnTo>
                    <a:pt x="2993136" y="6141725"/>
                  </a:lnTo>
                  <a:lnTo>
                    <a:pt x="2993136" y="6132581"/>
                  </a:lnTo>
                  <a:close/>
                </a:path>
                <a:path w="10361930" h="6141720">
                  <a:moveTo>
                    <a:pt x="2973324" y="6132581"/>
                  </a:moveTo>
                  <a:lnTo>
                    <a:pt x="2962656" y="6132581"/>
                  </a:lnTo>
                  <a:lnTo>
                    <a:pt x="2962656" y="6141725"/>
                  </a:lnTo>
                  <a:lnTo>
                    <a:pt x="2973324" y="6141725"/>
                  </a:lnTo>
                  <a:lnTo>
                    <a:pt x="2973324" y="6132581"/>
                  </a:lnTo>
                  <a:close/>
                </a:path>
                <a:path w="10361930" h="6141720">
                  <a:moveTo>
                    <a:pt x="2951988" y="6132581"/>
                  </a:moveTo>
                  <a:lnTo>
                    <a:pt x="2941320" y="6132581"/>
                  </a:lnTo>
                  <a:lnTo>
                    <a:pt x="2941320" y="6141725"/>
                  </a:lnTo>
                  <a:lnTo>
                    <a:pt x="2951988" y="6141725"/>
                  </a:lnTo>
                  <a:lnTo>
                    <a:pt x="2951988" y="6132581"/>
                  </a:lnTo>
                  <a:close/>
                </a:path>
                <a:path w="10361930" h="6141720">
                  <a:moveTo>
                    <a:pt x="2932176" y="6132581"/>
                  </a:moveTo>
                  <a:lnTo>
                    <a:pt x="2921508" y="6132581"/>
                  </a:lnTo>
                  <a:lnTo>
                    <a:pt x="2921508" y="6141725"/>
                  </a:lnTo>
                  <a:lnTo>
                    <a:pt x="2932176" y="6141725"/>
                  </a:lnTo>
                  <a:lnTo>
                    <a:pt x="2932176" y="6132581"/>
                  </a:lnTo>
                  <a:close/>
                </a:path>
                <a:path w="10361930" h="6141720">
                  <a:moveTo>
                    <a:pt x="2910840" y="6132581"/>
                  </a:moveTo>
                  <a:lnTo>
                    <a:pt x="2900172" y="6132581"/>
                  </a:lnTo>
                  <a:lnTo>
                    <a:pt x="2900172" y="6141725"/>
                  </a:lnTo>
                  <a:lnTo>
                    <a:pt x="2910840" y="6141725"/>
                  </a:lnTo>
                  <a:lnTo>
                    <a:pt x="2910840" y="6132581"/>
                  </a:lnTo>
                  <a:close/>
                </a:path>
                <a:path w="10361930" h="6141720">
                  <a:moveTo>
                    <a:pt x="2891028" y="6132581"/>
                  </a:moveTo>
                  <a:lnTo>
                    <a:pt x="2880360" y="6132581"/>
                  </a:lnTo>
                  <a:lnTo>
                    <a:pt x="2880360" y="6141725"/>
                  </a:lnTo>
                  <a:lnTo>
                    <a:pt x="2891028" y="6141725"/>
                  </a:lnTo>
                  <a:lnTo>
                    <a:pt x="2891028" y="6132581"/>
                  </a:lnTo>
                  <a:close/>
                </a:path>
                <a:path w="10361930" h="6141720">
                  <a:moveTo>
                    <a:pt x="2869692" y="6132581"/>
                  </a:moveTo>
                  <a:lnTo>
                    <a:pt x="2859024" y="6132581"/>
                  </a:lnTo>
                  <a:lnTo>
                    <a:pt x="2859024" y="6141725"/>
                  </a:lnTo>
                  <a:lnTo>
                    <a:pt x="2869692" y="6141725"/>
                  </a:lnTo>
                  <a:lnTo>
                    <a:pt x="2869692" y="6132581"/>
                  </a:lnTo>
                  <a:close/>
                </a:path>
                <a:path w="10361930" h="6141720">
                  <a:moveTo>
                    <a:pt x="2849880" y="6132581"/>
                  </a:moveTo>
                  <a:lnTo>
                    <a:pt x="2839212" y="6132581"/>
                  </a:lnTo>
                  <a:lnTo>
                    <a:pt x="2839212" y="6141725"/>
                  </a:lnTo>
                  <a:lnTo>
                    <a:pt x="2849880" y="6141725"/>
                  </a:lnTo>
                  <a:lnTo>
                    <a:pt x="2849880" y="6132581"/>
                  </a:lnTo>
                  <a:close/>
                </a:path>
                <a:path w="10361930" h="6141720">
                  <a:moveTo>
                    <a:pt x="2828544" y="6132581"/>
                  </a:moveTo>
                  <a:lnTo>
                    <a:pt x="2817876" y="6132581"/>
                  </a:lnTo>
                  <a:lnTo>
                    <a:pt x="2817876" y="6141725"/>
                  </a:lnTo>
                  <a:lnTo>
                    <a:pt x="2828544" y="6141725"/>
                  </a:lnTo>
                  <a:lnTo>
                    <a:pt x="2828544" y="6132581"/>
                  </a:lnTo>
                  <a:close/>
                </a:path>
                <a:path w="10361930" h="6141720">
                  <a:moveTo>
                    <a:pt x="2808732" y="6132581"/>
                  </a:moveTo>
                  <a:lnTo>
                    <a:pt x="2798064" y="6132581"/>
                  </a:lnTo>
                  <a:lnTo>
                    <a:pt x="2798064" y="6141725"/>
                  </a:lnTo>
                  <a:lnTo>
                    <a:pt x="2808732" y="6141725"/>
                  </a:lnTo>
                  <a:lnTo>
                    <a:pt x="2808732" y="6132581"/>
                  </a:lnTo>
                  <a:close/>
                </a:path>
                <a:path w="10361930" h="6141720">
                  <a:moveTo>
                    <a:pt x="2787396" y="6132581"/>
                  </a:moveTo>
                  <a:lnTo>
                    <a:pt x="2776728" y="6132581"/>
                  </a:lnTo>
                  <a:lnTo>
                    <a:pt x="2776728" y="6141725"/>
                  </a:lnTo>
                  <a:lnTo>
                    <a:pt x="2787396" y="6141725"/>
                  </a:lnTo>
                  <a:lnTo>
                    <a:pt x="2787396" y="6132581"/>
                  </a:lnTo>
                  <a:close/>
                </a:path>
                <a:path w="10361930" h="6141720">
                  <a:moveTo>
                    <a:pt x="2767584" y="6132581"/>
                  </a:moveTo>
                  <a:lnTo>
                    <a:pt x="2756916" y="6132581"/>
                  </a:lnTo>
                  <a:lnTo>
                    <a:pt x="2756916" y="6141725"/>
                  </a:lnTo>
                  <a:lnTo>
                    <a:pt x="2767584" y="6141725"/>
                  </a:lnTo>
                  <a:lnTo>
                    <a:pt x="2767584" y="6132581"/>
                  </a:lnTo>
                  <a:close/>
                </a:path>
                <a:path w="10361930" h="6141720">
                  <a:moveTo>
                    <a:pt x="2746248" y="6132581"/>
                  </a:moveTo>
                  <a:lnTo>
                    <a:pt x="2735580" y="6132581"/>
                  </a:lnTo>
                  <a:lnTo>
                    <a:pt x="2735580" y="6141725"/>
                  </a:lnTo>
                  <a:lnTo>
                    <a:pt x="2746248" y="6141725"/>
                  </a:lnTo>
                  <a:lnTo>
                    <a:pt x="2746248" y="6132581"/>
                  </a:lnTo>
                  <a:close/>
                </a:path>
                <a:path w="10361930" h="6141720">
                  <a:moveTo>
                    <a:pt x="2726436" y="6132581"/>
                  </a:moveTo>
                  <a:lnTo>
                    <a:pt x="2715768" y="6132581"/>
                  </a:lnTo>
                  <a:lnTo>
                    <a:pt x="2715768" y="6141725"/>
                  </a:lnTo>
                  <a:lnTo>
                    <a:pt x="2726436" y="6141725"/>
                  </a:lnTo>
                  <a:lnTo>
                    <a:pt x="2726436" y="6132581"/>
                  </a:lnTo>
                  <a:close/>
                </a:path>
                <a:path w="10361930" h="6141720">
                  <a:moveTo>
                    <a:pt x="2705100" y="6132581"/>
                  </a:moveTo>
                  <a:lnTo>
                    <a:pt x="2694432" y="6132581"/>
                  </a:lnTo>
                  <a:lnTo>
                    <a:pt x="2694432" y="6141725"/>
                  </a:lnTo>
                  <a:lnTo>
                    <a:pt x="2705100" y="6141725"/>
                  </a:lnTo>
                  <a:lnTo>
                    <a:pt x="2705100" y="6132581"/>
                  </a:lnTo>
                  <a:close/>
                </a:path>
                <a:path w="10361930" h="6141720">
                  <a:moveTo>
                    <a:pt x="2685288" y="6132581"/>
                  </a:moveTo>
                  <a:lnTo>
                    <a:pt x="2674620" y="6132581"/>
                  </a:lnTo>
                  <a:lnTo>
                    <a:pt x="2674620" y="6141725"/>
                  </a:lnTo>
                  <a:lnTo>
                    <a:pt x="2685288" y="6141725"/>
                  </a:lnTo>
                  <a:lnTo>
                    <a:pt x="2685288" y="6132581"/>
                  </a:lnTo>
                  <a:close/>
                </a:path>
                <a:path w="10361930" h="6141720">
                  <a:moveTo>
                    <a:pt x="2663952" y="6132581"/>
                  </a:moveTo>
                  <a:lnTo>
                    <a:pt x="2654808" y="6132581"/>
                  </a:lnTo>
                  <a:lnTo>
                    <a:pt x="2654808" y="6141725"/>
                  </a:lnTo>
                  <a:lnTo>
                    <a:pt x="2663952" y="6141725"/>
                  </a:lnTo>
                  <a:lnTo>
                    <a:pt x="2663952" y="6132581"/>
                  </a:lnTo>
                  <a:close/>
                </a:path>
                <a:path w="10361930" h="6141720">
                  <a:moveTo>
                    <a:pt x="2644140" y="6132581"/>
                  </a:moveTo>
                  <a:lnTo>
                    <a:pt x="2633472" y="6132581"/>
                  </a:lnTo>
                  <a:lnTo>
                    <a:pt x="2633472" y="6141725"/>
                  </a:lnTo>
                  <a:lnTo>
                    <a:pt x="2644140" y="6141725"/>
                  </a:lnTo>
                  <a:lnTo>
                    <a:pt x="2644140" y="6132581"/>
                  </a:lnTo>
                  <a:close/>
                </a:path>
                <a:path w="10361930" h="6141720">
                  <a:moveTo>
                    <a:pt x="2622804" y="6132581"/>
                  </a:moveTo>
                  <a:lnTo>
                    <a:pt x="2613660" y="6132581"/>
                  </a:lnTo>
                  <a:lnTo>
                    <a:pt x="2613660" y="6141725"/>
                  </a:lnTo>
                  <a:lnTo>
                    <a:pt x="2622804" y="6141725"/>
                  </a:lnTo>
                  <a:lnTo>
                    <a:pt x="2622804" y="6132581"/>
                  </a:lnTo>
                  <a:close/>
                </a:path>
                <a:path w="10361930" h="6141720">
                  <a:moveTo>
                    <a:pt x="2602992" y="6132581"/>
                  </a:moveTo>
                  <a:lnTo>
                    <a:pt x="2592324" y="6132581"/>
                  </a:lnTo>
                  <a:lnTo>
                    <a:pt x="2592324" y="6141725"/>
                  </a:lnTo>
                  <a:lnTo>
                    <a:pt x="2602992" y="6141725"/>
                  </a:lnTo>
                  <a:lnTo>
                    <a:pt x="2602992" y="6132581"/>
                  </a:lnTo>
                  <a:close/>
                </a:path>
                <a:path w="10361930" h="6141720">
                  <a:moveTo>
                    <a:pt x="2581656" y="6132581"/>
                  </a:moveTo>
                  <a:lnTo>
                    <a:pt x="2572512" y="6132581"/>
                  </a:lnTo>
                  <a:lnTo>
                    <a:pt x="2572512" y="6141725"/>
                  </a:lnTo>
                  <a:lnTo>
                    <a:pt x="2581656" y="6141725"/>
                  </a:lnTo>
                  <a:lnTo>
                    <a:pt x="2581656" y="6132581"/>
                  </a:lnTo>
                  <a:close/>
                </a:path>
                <a:path w="10361930" h="6141720">
                  <a:moveTo>
                    <a:pt x="2561844" y="6132581"/>
                  </a:moveTo>
                  <a:lnTo>
                    <a:pt x="2551176" y="6132581"/>
                  </a:lnTo>
                  <a:lnTo>
                    <a:pt x="2551176" y="6141725"/>
                  </a:lnTo>
                  <a:lnTo>
                    <a:pt x="2561844" y="6141725"/>
                  </a:lnTo>
                  <a:lnTo>
                    <a:pt x="2561844" y="6132581"/>
                  </a:lnTo>
                  <a:close/>
                </a:path>
                <a:path w="10361930" h="6141720">
                  <a:moveTo>
                    <a:pt x="2540508" y="6132581"/>
                  </a:moveTo>
                  <a:lnTo>
                    <a:pt x="2531364" y="6132581"/>
                  </a:lnTo>
                  <a:lnTo>
                    <a:pt x="2531364" y="6141725"/>
                  </a:lnTo>
                  <a:lnTo>
                    <a:pt x="2540508" y="6141725"/>
                  </a:lnTo>
                  <a:lnTo>
                    <a:pt x="2540508" y="6132581"/>
                  </a:lnTo>
                  <a:close/>
                </a:path>
                <a:path w="10361930" h="6141720">
                  <a:moveTo>
                    <a:pt x="2520696" y="6132581"/>
                  </a:moveTo>
                  <a:lnTo>
                    <a:pt x="2510028" y="6132581"/>
                  </a:lnTo>
                  <a:lnTo>
                    <a:pt x="2510028" y="6141725"/>
                  </a:lnTo>
                  <a:lnTo>
                    <a:pt x="2520696" y="6141725"/>
                  </a:lnTo>
                  <a:lnTo>
                    <a:pt x="2520696" y="6132581"/>
                  </a:lnTo>
                  <a:close/>
                </a:path>
                <a:path w="10361930" h="6141720">
                  <a:moveTo>
                    <a:pt x="2499360" y="6132581"/>
                  </a:moveTo>
                  <a:lnTo>
                    <a:pt x="2490216" y="6132581"/>
                  </a:lnTo>
                  <a:lnTo>
                    <a:pt x="2490216" y="6141725"/>
                  </a:lnTo>
                  <a:lnTo>
                    <a:pt x="2499360" y="6141725"/>
                  </a:lnTo>
                  <a:lnTo>
                    <a:pt x="2499360" y="6132581"/>
                  </a:lnTo>
                  <a:close/>
                </a:path>
                <a:path w="10361930" h="6141720">
                  <a:moveTo>
                    <a:pt x="2479548" y="6132581"/>
                  </a:moveTo>
                  <a:lnTo>
                    <a:pt x="2468880" y="6132581"/>
                  </a:lnTo>
                  <a:lnTo>
                    <a:pt x="2468880" y="6141725"/>
                  </a:lnTo>
                  <a:lnTo>
                    <a:pt x="2479548" y="6141725"/>
                  </a:lnTo>
                  <a:lnTo>
                    <a:pt x="2479548" y="6132581"/>
                  </a:lnTo>
                  <a:close/>
                </a:path>
                <a:path w="10361930" h="6141720">
                  <a:moveTo>
                    <a:pt x="2458212" y="6132581"/>
                  </a:moveTo>
                  <a:lnTo>
                    <a:pt x="2449068" y="6132581"/>
                  </a:lnTo>
                  <a:lnTo>
                    <a:pt x="2449068" y="6141725"/>
                  </a:lnTo>
                  <a:lnTo>
                    <a:pt x="2458212" y="6141725"/>
                  </a:lnTo>
                  <a:lnTo>
                    <a:pt x="2458212" y="6132581"/>
                  </a:lnTo>
                  <a:close/>
                </a:path>
                <a:path w="10361930" h="6141720">
                  <a:moveTo>
                    <a:pt x="2438400" y="6132581"/>
                  </a:moveTo>
                  <a:lnTo>
                    <a:pt x="2427732" y="6132581"/>
                  </a:lnTo>
                  <a:lnTo>
                    <a:pt x="2427732" y="6141725"/>
                  </a:lnTo>
                  <a:lnTo>
                    <a:pt x="2438400" y="6141725"/>
                  </a:lnTo>
                  <a:lnTo>
                    <a:pt x="2438400" y="6132581"/>
                  </a:lnTo>
                  <a:close/>
                </a:path>
                <a:path w="10361930" h="6141720">
                  <a:moveTo>
                    <a:pt x="2417064" y="6132581"/>
                  </a:moveTo>
                  <a:lnTo>
                    <a:pt x="2407920" y="6132581"/>
                  </a:lnTo>
                  <a:lnTo>
                    <a:pt x="2407920" y="6141725"/>
                  </a:lnTo>
                  <a:lnTo>
                    <a:pt x="2417064" y="6141725"/>
                  </a:lnTo>
                  <a:lnTo>
                    <a:pt x="2417064" y="6132581"/>
                  </a:lnTo>
                  <a:close/>
                </a:path>
                <a:path w="10361930" h="6141720">
                  <a:moveTo>
                    <a:pt x="2397252" y="6132581"/>
                  </a:moveTo>
                  <a:lnTo>
                    <a:pt x="2386584" y="6132581"/>
                  </a:lnTo>
                  <a:lnTo>
                    <a:pt x="2386584" y="6141725"/>
                  </a:lnTo>
                  <a:lnTo>
                    <a:pt x="2397252" y="6141725"/>
                  </a:lnTo>
                  <a:lnTo>
                    <a:pt x="2397252" y="6132581"/>
                  </a:lnTo>
                  <a:close/>
                </a:path>
                <a:path w="10361930" h="6141720">
                  <a:moveTo>
                    <a:pt x="2375916" y="6132581"/>
                  </a:moveTo>
                  <a:lnTo>
                    <a:pt x="2366772" y="6132581"/>
                  </a:lnTo>
                  <a:lnTo>
                    <a:pt x="2366772" y="6141725"/>
                  </a:lnTo>
                  <a:lnTo>
                    <a:pt x="2375916" y="6141725"/>
                  </a:lnTo>
                  <a:lnTo>
                    <a:pt x="2375916" y="6132581"/>
                  </a:lnTo>
                  <a:close/>
                </a:path>
                <a:path w="10361930" h="6141720">
                  <a:moveTo>
                    <a:pt x="2356104" y="6132581"/>
                  </a:moveTo>
                  <a:lnTo>
                    <a:pt x="2345436" y="6132581"/>
                  </a:lnTo>
                  <a:lnTo>
                    <a:pt x="2345436" y="6141725"/>
                  </a:lnTo>
                  <a:lnTo>
                    <a:pt x="2356104" y="6141725"/>
                  </a:lnTo>
                  <a:lnTo>
                    <a:pt x="2356104" y="6132581"/>
                  </a:lnTo>
                  <a:close/>
                </a:path>
                <a:path w="10361930" h="6141720">
                  <a:moveTo>
                    <a:pt x="2334768" y="6132581"/>
                  </a:moveTo>
                  <a:lnTo>
                    <a:pt x="2325624" y="6132581"/>
                  </a:lnTo>
                  <a:lnTo>
                    <a:pt x="2325624" y="6141725"/>
                  </a:lnTo>
                  <a:lnTo>
                    <a:pt x="2334768" y="6141725"/>
                  </a:lnTo>
                  <a:lnTo>
                    <a:pt x="2334768" y="6132581"/>
                  </a:lnTo>
                  <a:close/>
                </a:path>
                <a:path w="10361930" h="6141720">
                  <a:moveTo>
                    <a:pt x="2314956" y="6132581"/>
                  </a:moveTo>
                  <a:lnTo>
                    <a:pt x="2304288" y="6132581"/>
                  </a:lnTo>
                  <a:lnTo>
                    <a:pt x="2304288" y="6141725"/>
                  </a:lnTo>
                  <a:lnTo>
                    <a:pt x="2314956" y="6141725"/>
                  </a:lnTo>
                  <a:lnTo>
                    <a:pt x="2314956" y="6132581"/>
                  </a:lnTo>
                  <a:close/>
                </a:path>
                <a:path w="10361930" h="6141720">
                  <a:moveTo>
                    <a:pt x="2293620" y="6132581"/>
                  </a:moveTo>
                  <a:lnTo>
                    <a:pt x="2284476" y="6132581"/>
                  </a:lnTo>
                  <a:lnTo>
                    <a:pt x="2284476" y="6141725"/>
                  </a:lnTo>
                  <a:lnTo>
                    <a:pt x="2293620" y="6141725"/>
                  </a:lnTo>
                  <a:lnTo>
                    <a:pt x="2293620" y="6132581"/>
                  </a:lnTo>
                  <a:close/>
                </a:path>
                <a:path w="10361930" h="6141720">
                  <a:moveTo>
                    <a:pt x="2273808" y="6132581"/>
                  </a:moveTo>
                  <a:lnTo>
                    <a:pt x="2263140" y="6132581"/>
                  </a:lnTo>
                  <a:lnTo>
                    <a:pt x="2263140" y="6141725"/>
                  </a:lnTo>
                  <a:lnTo>
                    <a:pt x="2273808" y="6141725"/>
                  </a:lnTo>
                  <a:lnTo>
                    <a:pt x="2273808" y="6132581"/>
                  </a:lnTo>
                  <a:close/>
                </a:path>
                <a:path w="10361930" h="6141720">
                  <a:moveTo>
                    <a:pt x="2252472" y="6132581"/>
                  </a:moveTo>
                  <a:lnTo>
                    <a:pt x="2243328" y="6132581"/>
                  </a:lnTo>
                  <a:lnTo>
                    <a:pt x="2243328" y="6141725"/>
                  </a:lnTo>
                  <a:lnTo>
                    <a:pt x="2252472" y="6141725"/>
                  </a:lnTo>
                  <a:lnTo>
                    <a:pt x="2252472" y="6132581"/>
                  </a:lnTo>
                  <a:close/>
                </a:path>
                <a:path w="10361930" h="6141720">
                  <a:moveTo>
                    <a:pt x="2232660" y="6132581"/>
                  </a:moveTo>
                  <a:lnTo>
                    <a:pt x="2221992" y="6132581"/>
                  </a:lnTo>
                  <a:lnTo>
                    <a:pt x="2221992" y="6141725"/>
                  </a:lnTo>
                  <a:lnTo>
                    <a:pt x="2232660" y="6141725"/>
                  </a:lnTo>
                  <a:lnTo>
                    <a:pt x="2232660" y="6132581"/>
                  </a:lnTo>
                  <a:close/>
                </a:path>
                <a:path w="10361930" h="6141720">
                  <a:moveTo>
                    <a:pt x="2211324" y="6132581"/>
                  </a:moveTo>
                  <a:lnTo>
                    <a:pt x="2202180" y="6132581"/>
                  </a:lnTo>
                  <a:lnTo>
                    <a:pt x="2202180" y="6141725"/>
                  </a:lnTo>
                  <a:lnTo>
                    <a:pt x="2211324" y="6141725"/>
                  </a:lnTo>
                  <a:lnTo>
                    <a:pt x="2211324" y="6132581"/>
                  </a:lnTo>
                  <a:close/>
                </a:path>
                <a:path w="10361930" h="6141720">
                  <a:moveTo>
                    <a:pt x="2191512" y="6132581"/>
                  </a:moveTo>
                  <a:lnTo>
                    <a:pt x="2180844" y="6132581"/>
                  </a:lnTo>
                  <a:lnTo>
                    <a:pt x="2180844" y="6141725"/>
                  </a:lnTo>
                  <a:lnTo>
                    <a:pt x="2191512" y="6141725"/>
                  </a:lnTo>
                  <a:lnTo>
                    <a:pt x="2191512" y="6132581"/>
                  </a:lnTo>
                  <a:close/>
                </a:path>
                <a:path w="10361930" h="6141720">
                  <a:moveTo>
                    <a:pt x="2170176" y="6132581"/>
                  </a:moveTo>
                  <a:lnTo>
                    <a:pt x="2161032" y="6132581"/>
                  </a:lnTo>
                  <a:lnTo>
                    <a:pt x="2161032" y="6141725"/>
                  </a:lnTo>
                  <a:lnTo>
                    <a:pt x="2170176" y="6141725"/>
                  </a:lnTo>
                  <a:lnTo>
                    <a:pt x="2170176" y="6132581"/>
                  </a:lnTo>
                  <a:close/>
                </a:path>
                <a:path w="10361930" h="6141720">
                  <a:moveTo>
                    <a:pt x="2150364" y="6132581"/>
                  </a:moveTo>
                  <a:lnTo>
                    <a:pt x="2139696" y="6132581"/>
                  </a:lnTo>
                  <a:lnTo>
                    <a:pt x="2139696" y="6141725"/>
                  </a:lnTo>
                  <a:lnTo>
                    <a:pt x="2150364" y="6141725"/>
                  </a:lnTo>
                  <a:lnTo>
                    <a:pt x="2150364" y="6132581"/>
                  </a:lnTo>
                  <a:close/>
                </a:path>
                <a:path w="10361930" h="6141720">
                  <a:moveTo>
                    <a:pt x="2129028" y="6132581"/>
                  </a:moveTo>
                  <a:lnTo>
                    <a:pt x="2119884" y="6132581"/>
                  </a:lnTo>
                  <a:lnTo>
                    <a:pt x="2119884" y="6141725"/>
                  </a:lnTo>
                  <a:lnTo>
                    <a:pt x="2129028" y="6141725"/>
                  </a:lnTo>
                  <a:lnTo>
                    <a:pt x="2129028" y="6132581"/>
                  </a:lnTo>
                  <a:close/>
                </a:path>
                <a:path w="10361930" h="6141720">
                  <a:moveTo>
                    <a:pt x="2109216" y="6132581"/>
                  </a:moveTo>
                  <a:lnTo>
                    <a:pt x="2098548" y="6132581"/>
                  </a:lnTo>
                  <a:lnTo>
                    <a:pt x="2098548" y="6141725"/>
                  </a:lnTo>
                  <a:lnTo>
                    <a:pt x="2109216" y="6141725"/>
                  </a:lnTo>
                  <a:lnTo>
                    <a:pt x="2109216" y="6132581"/>
                  </a:lnTo>
                  <a:close/>
                </a:path>
                <a:path w="10361930" h="6141720">
                  <a:moveTo>
                    <a:pt x="2087880" y="6132581"/>
                  </a:moveTo>
                  <a:lnTo>
                    <a:pt x="2078736" y="6132581"/>
                  </a:lnTo>
                  <a:lnTo>
                    <a:pt x="2078736" y="6141725"/>
                  </a:lnTo>
                  <a:lnTo>
                    <a:pt x="2087880" y="6141725"/>
                  </a:lnTo>
                  <a:lnTo>
                    <a:pt x="2087880" y="6132581"/>
                  </a:lnTo>
                  <a:close/>
                </a:path>
                <a:path w="10361930" h="6141720">
                  <a:moveTo>
                    <a:pt x="2068068" y="6132581"/>
                  </a:moveTo>
                  <a:lnTo>
                    <a:pt x="2057400" y="6132581"/>
                  </a:lnTo>
                  <a:lnTo>
                    <a:pt x="2057400" y="6141725"/>
                  </a:lnTo>
                  <a:lnTo>
                    <a:pt x="2068068" y="6141725"/>
                  </a:lnTo>
                  <a:lnTo>
                    <a:pt x="2068068" y="6132581"/>
                  </a:lnTo>
                  <a:close/>
                </a:path>
                <a:path w="10361930" h="6141720">
                  <a:moveTo>
                    <a:pt x="2048256" y="6132581"/>
                  </a:moveTo>
                  <a:lnTo>
                    <a:pt x="2037588" y="6132581"/>
                  </a:lnTo>
                  <a:lnTo>
                    <a:pt x="2037588" y="6141725"/>
                  </a:lnTo>
                  <a:lnTo>
                    <a:pt x="2048256" y="6141725"/>
                  </a:lnTo>
                  <a:lnTo>
                    <a:pt x="2048256" y="6132581"/>
                  </a:lnTo>
                  <a:close/>
                </a:path>
                <a:path w="10361930" h="6141720">
                  <a:moveTo>
                    <a:pt x="2026920" y="6132581"/>
                  </a:moveTo>
                  <a:lnTo>
                    <a:pt x="2016252" y="6132581"/>
                  </a:lnTo>
                  <a:lnTo>
                    <a:pt x="2016252" y="6141725"/>
                  </a:lnTo>
                  <a:lnTo>
                    <a:pt x="2026920" y="6141725"/>
                  </a:lnTo>
                  <a:lnTo>
                    <a:pt x="2026920" y="6132581"/>
                  </a:lnTo>
                  <a:close/>
                </a:path>
                <a:path w="10361930" h="6141720">
                  <a:moveTo>
                    <a:pt x="2007108" y="6132581"/>
                  </a:moveTo>
                  <a:lnTo>
                    <a:pt x="1996439" y="6132581"/>
                  </a:lnTo>
                  <a:lnTo>
                    <a:pt x="1996439" y="6141725"/>
                  </a:lnTo>
                  <a:lnTo>
                    <a:pt x="2007108" y="6141725"/>
                  </a:lnTo>
                  <a:lnTo>
                    <a:pt x="2007108" y="6132581"/>
                  </a:lnTo>
                  <a:close/>
                </a:path>
                <a:path w="10361930" h="6141720">
                  <a:moveTo>
                    <a:pt x="1985772" y="6132581"/>
                  </a:moveTo>
                  <a:lnTo>
                    <a:pt x="1975104" y="6132581"/>
                  </a:lnTo>
                  <a:lnTo>
                    <a:pt x="1975104" y="6141725"/>
                  </a:lnTo>
                  <a:lnTo>
                    <a:pt x="1985772" y="6141725"/>
                  </a:lnTo>
                  <a:lnTo>
                    <a:pt x="1985772" y="6132581"/>
                  </a:lnTo>
                  <a:close/>
                </a:path>
                <a:path w="10361930" h="6141720">
                  <a:moveTo>
                    <a:pt x="1965960" y="6132581"/>
                  </a:moveTo>
                  <a:lnTo>
                    <a:pt x="1955292" y="6132581"/>
                  </a:lnTo>
                  <a:lnTo>
                    <a:pt x="1955292" y="6141725"/>
                  </a:lnTo>
                  <a:lnTo>
                    <a:pt x="1965960" y="6141725"/>
                  </a:lnTo>
                  <a:lnTo>
                    <a:pt x="1965960" y="6132581"/>
                  </a:lnTo>
                  <a:close/>
                </a:path>
                <a:path w="10361930" h="6141720">
                  <a:moveTo>
                    <a:pt x="1944624" y="6132581"/>
                  </a:moveTo>
                  <a:lnTo>
                    <a:pt x="1933956" y="6132581"/>
                  </a:lnTo>
                  <a:lnTo>
                    <a:pt x="1933956" y="6141725"/>
                  </a:lnTo>
                  <a:lnTo>
                    <a:pt x="1944624" y="6141725"/>
                  </a:lnTo>
                  <a:lnTo>
                    <a:pt x="1944624" y="6132581"/>
                  </a:lnTo>
                  <a:close/>
                </a:path>
                <a:path w="10361930" h="6141720">
                  <a:moveTo>
                    <a:pt x="1924812" y="6132581"/>
                  </a:moveTo>
                  <a:lnTo>
                    <a:pt x="1914144" y="6132581"/>
                  </a:lnTo>
                  <a:lnTo>
                    <a:pt x="1914144" y="6141725"/>
                  </a:lnTo>
                  <a:lnTo>
                    <a:pt x="1924812" y="6141725"/>
                  </a:lnTo>
                  <a:lnTo>
                    <a:pt x="1924812" y="6132581"/>
                  </a:lnTo>
                  <a:close/>
                </a:path>
                <a:path w="10361930" h="6141720">
                  <a:moveTo>
                    <a:pt x="1903476" y="6132581"/>
                  </a:moveTo>
                  <a:lnTo>
                    <a:pt x="1892808" y="6132581"/>
                  </a:lnTo>
                  <a:lnTo>
                    <a:pt x="1892808" y="6141725"/>
                  </a:lnTo>
                  <a:lnTo>
                    <a:pt x="1903476" y="6141725"/>
                  </a:lnTo>
                  <a:lnTo>
                    <a:pt x="1903476" y="6132581"/>
                  </a:lnTo>
                  <a:close/>
                </a:path>
                <a:path w="10361930" h="6141720">
                  <a:moveTo>
                    <a:pt x="1883664" y="6132581"/>
                  </a:moveTo>
                  <a:lnTo>
                    <a:pt x="1872995" y="6132581"/>
                  </a:lnTo>
                  <a:lnTo>
                    <a:pt x="1872995" y="6141725"/>
                  </a:lnTo>
                  <a:lnTo>
                    <a:pt x="1883664" y="6141725"/>
                  </a:lnTo>
                  <a:lnTo>
                    <a:pt x="1883664" y="6132581"/>
                  </a:lnTo>
                  <a:close/>
                </a:path>
                <a:path w="10361930" h="6141720">
                  <a:moveTo>
                    <a:pt x="1862328" y="6132581"/>
                  </a:moveTo>
                  <a:lnTo>
                    <a:pt x="1851660" y="6132581"/>
                  </a:lnTo>
                  <a:lnTo>
                    <a:pt x="1851660" y="6141725"/>
                  </a:lnTo>
                  <a:lnTo>
                    <a:pt x="1862328" y="6141725"/>
                  </a:lnTo>
                  <a:lnTo>
                    <a:pt x="1862328" y="6132581"/>
                  </a:lnTo>
                  <a:close/>
                </a:path>
                <a:path w="10361930" h="6141720">
                  <a:moveTo>
                    <a:pt x="1842516" y="6132581"/>
                  </a:moveTo>
                  <a:lnTo>
                    <a:pt x="1831848" y="6132581"/>
                  </a:lnTo>
                  <a:lnTo>
                    <a:pt x="1831848" y="6141725"/>
                  </a:lnTo>
                  <a:lnTo>
                    <a:pt x="1842516" y="6141725"/>
                  </a:lnTo>
                  <a:lnTo>
                    <a:pt x="1842516" y="6132581"/>
                  </a:lnTo>
                  <a:close/>
                </a:path>
                <a:path w="10361930" h="6141720">
                  <a:moveTo>
                    <a:pt x="1821180" y="6132581"/>
                  </a:moveTo>
                  <a:lnTo>
                    <a:pt x="1810512" y="6132581"/>
                  </a:lnTo>
                  <a:lnTo>
                    <a:pt x="1810512" y="6141725"/>
                  </a:lnTo>
                  <a:lnTo>
                    <a:pt x="1821180" y="6141725"/>
                  </a:lnTo>
                  <a:lnTo>
                    <a:pt x="1821180" y="6132581"/>
                  </a:lnTo>
                  <a:close/>
                </a:path>
                <a:path w="10361930" h="6141720">
                  <a:moveTo>
                    <a:pt x="1801368" y="6132581"/>
                  </a:moveTo>
                  <a:lnTo>
                    <a:pt x="1790700" y="6132581"/>
                  </a:lnTo>
                  <a:lnTo>
                    <a:pt x="1790700" y="6141725"/>
                  </a:lnTo>
                  <a:lnTo>
                    <a:pt x="1801368" y="6141725"/>
                  </a:lnTo>
                  <a:lnTo>
                    <a:pt x="1801368" y="6132581"/>
                  </a:lnTo>
                  <a:close/>
                </a:path>
                <a:path w="10361930" h="6141720">
                  <a:moveTo>
                    <a:pt x="1780032" y="6132581"/>
                  </a:moveTo>
                  <a:lnTo>
                    <a:pt x="1769364" y="6132581"/>
                  </a:lnTo>
                  <a:lnTo>
                    <a:pt x="1769364" y="6141725"/>
                  </a:lnTo>
                  <a:lnTo>
                    <a:pt x="1780032" y="6141725"/>
                  </a:lnTo>
                  <a:lnTo>
                    <a:pt x="1780032" y="6132581"/>
                  </a:lnTo>
                  <a:close/>
                </a:path>
                <a:path w="10361930" h="6141720">
                  <a:moveTo>
                    <a:pt x="1760220" y="6132581"/>
                  </a:moveTo>
                  <a:lnTo>
                    <a:pt x="1749552" y="6132581"/>
                  </a:lnTo>
                  <a:lnTo>
                    <a:pt x="1749552" y="6141725"/>
                  </a:lnTo>
                  <a:lnTo>
                    <a:pt x="1760220" y="6141725"/>
                  </a:lnTo>
                  <a:lnTo>
                    <a:pt x="1760220" y="6132581"/>
                  </a:lnTo>
                  <a:close/>
                </a:path>
                <a:path w="10361930" h="6141720">
                  <a:moveTo>
                    <a:pt x="1738883" y="6132581"/>
                  </a:moveTo>
                  <a:lnTo>
                    <a:pt x="1728216" y="6132581"/>
                  </a:lnTo>
                  <a:lnTo>
                    <a:pt x="1728216" y="6141725"/>
                  </a:lnTo>
                  <a:lnTo>
                    <a:pt x="1738883" y="6141725"/>
                  </a:lnTo>
                  <a:lnTo>
                    <a:pt x="1738883" y="6132581"/>
                  </a:lnTo>
                  <a:close/>
                </a:path>
                <a:path w="10361930" h="6141720">
                  <a:moveTo>
                    <a:pt x="1719072" y="6132581"/>
                  </a:moveTo>
                  <a:lnTo>
                    <a:pt x="1708404" y="6132581"/>
                  </a:lnTo>
                  <a:lnTo>
                    <a:pt x="1708404" y="6141725"/>
                  </a:lnTo>
                  <a:lnTo>
                    <a:pt x="1719072" y="6141725"/>
                  </a:lnTo>
                  <a:lnTo>
                    <a:pt x="1719072" y="6132581"/>
                  </a:lnTo>
                  <a:close/>
                </a:path>
                <a:path w="10361930" h="6141720">
                  <a:moveTo>
                    <a:pt x="1697736" y="6132581"/>
                  </a:moveTo>
                  <a:lnTo>
                    <a:pt x="1687068" y="6132581"/>
                  </a:lnTo>
                  <a:lnTo>
                    <a:pt x="1687068" y="6141725"/>
                  </a:lnTo>
                  <a:lnTo>
                    <a:pt x="1697736" y="6141725"/>
                  </a:lnTo>
                  <a:lnTo>
                    <a:pt x="1697736" y="6132581"/>
                  </a:lnTo>
                  <a:close/>
                </a:path>
                <a:path w="10361930" h="6141720">
                  <a:moveTo>
                    <a:pt x="1677924" y="6132581"/>
                  </a:moveTo>
                  <a:lnTo>
                    <a:pt x="1667256" y="6132581"/>
                  </a:lnTo>
                  <a:lnTo>
                    <a:pt x="1667256" y="6141725"/>
                  </a:lnTo>
                  <a:lnTo>
                    <a:pt x="1677924" y="6141725"/>
                  </a:lnTo>
                  <a:lnTo>
                    <a:pt x="1677924" y="6132581"/>
                  </a:lnTo>
                  <a:close/>
                </a:path>
                <a:path w="10361930" h="6141720">
                  <a:moveTo>
                    <a:pt x="1656588" y="6132581"/>
                  </a:moveTo>
                  <a:lnTo>
                    <a:pt x="1645920" y="6132581"/>
                  </a:lnTo>
                  <a:lnTo>
                    <a:pt x="1645920" y="6141725"/>
                  </a:lnTo>
                  <a:lnTo>
                    <a:pt x="1656588" y="6141725"/>
                  </a:lnTo>
                  <a:lnTo>
                    <a:pt x="1656588" y="6132581"/>
                  </a:lnTo>
                  <a:close/>
                </a:path>
                <a:path w="10361930" h="6141720">
                  <a:moveTo>
                    <a:pt x="1636776" y="6132581"/>
                  </a:moveTo>
                  <a:lnTo>
                    <a:pt x="1626108" y="6132581"/>
                  </a:lnTo>
                  <a:lnTo>
                    <a:pt x="1626108" y="6141725"/>
                  </a:lnTo>
                  <a:lnTo>
                    <a:pt x="1636776" y="6141725"/>
                  </a:lnTo>
                  <a:lnTo>
                    <a:pt x="1636776" y="6132581"/>
                  </a:lnTo>
                  <a:close/>
                </a:path>
                <a:path w="10361930" h="6141720">
                  <a:moveTo>
                    <a:pt x="1615439" y="6132581"/>
                  </a:moveTo>
                  <a:lnTo>
                    <a:pt x="1604772" y="6132581"/>
                  </a:lnTo>
                  <a:lnTo>
                    <a:pt x="1604772" y="6141725"/>
                  </a:lnTo>
                  <a:lnTo>
                    <a:pt x="1615439" y="6141725"/>
                  </a:lnTo>
                  <a:lnTo>
                    <a:pt x="1615439" y="6132581"/>
                  </a:lnTo>
                  <a:close/>
                </a:path>
                <a:path w="10361930" h="6141720">
                  <a:moveTo>
                    <a:pt x="1595628" y="6132581"/>
                  </a:moveTo>
                  <a:lnTo>
                    <a:pt x="1584960" y="6132581"/>
                  </a:lnTo>
                  <a:lnTo>
                    <a:pt x="1584960" y="6141725"/>
                  </a:lnTo>
                  <a:lnTo>
                    <a:pt x="1595628" y="6141725"/>
                  </a:lnTo>
                  <a:lnTo>
                    <a:pt x="1595628" y="6132581"/>
                  </a:lnTo>
                  <a:close/>
                </a:path>
                <a:path w="10361930" h="6141720">
                  <a:moveTo>
                    <a:pt x="1574292" y="6132581"/>
                  </a:moveTo>
                  <a:lnTo>
                    <a:pt x="1563624" y="6132581"/>
                  </a:lnTo>
                  <a:lnTo>
                    <a:pt x="1563624" y="6141725"/>
                  </a:lnTo>
                  <a:lnTo>
                    <a:pt x="1574292" y="6141725"/>
                  </a:lnTo>
                  <a:lnTo>
                    <a:pt x="1574292" y="6132581"/>
                  </a:lnTo>
                  <a:close/>
                </a:path>
                <a:path w="10361930" h="6141720">
                  <a:moveTo>
                    <a:pt x="1554480" y="6132581"/>
                  </a:moveTo>
                  <a:lnTo>
                    <a:pt x="1543812" y="6132581"/>
                  </a:lnTo>
                  <a:lnTo>
                    <a:pt x="1543812" y="6141725"/>
                  </a:lnTo>
                  <a:lnTo>
                    <a:pt x="1554480" y="6141725"/>
                  </a:lnTo>
                  <a:lnTo>
                    <a:pt x="1554480" y="6132581"/>
                  </a:lnTo>
                  <a:close/>
                </a:path>
                <a:path w="10361930" h="6141720">
                  <a:moveTo>
                    <a:pt x="1533144" y="6132581"/>
                  </a:moveTo>
                  <a:lnTo>
                    <a:pt x="1522476" y="6132581"/>
                  </a:lnTo>
                  <a:lnTo>
                    <a:pt x="1522476" y="6141725"/>
                  </a:lnTo>
                  <a:lnTo>
                    <a:pt x="1533144" y="6141725"/>
                  </a:lnTo>
                  <a:lnTo>
                    <a:pt x="1533144" y="6132581"/>
                  </a:lnTo>
                  <a:close/>
                </a:path>
                <a:path w="10361930" h="6141720">
                  <a:moveTo>
                    <a:pt x="1513332" y="6132581"/>
                  </a:moveTo>
                  <a:lnTo>
                    <a:pt x="1502664" y="6132581"/>
                  </a:lnTo>
                  <a:lnTo>
                    <a:pt x="1502664" y="6141725"/>
                  </a:lnTo>
                  <a:lnTo>
                    <a:pt x="1513332" y="6141725"/>
                  </a:lnTo>
                  <a:lnTo>
                    <a:pt x="1513332" y="6132581"/>
                  </a:lnTo>
                  <a:close/>
                </a:path>
                <a:path w="10361930" h="6141720">
                  <a:moveTo>
                    <a:pt x="1491995" y="6132581"/>
                  </a:moveTo>
                  <a:lnTo>
                    <a:pt x="1481328" y="6132581"/>
                  </a:lnTo>
                  <a:lnTo>
                    <a:pt x="1481328" y="6141725"/>
                  </a:lnTo>
                  <a:lnTo>
                    <a:pt x="1491995" y="6141725"/>
                  </a:lnTo>
                  <a:lnTo>
                    <a:pt x="1491995" y="6132581"/>
                  </a:lnTo>
                  <a:close/>
                </a:path>
                <a:path w="10361930" h="6141720">
                  <a:moveTo>
                    <a:pt x="1472183" y="6132581"/>
                  </a:moveTo>
                  <a:lnTo>
                    <a:pt x="1461516" y="6132581"/>
                  </a:lnTo>
                  <a:lnTo>
                    <a:pt x="1461516" y="6141725"/>
                  </a:lnTo>
                  <a:lnTo>
                    <a:pt x="1472183" y="6141725"/>
                  </a:lnTo>
                  <a:lnTo>
                    <a:pt x="1472183" y="6132581"/>
                  </a:lnTo>
                  <a:close/>
                </a:path>
                <a:path w="10361930" h="6141720">
                  <a:moveTo>
                    <a:pt x="1450848" y="6132581"/>
                  </a:moveTo>
                  <a:lnTo>
                    <a:pt x="1441704" y="6132581"/>
                  </a:lnTo>
                  <a:lnTo>
                    <a:pt x="1441704" y="6141725"/>
                  </a:lnTo>
                  <a:lnTo>
                    <a:pt x="1450848" y="6141725"/>
                  </a:lnTo>
                  <a:lnTo>
                    <a:pt x="1450848" y="6132581"/>
                  </a:lnTo>
                  <a:close/>
                </a:path>
                <a:path w="10361930" h="6141720">
                  <a:moveTo>
                    <a:pt x="1431036" y="6132581"/>
                  </a:moveTo>
                  <a:lnTo>
                    <a:pt x="1420368" y="6132581"/>
                  </a:lnTo>
                  <a:lnTo>
                    <a:pt x="1420368" y="6141725"/>
                  </a:lnTo>
                  <a:lnTo>
                    <a:pt x="1431036" y="6141725"/>
                  </a:lnTo>
                  <a:lnTo>
                    <a:pt x="1431036" y="6132581"/>
                  </a:lnTo>
                  <a:close/>
                </a:path>
                <a:path w="10361930" h="6141720">
                  <a:moveTo>
                    <a:pt x="1409700" y="6132581"/>
                  </a:moveTo>
                  <a:lnTo>
                    <a:pt x="1400556" y="6132581"/>
                  </a:lnTo>
                  <a:lnTo>
                    <a:pt x="1400556" y="6141725"/>
                  </a:lnTo>
                  <a:lnTo>
                    <a:pt x="1409700" y="6141725"/>
                  </a:lnTo>
                  <a:lnTo>
                    <a:pt x="1409700" y="6132581"/>
                  </a:lnTo>
                  <a:close/>
                </a:path>
                <a:path w="10361930" h="6141720">
                  <a:moveTo>
                    <a:pt x="1389888" y="6132581"/>
                  </a:moveTo>
                  <a:lnTo>
                    <a:pt x="1379220" y="6132581"/>
                  </a:lnTo>
                  <a:lnTo>
                    <a:pt x="1379220" y="6141725"/>
                  </a:lnTo>
                  <a:lnTo>
                    <a:pt x="1389888" y="6141725"/>
                  </a:lnTo>
                  <a:lnTo>
                    <a:pt x="1389888" y="6132581"/>
                  </a:lnTo>
                  <a:close/>
                </a:path>
                <a:path w="10361930" h="6141720">
                  <a:moveTo>
                    <a:pt x="1368552" y="6132581"/>
                  </a:moveTo>
                  <a:lnTo>
                    <a:pt x="1359408" y="6132581"/>
                  </a:lnTo>
                  <a:lnTo>
                    <a:pt x="1359408" y="6141725"/>
                  </a:lnTo>
                  <a:lnTo>
                    <a:pt x="1368552" y="6141725"/>
                  </a:lnTo>
                  <a:lnTo>
                    <a:pt x="1368552" y="6132581"/>
                  </a:lnTo>
                  <a:close/>
                </a:path>
                <a:path w="10361930" h="6141720">
                  <a:moveTo>
                    <a:pt x="1348740" y="6132581"/>
                  </a:moveTo>
                  <a:lnTo>
                    <a:pt x="1338072" y="6132581"/>
                  </a:lnTo>
                  <a:lnTo>
                    <a:pt x="1338072" y="6141725"/>
                  </a:lnTo>
                  <a:lnTo>
                    <a:pt x="1348740" y="6141725"/>
                  </a:lnTo>
                  <a:lnTo>
                    <a:pt x="1348740" y="6132581"/>
                  </a:lnTo>
                  <a:close/>
                </a:path>
                <a:path w="10361930" h="6141720">
                  <a:moveTo>
                    <a:pt x="1327404" y="6132581"/>
                  </a:moveTo>
                  <a:lnTo>
                    <a:pt x="1318260" y="6132581"/>
                  </a:lnTo>
                  <a:lnTo>
                    <a:pt x="1318260" y="6141725"/>
                  </a:lnTo>
                  <a:lnTo>
                    <a:pt x="1327404" y="6141725"/>
                  </a:lnTo>
                  <a:lnTo>
                    <a:pt x="1327404" y="6132581"/>
                  </a:lnTo>
                  <a:close/>
                </a:path>
                <a:path w="10361930" h="6141720">
                  <a:moveTo>
                    <a:pt x="1307592" y="6132581"/>
                  </a:moveTo>
                  <a:lnTo>
                    <a:pt x="1296924" y="6132581"/>
                  </a:lnTo>
                  <a:lnTo>
                    <a:pt x="1296924" y="6141725"/>
                  </a:lnTo>
                  <a:lnTo>
                    <a:pt x="1307592" y="6141725"/>
                  </a:lnTo>
                  <a:lnTo>
                    <a:pt x="1307592" y="6132581"/>
                  </a:lnTo>
                  <a:close/>
                </a:path>
                <a:path w="10361930" h="6141720">
                  <a:moveTo>
                    <a:pt x="1286256" y="6132581"/>
                  </a:moveTo>
                  <a:lnTo>
                    <a:pt x="1277112" y="6132581"/>
                  </a:lnTo>
                  <a:lnTo>
                    <a:pt x="1277112" y="6141725"/>
                  </a:lnTo>
                  <a:lnTo>
                    <a:pt x="1286256" y="6141725"/>
                  </a:lnTo>
                  <a:lnTo>
                    <a:pt x="1286256" y="6132581"/>
                  </a:lnTo>
                  <a:close/>
                </a:path>
                <a:path w="10361930" h="6141720">
                  <a:moveTo>
                    <a:pt x="1266444" y="6132581"/>
                  </a:moveTo>
                  <a:lnTo>
                    <a:pt x="1255776" y="6132581"/>
                  </a:lnTo>
                  <a:lnTo>
                    <a:pt x="1255776" y="6141725"/>
                  </a:lnTo>
                  <a:lnTo>
                    <a:pt x="1266444" y="6141725"/>
                  </a:lnTo>
                  <a:lnTo>
                    <a:pt x="1266444" y="6132581"/>
                  </a:lnTo>
                  <a:close/>
                </a:path>
                <a:path w="10361930" h="6141720">
                  <a:moveTo>
                    <a:pt x="1245108" y="6132581"/>
                  </a:moveTo>
                  <a:lnTo>
                    <a:pt x="1235964" y="6132581"/>
                  </a:lnTo>
                  <a:lnTo>
                    <a:pt x="1235964" y="6141725"/>
                  </a:lnTo>
                  <a:lnTo>
                    <a:pt x="1245108" y="6141725"/>
                  </a:lnTo>
                  <a:lnTo>
                    <a:pt x="1245108" y="6132581"/>
                  </a:lnTo>
                  <a:close/>
                </a:path>
                <a:path w="10361930" h="6141720">
                  <a:moveTo>
                    <a:pt x="1225296" y="6132581"/>
                  </a:moveTo>
                  <a:lnTo>
                    <a:pt x="1214628" y="6132581"/>
                  </a:lnTo>
                  <a:lnTo>
                    <a:pt x="1214628" y="6141725"/>
                  </a:lnTo>
                  <a:lnTo>
                    <a:pt x="1225296" y="6141725"/>
                  </a:lnTo>
                  <a:lnTo>
                    <a:pt x="1225296" y="6132581"/>
                  </a:lnTo>
                  <a:close/>
                </a:path>
                <a:path w="10361930" h="6141720">
                  <a:moveTo>
                    <a:pt x="1203960" y="6132581"/>
                  </a:moveTo>
                  <a:lnTo>
                    <a:pt x="1194816" y="6132581"/>
                  </a:lnTo>
                  <a:lnTo>
                    <a:pt x="1194816" y="6141725"/>
                  </a:lnTo>
                  <a:lnTo>
                    <a:pt x="1203960" y="6141725"/>
                  </a:lnTo>
                  <a:lnTo>
                    <a:pt x="1203960" y="6132581"/>
                  </a:lnTo>
                  <a:close/>
                </a:path>
                <a:path w="10361930" h="6141720">
                  <a:moveTo>
                    <a:pt x="1184148" y="6132581"/>
                  </a:moveTo>
                  <a:lnTo>
                    <a:pt x="1173480" y="6132581"/>
                  </a:lnTo>
                  <a:lnTo>
                    <a:pt x="1173480" y="6141725"/>
                  </a:lnTo>
                  <a:lnTo>
                    <a:pt x="1184148" y="6141725"/>
                  </a:lnTo>
                  <a:lnTo>
                    <a:pt x="1184148" y="6132581"/>
                  </a:lnTo>
                  <a:close/>
                </a:path>
                <a:path w="10361930" h="6141720">
                  <a:moveTo>
                    <a:pt x="1162812" y="6132581"/>
                  </a:moveTo>
                  <a:lnTo>
                    <a:pt x="1153668" y="6132581"/>
                  </a:lnTo>
                  <a:lnTo>
                    <a:pt x="1153668" y="6141725"/>
                  </a:lnTo>
                  <a:lnTo>
                    <a:pt x="1162812" y="6141725"/>
                  </a:lnTo>
                  <a:lnTo>
                    <a:pt x="1162812" y="6132581"/>
                  </a:lnTo>
                  <a:close/>
                </a:path>
                <a:path w="10361930" h="6141720">
                  <a:moveTo>
                    <a:pt x="1143000" y="6132581"/>
                  </a:moveTo>
                  <a:lnTo>
                    <a:pt x="1132332" y="6132581"/>
                  </a:lnTo>
                  <a:lnTo>
                    <a:pt x="1132332" y="6141725"/>
                  </a:lnTo>
                  <a:lnTo>
                    <a:pt x="1143000" y="6141725"/>
                  </a:lnTo>
                  <a:lnTo>
                    <a:pt x="1143000" y="6132581"/>
                  </a:lnTo>
                  <a:close/>
                </a:path>
                <a:path w="10361930" h="6141720">
                  <a:moveTo>
                    <a:pt x="1121664" y="6132581"/>
                  </a:moveTo>
                  <a:lnTo>
                    <a:pt x="1112520" y="6132581"/>
                  </a:lnTo>
                  <a:lnTo>
                    <a:pt x="1112520" y="6141725"/>
                  </a:lnTo>
                  <a:lnTo>
                    <a:pt x="1121664" y="6141725"/>
                  </a:lnTo>
                  <a:lnTo>
                    <a:pt x="1121664" y="6132581"/>
                  </a:lnTo>
                  <a:close/>
                </a:path>
                <a:path w="10361930" h="6141720">
                  <a:moveTo>
                    <a:pt x="1101852" y="6132581"/>
                  </a:moveTo>
                  <a:lnTo>
                    <a:pt x="1091184" y="6132581"/>
                  </a:lnTo>
                  <a:lnTo>
                    <a:pt x="1091184" y="6141725"/>
                  </a:lnTo>
                  <a:lnTo>
                    <a:pt x="1101852" y="6141725"/>
                  </a:lnTo>
                  <a:lnTo>
                    <a:pt x="1101852" y="6132581"/>
                  </a:lnTo>
                  <a:close/>
                </a:path>
                <a:path w="10361930" h="6141720">
                  <a:moveTo>
                    <a:pt x="1080516" y="6132581"/>
                  </a:moveTo>
                  <a:lnTo>
                    <a:pt x="1071372" y="6132581"/>
                  </a:lnTo>
                  <a:lnTo>
                    <a:pt x="1071372" y="6141725"/>
                  </a:lnTo>
                  <a:lnTo>
                    <a:pt x="1080516" y="6141725"/>
                  </a:lnTo>
                  <a:lnTo>
                    <a:pt x="1080516" y="6132581"/>
                  </a:lnTo>
                  <a:close/>
                </a:path>
                <a:path w="10361930" h="6141720">
                  <a:moveTo>
                    <a:pt x="1060704" y="6132581"/>
                  </a:moveTo>
                  <a:lnTo>
                    <a:pt x="1050036" y="6132581"/>
                  </a:lnTo>
                  <a:lnTo>
                    <a:pt x="1050036" y="6141725"/>
                  </a:lnTo>
                  <a:lnTo>
                    <a:pt x="1060704" y="6141725"/>
                  </a:lnTo>
                  <a:lnTo>
                    <a:pt x="1060704" y="6132581"/>
                  </a:lnTo>
                  <a:close/>
                </a:path>
                <a:path w="10361930" h="6141720">
                  <a:moveTo>
                    <a:pt x="1039368" y="6132581"/>
                  </a:moveTo>
                  <a:lnTo>
                    <a:pt x="1030224" y="6132581"/>
                  </a:lnTo>
                  <a:lnTo>
                    <a:pt x="1030224" y="6141725"/>
                  </a:lnTo>
                  <a:lnTo>
                    <a:pt x="1039368" y="6141725"/>
                  </a:lnTo>
                  <a:lnTo>
                    <a:pt x="1039368" y="6132581"/>
                  </a:lnTo>
                  <a:close/>
                </a:path>
                <a:path w="10361930" h="6141720">
                  <a:moveTo>
                    <a:pt x="1019556" y="6132581"/>
                  </a:moveTo>
                  <a:lnTo>
                    <a:pt x="1008888" y="6132581"/>
                  </a:lnTo>
                  <a:lnTo>
                    <a:pt x="1008888" y="6141725"/>
                  </a:lnTo>
                  <a:lnTo>
                    <a:pt x="1019556" y="6141725"/>
                  </a:lnTo>
                  <a:lnTo>
                    <a:pt x="1019556" y="6132581"/>
                  </a:lnTo>
                  <a:close/>
                </a:path>
                <a:path w="10361930" h="6141720">
                  <a:moveTo>
                    <a:pt x="998219" y="6132581"/>
                  </a:moveTo>
                  <a:lnTo>
                    <a:pt x="989076" y="6132581"/>
                  </a:lnTo>
                  <a:lnTo>
                    <a:pt x="989076" y="6141725"/>
                  </a:lnTo>
                  <a:lnTo>
                    <a:pt x="998219" y="6141725"/>
                  </a:lnTo>
                  <a:lnTo>
                    <a:pt x="998219" y="6132581"/>
                  </a:lnTo>
                  <a:close/>
                </a:path>
                <a:path w="10361930" h="6141720">
                  <a:moveTo>
                    <a:pt x="978408" y="6132581"/>
                  </a:moveTo>
                  <a:lnTo>
                    <a:pt x="967740" y="6132581"/>
                  </a:lnTo>
                  <a:lnTo>
                    <a:pt x="967740" y="6141725"/>
                  </a:lnTo>
                  <a:lnTo>
                    <a:pt x="978408" y="6141725"/>
                  </a:lnTo>
                  <a:lnTo>
                    <a:pt x="978408" y="6132581"/>
                  </a:lnTo>
                  <a:close/>
                </a:path>
                <a:path w="10361930" h="6141720">
                  <a:moveTo>
                    <a:pt x="957072" y="6132581"/>
                  </a:moveTo>
                  <a:lnTo>
                    <a:pt x="947928" y="6132581"/>
                  </a:lnTo>
                  <a:lnTo>
                    <a:pt x="947928" y="6141725"/>
                  </a:lnTo>
                  <a:lnTo>
                    <a:pt x="957072" y="6141725"/>
                  </a:lnTo>
                  <a:lnTo>
                    <a:pt x="957072" y="6132581"/>
                  </a:lnTo>
                  <a:close/>
                </a:path>
                <a:path w="10361930" h="6141720">
                  <a:moveTo>
                    <a:pt x="937260" y="6132581"/>
                  </a:moveTo>
                  <a:lnTo>
                    <a:pt x="926592" y="6132581"/>
                  </a:lnTo>
                  <a:lnTo>
                    <a:pt x="926592" y="6141725"/>
                  </a:lnTo>
                  <a:lnTo>
                    <a:pt x="937260" y="6141725"/>
                  </a:lnTo>
                  <a:lnTo>
                    <a:pt x="937260" y="6132581"/>
                  </a:lnTo>
                  <a:close/>
                </a:path>
                <a:path w="10361930" h="6141720">
                  <a:moveTo>
                    <a:pt x="915924" y="6132581"/>
                  </a:moveTo>
                  <a:lnTo>
                    <a:pt x="906780" y="6132581"/>
                  </a:lnTo>
                  <a:lnTo>
                    <a:pt x="906780" y="6141725"/>
                  </a:lnTo>
                  <a:lnTo>
                    <a:pt x="915924" y="6141725"/>
                  </a:lnTo>
                  <a:lnTo>
                    <a:pt x="915924" y="6132581"/>
                  </a:lnTo>
                  <a:close/>
                </a:path>
                <a:path w="10361930" h="6141720">
                  <a:moveTo>
                    <a:pt x="896112" y="6132581"/>
                  </a:moveTo>
                  <a:lnTo>
                    <a:pt x="885444" y="6132581"/>
                  </a:lnTo>
                  <a:lnTo>
                    <a:pt x="885444" y="6141725"/>
                  </a:lnTo>
                  <a:lnTo>
                    <a:pt x="896112" y="6141725"/>
                  </a:lnTo>
                  <a:lnTo>
                    <a:pt x="896112" y="6132581"/>
                  </a:lnTo>
                  <a:close/>
                </a:path>
                <a:path w="10361930" h="6141720">
                  <a:moveTo>
                    <a:pt x="874776" y="6132581"/>
                  </a:moveTo>
                  <a:lnTo>
                    <a:pt x="865632" y="6132581"/>
                  </a:lnTo>
                  <a:lnTo>
                    <a:pt x="865632" y="6141725"/>
                  </a:lnTo>
                  <a:lnTo>
                    <a:pt x="874776" y="6141725"/>
                  </a:lnTo>
                  <a:lnTo>
                    <a:pt x="874776" y="6132581"/>
                  </a:lnTo>
                  <a:close/>
                </a:path>
                <a:path w="10361930" h="6141720">
                  <a:moveTo>
                    <a:pt x="854964" y="6132581"/>
                  </a:moveTo>
                  <a:lnTo>
                    <a:pt x="844296" y="6132581"/>
                  </a:lnTo>
                  <a:lnTo>
                    <a:pt x="844296" y="6141725"/>
                  </a:lnTo>
                  <a:lnTo>
                    <a:pt x="854964" y="6141725"/>
                  </a:lnTo>
                  <a:lnTo>
                    <a:pt x="854964" y="6132581"/>
                  </a:lnTo>
                  <a:close/>
                </a:path>
                <a:path w="10361930" h="6141720">
                  <a:moveTo>
                    <a:pt x="835152" y="6132581"/>
                  </a:moveTo>
                  <a:lnTo>
                    <a:pt x="824484" y="6132581"/>
                  </a:lnTo>
                  <a:lnTo>
                    <a:pt x="824484" y="6141725"/>
                  </a:lnTo>
                  <a:lnTo>
                    <a:pt x="835152" y="6141725"/>
                  </a:lnTo>
                  <a:lnTo>
                    <a:pt x="835152" y="6132581"/>
                  </a:lnTo>
                  <a:close/>
                </a:path>
                <a:path w="10361930" h="6141720">
                  <a:moveTo>
                    <a:pt x="813816" y="6132581"/>
                  </a:moveTo>
                  <a:lnTo>
                    <a:pt x="803147" y="6132581"/>
                  </a:lnTo>
                  <a:lnTo>
                    <a:pt x="803147" y="6141725"/>
                  </a:lnTo>
                  <a:lnTo>
                    <a:pt x="813816" y="6141725"/>
                  </a:lnTo>
                  <a:lnTo>
                    <a:pt x="813816" y="6132581"/>
                  </a:lnTo>
                  <a:close/>
                </a:path>
                <a:path w="10361930" h="6141720">
                  <a:moveTo>
                    <a:pt x="794004" y="6132581"/>
                  </a:moveTo>
                  <a:lnTo>
                    <a:pt x="783336" y="6132581"/>
                  </a:lnTo>
                  <a:lnTo>
                    <a:pt x="783336" y="6141725"/>
                  </a:lnTo>
                  <a:lnTo>
                    <a:pt x="794004" y="6141725"/>
                  </a:lnTo>
                  <a:lnTo>
                    <a:pt x="794004" y="6132581"/>
                  </a:lnTo>
                  <a:close/>
                </a:path>
                <a:path w="10361930" h="6141720">
                  <a:moveTo>
                    <a:pt x="772668" y="6132581"/>
                  </a:moveTo>
                  <a:lnTo>
                    <a:pt x="762000" y="6132581"/>
                  </a:lnTo>
                  <a:lnTo>
                    <a:pt x="762000" y="6141725"/>
                  </a:lnTo>
                  <a:lnTo>
                    <a:pt x="772668" y="6141725"/>
                  </a:lnTo>
                  <a:lnTo>
                    <a:pt x="772668" y="6132581"/>
                  </a:lnTo>
                  <a:close/>
                </a:path>
                <a:path w="10361930" h="6141720">
                  <a:moveTo>
                    <a:pt x="752856" y="6132581"/>
                  </a:moveTo>
                  <a:lnTo>
                    <a:pt x="742188" y="6132581"/>
                  </a:lnTo>
                  <a:lnTo>
                    <a:pt x="742188" y="6141725"/>
                  </a:lnTo>
                  <a:lnTo>
                    <a:pt x="752856" y="6141725"/>
                  </a:lnTo>
                  <a:lnTo>
                    <a:pt x="752856" y="6132581"/>
                  </a:lnTo>
                  <a:close/>
                </a:path>
                <a:path w="10361930" h="6141720">
                  <a:moveTo>
                    <a:pt x="731519" y="6132581"/>
                  </a:moveTo>
                  <a:lnTo>
                    <a:pt x="720852" y="6132581"/>
                  </a:lnTo>
                  <a:lnTo>
                    <a:pt x="720852" y="6141725"/>
                  </a:lnTo>
                  <a:lnTo>
                    <a:pt x="731519" y="6141725"/>
                  </a:lnTo>
                  <a:lnTo>
                    <a:pt x="731519" y="6132581"/>
                  </a:lnTo>
                  <a:close/>
                </a:path>
                <a:path w="10361930" h="6141720">
                  <a:moveTo>
                    <a:pt x="711708" y="6132581"/>
                  </a:moveTo>
                  <a:lnTo>
                    <a:pt x="701040" y="6132581"/>
                  </a:lnTo>
                  <a:lnTo>
                    <a:pt x="701040" y="6141725"/>
                  </a:lnTo>
                  <a:lnTo>
                    <a:pt x="711708" y="6141725"/>
                  </a:lnTo>
                  <a:lnTo>
                    <a:pt x="711708" y="6132581"/>
                  </a:lnTo>
                  <a:close/>
                </a:path>
                <a:path w="10361930" h="6141720">
                  <a:moveTo>
                    <a:pt x="690372" y="6132581"/>
                  </a:moveTo>
                  <a:lnTo>
                    <a:pt x="679704" y="6132581"/>
                  </a:lnTo>
                  <a:lnTo>
                    <a:pt x="679704" y="6141725"/>
                  </a:lnTo>
                  <a:lnTo>
                    <a:pt x="690372" y="6141725"/>
                  </a:lnTo>
                  <a:lnTo>
                    <a:pt x="690372" y="6132581"/>
                  </a:lnTo>
                  <a:close/>
                </a:path>
                <a:path w="10361930" h="6141720">
                  <a:moveTo>
                    <a:pt x="670560" y="6132581"/>
                  </a:moveTo>
                  <a:lnTo>
                    <a:pt x="659892" y="6132581"/>
                  </a:lnTo>
                  <a:lnTo>
                    <a:pt x="659892" y="6141725"/>
                  </a:lnTo>
                  <a:lnTo>
                    <a:pt x="670560" y="6141725"/>
                  </a:lnTo>
                  <a:lnTo>
                    <a:pt x="670560" y="6132581"/>
                  </a:lnTo>
                  <a:close/>
                </a:path>
                <a:path w="10361930" h="6141720">
                  <a:moveTo>
                    <a:pt x="649224" y="6132581"/>
                  </a:moveTo>
                  <a:lnTo>
                    <a:pt x="638556" y="6132581"/>
                  </a:lnTo>
                  <a:lnTo>
                    <a:pt x="638556" y="6141725"/>
                  </a:lnTo>
                  <a:lnTo>
                    <a:pt x="649224" y="6141725"/>
                  </a:lnTo>
                  <a:lnTo>
                    <a:pt x="649224" y="6132581"/>
                  </a:lnTo>
                  <a:close/>
                </a:path>
                <a:path w="10361930" h="6141720">
                  <a:moveTo>
                    <a:pt x="629412" y="6132581"/>
                  </a:moveTo>
                  <a:lnTo>
                    <a:pt x="618744" y="6132581"/>
                  </a:lnTo>
                  <a:lnTo>
                    <a:pt x="618744" y="6141725"/>
                  </a:lnTo>
                  <a:lnTo>
                    <a:pt x="629412" y="6141725"/>
                  </a:lnTo>
                  <a:lnTo>
                    <a:pt x="629412" y="6132581"/>
                  </a:lnTo>
                  <a:close/>
                </a:path>
                <a:path w="10361930" h="6141720">
                  <a:moveTo>
                    <a:pt x="608076" y="6132581"/>
                  </a:moveTo>
                  <a:lnTo>
                    <a:pt x="597408" y="6132581"/>
                  </a:lnTo>
                  <a:lnTo>
                    <a:pt x="597408" y="6141725"/>
                  </a:lnTo>
                  <a:lnTo>
                    <a:pt x="608076" y="6141725"/>
                  </a:lnTo>
                  <a:lnTo>
                    <a:pt x="608076" y="6132581"/>
                  </a:lnTo>
                  <a:close/>
                </a:path>
                <a:path w="10361930" h="6141720">
                  <a:moveTo>
                    <a:pt x="588264" y="6132581"/>
                  </a:moveTo>
                  <a:lnTo>
                    <a:pt x="577596" y="6132581"/>
                  </a:lnTo>
                  <a:lnTo>
                    <a:pt x="577596" y="6141725"/>
                  </a:lnTo>
                  <a:lnTo>
                    <a:pt x="588264" y="6141725"/>
                  </a:lnTo>
                  <a:lnTo>
                    <a:pt x="588264" y="6132581"/>
                  </a:lnTo>
                  <a:close/>
                </a:path>
                <a:path w="10361930" h="6141720">
                  <a:moveTo>
                    <a:pt x="566928" y="6132581"/>
                  </a:moveTo>
                  <a:lnTo>
                    <a:pt x="556260" y="6132581"/>
                  </a:lnTo>
                  <a:lnTo>
                    <a:pt x="556260" y="6141725"/>
                  </a:lnTo>
                  <a:lnTo>
                    <a:pt x="566928" y="6141725"/>
                  </a:lnTo>
                  <a:lnTo>
                    <a:pt x="566928" y="6132581"/>
                  </a:lnTo>
                  <a:close/>
                </a:path>
                <a:path w="10361930" h="6141720">
                  <a:moveTo>
                    <a:pt x="547116" y="6132581"/>
                  </a:moveTo>
                  <a:lnTo>
                    <a:pt x="536448" y="6132581"/>
                  </a:lnTo>
                  <a:lnTo>
                    <a:pt x="536448" y="6141725"/>
                  </a:lnTo>
                  <a:lnTo>
                    <a:pt x="547116" y="6141725"/>
                  </a:lnTo>
                  <a:lnTo>
                    <a:pt x="547116" y="6132581"/>
                  </a:lnTo>
                  <a:close/>
                </a:path>
                <a:path w="10361930" h="6141720">
                  <a:moveTo>
                    <a:pt x="525780" y="6132581"/>
                  </a:moveTo>
                  <a:lnTo>
                    <a:pt x="515112" y="6132581"/>
                  </a:lnTo>
                  <a:lnTo>
                    <a:pt x="515112" y="6141725"/>
                  </a:lnTo>
                  <a:lnTo>
                    <a:pt x="525780" y="6141725"/>
                  </a:lnTo>
                  <a:lnTo>
                    <a:pt x="525780" y="6132581"/>
                  </a:lnTo>
                  <a:close/>
                </a:path>
                <a:path w="10361930" h="6141720">
                  <a:moveTo>
                    <a:pt x="505968" y="6132581"/>
                  </a:moveTo>
                  <a:lnTo>
                    <a:pt x="495300" y="6132581"/>
                  </a:lnTo>
                  <a:lnTo>
                    <a:pt x="495300" y="6141725"/>
                  </a:lnTo>
                  <a:lnTo>
                    <a:pt x="505968" y="6141725"/>
                  </a:lnTo>
                  <a:lnTo>
                    <a:pt x="505968" y="6132581"/>
                  </a:lnTo>
                  <a:close/>
                </a:path>
                <a:path w="10361930" h="6141720">
                  <a:moveTo>
                    <a:pt x="484632" y="6132581"/>
                  </a:moveTo>
                  <a:lnTo>
                    <a:pt x="473964" y="6132581"/>
                  </a:lnTo>
                  <a:lnTo>
                    <a:pt x="473964" y="6141725"/>
                  </a:lnTo>
                  <a:lnTo>
                    <a:pt x="484632" y="6141725"/>
                  </a:lnTo>
                  <a:lnTo>
                    <a:pt x="484632" y="6132581"/>
                  </a:lnTo>
                  <a:close/>
                </a:path>
                <a:path w="10361930" h="6141720">
                  <a:moveTo>
                    <a:pt x="464820" y="6132581"/>
                  </a:moveTo>
                  <a:lnTo>
                    <a:pt x="454152" y="6132581"/>
                  </a:lnTo>
                  <a:lnTo>
                    <a:pt x="454152" y="6141725"/>
                  </a:lnTo>
                  <a:lnTo>
                    <a:pt x="464820" y="6141725"/>
                  </a:lnTo>
                  <a:lnTo>
                    <a:pt x="464820" y="6132581"/>
                  </a:lnTo>
                  <a:close/>
                </a:path>
                <a:path w="10361930" h="6141720">
                  <a:moveTo>
                    <a:pt x="443484" y="6132581"/>
                  </a:moveTo>
                  <a:lnTo>
                    <a:pt x="432816" y="6132581"/>
                  </a:lnTo>
                  <a:lnTo>
                    <a:pt x="432816" y="6141725"/>
                  </a:lnTo>
                  <a:lnTo>
                    <a:pt x="443484" y="6141725"/>
                  </a:lnTo>
                  <a:lnTo>
                    <a:pt x="443484" y="6132581"/>
                  </a:lnTo>
                  <a:close/>
                </a:path>
                <a:path w="10361930" h="6141720">
                  <a:moveTo>
                    <a:pt x="423672" y="6132581"/>
                  </a:moveTo>
                  <a:lnTo>
                    <a:pt x="413004" y="6132581"/>
                  </a:lnTo>
                  <a:lnTo>
                    <a:pt x="413004" y="6141725"/>
                  </a:lnTo>
                  <a:lnTo>
                    <a:pt x="423672" y="6141725"/>
                  </a:lnTo>
                  <a:lnTo>
                    <a:pt x="423672" y="6132581"/>
                  </a:lnTo>
                  <a:close/>
                </a:path>
                <a:path w="10361930" h="6141720">
                  <a:moveTo>
                    <a:pt x="402336" y="6132581"/>
                  </a:moveTo>
                  <a:lnTo>
                    <a:pt x="391668" y="6132581"/>
                  </a:lnTo>
                  <a:lnTo>
                    <a:pt x="391668" y="6141725"/>
                  </a:lnTo>
                  <a:lnTo>
                    <a:pt x="402336" y="6141725"/>
                  </a:lnTo>
                  <a:lnTo>
                    <a:pt x="402336" y="6132581"/>
                  </a:lnTo>
                  <a:close/>
                </a:path>
                <a:path w="10361930" h="6141720">
                  <a:moveTo>
                    <a:pt x="382524" y="6132581"/>
                  </a:moveTo>
                  <a:lnTo>
                    <a:pt x="371856" y="6132581"/>
                  </a:lnTo>
                  <a:lnTo>
                    <a:pt x="371856" y="6141725"/>
                  </a:lnTo>
                  <a:lnTo>
                    <a:pt x="382524" y="6141725"/>
                  </a:lnTo>
                  <a:lnTo>
                    <a:pt x="382524" y="6132581"/>
                  </a:lnTo>
                  <a:close/>
                </a:path>
                <a:path w="10361930" h="6141720">
                  <a:moveTo>
                    <a:pt x="361188" y="6132581"/>
                  </a:moveTo>
                  <a:lnTo>
                    <a:pt x="350520" y="6132581"/>
                  </a:lnTo>
                  <a:lnTo>
                    <a:pt x="350520" y="6141725"/>
                  </a:lnTo>
                  <a:lnTo>
                    <a:pt x="361188" y="6141725"/>
                  </a:lnTo>
                  <a:lnTo>
                    <a:pt x="361188" y="6132581"/>
                  </a:lnTo>
                  <a:close/>
                </a:path>
                <a:path w="10361930" h="6141720">
                  <a:moveTo>
                    <a:pt x="341376" y="6132581"/>
                  </a:moveTo>
                  <a:lnTo>
                    <a:pt x="330708" y="6132581"/>
                  </a:lnTo>
                  <a:lnTo>
                    <a:pt x="330708" y="6141725"/>
                  </a:lnTo>
                  <a:lnTo>
                    <a:pt x="341376" y="6141725"/>
                  </a:lnTo>
                  <a:lnTo>
                    <a:pt x="341376" y="6132581"/>
                  </a:lnTo>
                  <a:close/>
                </a:path>
                <a:path w="10361930" h="6141720">
                  <a:moveTo>
                    <a:pt x="320040" y="6132581"/>
                  </a:moveTo>
                  <a:lnTo>
                    <a:pt x="309372" y="6132581"/>
                  </a:lnTo>
                  <a:lnTo>
                    <a:pt x="309372" y="6141725"/>
                  </a:lnTo>
                  <a:lnTo>
                    <a:pt x="320040" y="6141725"/>
                  </a:lnTo>
                  <a:lnTo>
                    <a:pt x="320040" y="6132581"/>
                  </a:lnTo>
                  <a:close/>
                </a:path>
                <a:path w="10361930" h="6141720">
                  <a:moveTo>
                    <a:pt x="300228" y="6132581"/>
                  </a:moveTo>
                  <a:lnTo>
                    <a:pt x="289560" y="6132581"/>
                  </a:lnTo>
                  <a:lnTo>
                    <a:pt x="289560" y="6141725"/>
                  </a:lnTo>
                  <a:lnTo>
                    <a:pt x="300228" y="6141725"/>
                  </a:lnTo>
                  <a:lnTo>
                    <a:pt x="300228" y="6132581"/>
                  </a:lnTo>
                  <a:close/>
                </a:path>
                <a:path w="10361930" h="6141720">
                  <a:moveTo>
                    <a:pt x="278892" y="6132581"/>
                  </a:moveTo>
                  <a:lnTo>
                    <a:pt x="268224" y="6132581"/>
                  </a:lnTo>
                  <a:lnTo>
                    <a:pt x="268224" y="6141725"/>
                  </a:lnTo>
                  <a:lnTo>
                    <a:pt x="278892" y="6141725"/>
                  </a:lnTo>
                  <a:lnTo>
                    <a:pt x="278892" y="6132581"/>
                  </a:lnTo>
                  <a:close/>
                </a:path>
                <a:path w="10361930" h="6141720">
                  <a:moveTo>
                    <a:pt x="259079" y="6132581"/>
                  </a:moveTo>
                  <a:lnTo>
                    <a:pt x="248412" y="6132581"/>
                  </a:lnTo>
                  <a:lnTo>
                    <a:pt x="248412" y="6141725"/>
                  </a:lnTo>
                  <a:lnTo>
                    <a:pt x="259079" y="6141725"/>
                  </a:lnTo>
                  <a:lnTo>
                    <a:pt x="259079" y="6132581"/>
                  </a:lnTo>
                  <a:close/>
                </a:path>
                <a:path w="10361930" h="6141720">
                  <a:moveTo>
                    <a:pt x="237744" y="6132581"/>
                  </a:moveTo>
                  <a:lnTo>
                    <a:pt x="228600" y="6132581"/>
                  </a:lnTo>
                  <a:lnTo>
                    <a:pt x="228600" y="6141725"/>
                  </a:lnTo>
                  <a:lnTo>
                    <a:pt x="237744" y="6141725"/>
                  </a:lnTo>
                  <a:lnTo>
                    <a:pt x="237744" y="6132581"/>
                  </a:lnTo>
                  <a:close/>
                </a:path>
                <a:path w="10361930" h="6141720">
                  <a:moveTo>
                    <a:pt x="217932" y="6132581"/>
                  </a:moveTo>
                  <a:lnTo>
                    <a:pt x="207264" y="6132581"/>
                  </a:lnTo>
                  <a:lnTo>
                    <a:pt x="207264" y="6141725"/>
                  </a:lnTo>
                  <a:lnTo>
                    <a:pt x="217932" y="6141725"/>
                  </a:lnTo>
                  <a:lnTo>
                    <a:pt x="217932" y="6132581"/>
                  </a:lnTo>
                  <a:close/>
                </a:path>
                <a:path w="10361930" h="6141720">
                  <a:moveTo>
                    <a:pt x="196595" y="6132581"/>
                  </a:moveTo>
                  <a:lnTo>
                    <a:pt x="187452" y="6132581"/>
                  </a:lnTo>
                  <a:lnTo>
                    <a:pt x="187452" y="6141725"/>
                  </a:lnTo>
                  <a:lnTo>
                    <a:pt x="196595" y="6141725"/>
                  </a:lnTo>
                  <a:lnTo>
                    <a:pt x="196595" y="6132581"/>
                  </a:lnTo>
                  <a:close/>
                </a:path>
                <a:path w="10361930" h="6141720">
                  <a:moveTo>
                    <a:pt x="176784" y="6132581"/>
                  </a:moveTo>
                  <a:lnTo>
                    <a:pt x="166116" y="6132581"/>
                  </a:lnTo>
                  <a:lnTo>
                    <a:pt x="166116" y="6141725"/>
                  </a:lnTo>
                  <a:lnTo>
                    <a:pt x="176784" y="6141725"/>
                  </a:lnTo>
                  <a:lnTo>
                    <a:pt x="176784" y="6132581"/>
                  </a:lnTo>
                  <a:close/>
                </a:path>
                <a:path w="10361930" h="6141720">
                  <a:moveTo>
                    <a:pt x="155448" y="6132581"/>
                  </a:moveTo>
                  <a:lnTo>
                    <a:pt x="146303" y="6132581"/>
                  </a:lnTo>
                  <a:lnTo>
                    <a:pt x="146303" y="6141725"/>
                  </a:lnTo>
                  <a:lnTo>
                    <a:pt x="155448" y="6141725"/>
                  </a:lnTo>
                  <a:lnTo>
                    <a:pt x="155448" y="6132581"/>
                  </a:lnTo>
                  <a:close/>
                </a:path>
                <a:path w="10361930" h="6141720">
                  <a:moveTo>
                    <a:pt x="135635" y="6132581"/>
                  </a:moveTo>
                  <a:lnTo>
                    <a:pt x="124967" y="6132581"/>
                  </a:lnTo>
                  <a:lnTo>
                    <a:pt x="124967" y="6141725"/>
                  </a:lnTo>
                  <a:lnTo>
                    <a:pt x="135635" y="6141725"/>
                  </a:lnTo>
                  <a:lnTo>
                    <a:pt x="135635" y="6132581"/>
                  </a:lnTo>
                  <a:close/>
                </a:path>
                <a:path w="10361930" h="6141720">
                  <a:moveTo>
                    <a:pt x="114299" y="6132581"/>
                  </a:moveTo>
                  <a:lnTo>
                    <a:pt x="105155" y="6132581"/>
                  </a:lnTo>
                  <a:lnTo>
                    <a:pt x="105155" y="6141725"/>
                  </a:lnTo>
                  <a:lnTo>
                    <a:pt x="114299" y="6141725"/>
                  </a:lnTo>
                  <a:lnTo>
                    <a:pt x="114299" y="6132581"/>
                  </a:lnTo>
                  <a:close/>
                </a:path>
                <a:path w="10361930" h="6141720">
                  <a:moveTo>
                    <a:pt x="94488" y="6132581"/>
                  </a:moveTo>
                  <a:lnTo>
                    <a:pt x="83820" y="6132581"/>
                  </a:lnTo>
                  <a:lnTo>
                    <a:pt x="83820" y="6141725"/>
                  </a:lnTo>
                  <a:lnTo>
                    <a:pt x="94488" y="6141725"/>
                  </a:lnTo>
                  <a:lnTo>
                    <a:pt x="94488" y="6132581"/>
                  </a:lnTo>
                  <a:close/>
                </a:path>
                <a:path w="10361930" h="6141720">
                  <a:moveTo>
                    <a:pt x="73152" y="6132581"/>
                  </a:moveTo>
                  <a:lnTo>
                    <a:pt x="64008" y="6132581"/>
                  </a:lnTo>
                  <a:lnTo>
                    <a:pt x="64008" y="6141725"/>
                  </a:lnTo>
                  <a:lnTo>
                    <a:pt x="73152" y="6141725"/>
                  </a:lnTo>
                  <a:lnTo>
                    <a:pt x="73152" y="6132581"/>
                  </a:lnTo>
                  <a:close/>
                </a:path>
                <a:path w="10361930" h="6141720">
                  <a:moveTo>
                    <a:pt x="53340" y="6132581"/>
                  </a:moveTo>
                  <a:lnTo>
                    <a:pt x="42671" y="6132581"/>
                  </a:lnTo>
                  <a:lnTo>
                    <a:pt x="42671" y="6141725"/>
                  </a:lnTo>
                  <a:lnTo>
                    <a:pt x="53340" y="6141725"/>
                  </a:lnTo>
                  <a:lnTo>
                    <a:pt x="53340" y="6132581"/>
                  </a:lnTo>
                  <a:close/>
                </a:path>
                <a:path w="10361930" h="6141720">
                  <a:moveTo>
                    <a:pt x="32003" y="6132581"/>
                  </a:moveTo>
                  <a:lnTo>
                    <a:pt x="22859" y="6132581"/>
                  </a:lnTo>
                  <a:lnTo>
                    <a:pt x="22859" y="6141725"/>
                  </a:lnTo>
                  <a:lnTo>
                    <a:pt x="32003" y="6141725"/>
                  </a:lnTo>
                  <a:lnTo>
                    <a:pt x="32003" y="6132581"/>
                  </a:lnTo>
                  <a:close/>
                </a:path>
              </a:pathLst>
            </a:custGeom>
            <a:solidFill>
              <a:srgbClr val="D8D8D8"/>
            </a:solidFill>
          </p:spPr>
          <p:txBody>
            <a:bodyPr wrap="square" lIns="0" tIns="0" rIns="0" bIns="0" rtlCol="0"/>
            <a:lstStyle/>
            <a:p>
              <a:endParaRPr sz="1539"/>
            </a:p>
          </p:txBody>
        </p:sp>
        <p:sp>
          <p:nvSpPr>
            <p:cNvPr id="292" name="object 292"/>
            <p:cNvSpPr/>
            <p:nvPr/>
          </p:nvSpPr>
          <p:spPr>
            <a:xfrm>
              <a:off x="5755385" y="1246631"/>
              <a:ext cx="0" cy="4935220"/>
            </a:xfrm>
            <a:custGeom>
              <a:avLst/>
              <a:gdLst/>
              <a:ahLst/>
              <a:cxnLst/>
              <a:rect l="l" t="t" r="r" b="b"/>
              <a:pathLst>
                <a:path h="4935220">
                  <a:moveTo>
                    <a:pt x="0" y="0"/>
                  </a:moveTo>
                  <a:lnTo>
                    <a:pt x="0" y="4934712"/>
                  </a:lnTo>
                </a:path>
              </a:pathLst>
            </a:custGeom>
            <a:ln w="10668">
              <a:solidFill>
                <a:srgbClr val="497EBA"/>
              </a:solidFill>
              <a:prstDash val="sysDash"/>
            </a:ln>
          </p:spPr>
          <p:txBody>
            <a:bodyPr wrap="square" lIns="0" tIns="0" rIns="0" bIns="0" rtlCol="0"/>
            <a:lstStyle/>
            <a:p>
              <a:endParaRPr sz="1539"/>
            </a:p>
          </p:txBody>
        </p:sp>
        <p:sp>
          <p:nvSpPr>
            <p:cNvPr id="293" name="object 293"/>
            <p:cNvSpPr/>
            <p:nvPr/>
          </p:nvSpPr>
          <p:spPr>
            <a:xfrm>
              <a:off x="5750052" y="1200911"/>
              <a:ext cx="828040" cy="190500"/>
            </a:xfrm>
            <a:custGeom>
              <a:avLst/>
              <a:gdLst/>
              <a:ahLst/>
              <a:cxnLst/>
              <a:rect l="l" t="t" r="r" b="b"/>
              <a:pathLst>
                <a:path w="828040" h="190500">
                  <a:moveTo>
                    <a:pt x="10668" y="0"/>
                  </a:moveTo>
                  <a:lnTo>
                    <a:pt x="0" y="0"/>
                  </a:lnTo>
                  <a:lnTo>
                    <a:pt x="0" y="13716"/>
                  </a:lnTo>
                  <a:lnTo>
                    <a:pt x="10668" y="13716"/>
                  </a:lnTo>
                  <a:lnTo>
                    <a:pt x="10668" y="0"/>
                  </a:lnTo>
                  <a:close/>
                </a:path>
                <a:path w="828040" h="190500">
                  <a:moveTo>
                    <a:pt x="827519" y="149352"/>
                  </a:moveTo>
                  <a:lnTo>
                    <a:pt x="815340" y="143256"/>
                  </a:lnTo>
                  <a:lnTo>
                    <a:pt x="745236" y="108204"/>
                  </a:lnTo>
                  <a:lnTo>
                    <a:pt x="745236" y="143256"/>
                  </a:lnTo>
                  <a:lnTo>
                    <a:pt x="50292" y="143256"/>
                  </a:lnTo>
                  <a:lnTo>
                    <a:pt x="50292" y="153924"/>
                  </a:lnTo>
                  <a:lnTo>
                    <a:pt x="745236" y="153924"/>
                  </a:lnTo>
                  <a:lnTo>
                    <a:pt x="745236" y="190500"/>
                  </a:lnTo>
                  <a:lnTo>
                    <a:pt x="818375" y="153924"/>
                  </a:lnTo>
                  <a:lnTo>
                    <a:pt x="827519" y="149352"/>
                  </a:lnTo>
                  <a:close/>
                </a:path>
              </a:pathLst>
            </a:custGeom>
            <a:solidFill>
              <a:srgbClr val="497EBA"/>
            </a:solidFill>
          </p:spPr>
          <p:txBody>
            <a:bodyPr wrap="square" lIns="0" tIns="0" rIns="0" bIns="0" rtlCol="0"/>
            <a:lstStyle/>
            <a:p>
              <a:endParaRPr sz="1539"/>
            </a:p>
          </p:txBody>
        </p:sp>
      </p:grpSp>
      <p:sp>
        <p:nvSpPr>
          <p:cNvPr id="294" name="object 294"/>
          <p:cNvSpPr txBox="1"/>
          <p:nvPr/>
        </p:nvSpPr>
        <p:spPr>
          <a:xfrm>
            <a:off x="5743995" y="1250620"/>
            <a:ext cx="444168" cy="181555"/>
          </a:xfrm>
          <a:prstGeom prst="rect">
            <a:avLst/>
          </a:prstGeom>
        </p:spPr>
        <p:txBody>
          <a:bodyPr vert="horz" wrap="square" lIns="0" tIns="10317" rIns="0" bIns="0" rtlCol="0">
            <a:spAutoFit/>
          </a:bodyPr>
          <a:lstStyle/>
          <a:p>
            <a:pPr marL="10860">
              <a:spcBef>
                <a:spcPts val="81"/>
              </a:spcBef>
            </a:pPr>
            <a:r>
              <a:rPr sz="1112" spc="-30" dirty="0">
                <a:latin typeface="ＭＳ Ｐゴシック"/>
                <a:cs typeface="ＭＳ Ｐゴシック"/>
              </a:rPr>
              <a:t>推計値</a:t>
            </a:r>
            <a:endParaRPr sz="1112">
              <a:latin typeface="ＭＳ Ｐゴシック"/>
              <a:cs typeface="ＭＳ Ｐゴシック"/>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p:nvPr/>
        </p:nvSpPr>
        <p:spPr>
          <a:xfrm>
            <a:off x="44308" y="785820"/>
            <a:ext cx="9061465" cy="924174"/>
          </a:xfrm>
          <a:custGeom>
            <a:avLst/>
            <a:gdLst/>
            <a:ahLst/>
            <a:cxnLst/>
            <a:rect l="l" t="t" r="r" b="b"/>
            <a:pathLst>
              <a:path w="10596880" h="1080770">
                <a:moveTo>
                  <a:pt x="10407395" y="0"/>
                </a:moveTo>
                <a:lnTo>
                  <a:pt x="188976" y="0"/>
                </a:lnTo>
                <a:lnTo>
                  <a:pt x="169163" y="1524"/>
                </a:lnTo>
                <a:lnTo>
                  <a:pt x="115823" y="15240"/>
                </a:lnTo>
                <a:lnTo>
                  <a:pt x="68580" y="44196"/>
                </a:lnTo>
                <a:lnTo>
                  <a:pt x="32003" y="85344"/>
                </a:lnTo>
                <a:lnTo>
                  <a:pt x="9143" y="134112"/>
                </a:lnTo>
                <a:lnTo>
                  <a:pt x="0" y="190500"/>
                </a:lnTo>
                <a:lnTo>
                  <a:pt x="0" y="891540"/>
                </a:lnTo>
                <a:lnTo>
                  <a:pt x="4572" y="929640"/>
                </a:lnTo>
                <a:lnTo>
                  <a:pt x="24384" y="982980"/>
                </a:lnTo>
                <a:lnTo>
                  <a:pt x="56387" y="1025652"/>
                </a:lnTo>
                <a:lnTo>
                  <a:pt x="100584" y="1057656"/>
                </a:lnTo>
                <a:lnTo>
                  <a:pt x="152399" y="1077468"/>
                </a:lnTo>
                <a:lnTo>
                  <a:pt x="190499" y="1080516"/>
                </a:lnTo>
                <a:lnTo>
                  <a:pt x="10408919" y="1080516"/>
                </a:lnTo>
                <a:lnTo>
                  <a:pt x="10447019" y="1075944"/>
                </a:lnTo>
                <a:lnTo>
                  <a:pt x="10498836" y="1057656"/>
                </a:lnTo>
                <a:lnTo>
                  <a:pt x="10506456" y="1053084"/>
                </a:lnTo>
                <a:lnTo>
                  <a:pt x="190499" y="1053084"/>
                </a:lnTo>
                <a:lnTo>
                  <a:pt x="172212" y="1051560"/>
                </a:lnTo>
                <a:lnTo>
                  <a:pt x="126491" y="1040892"/>
                </a:lnTo>
                <a:lnTo>
                  <a:pt x="86868" y="1016508"/>
                </a:lnTo>
                <a:lnTo>
                  <a:pt x="54864" y="981456"/>
                </a:lnTo>
                <a:lnTo>
                  <a:pt x="35052" y="938784"/>
                </a:lnTo>
                <a:lnTo>
                  <a:pt x="27432" y="890016"/>
                </a:lnTo>
                <a:lnTo>
                  <a:pt x="27432" y="190500"/>
                </a:lnTo>
                <a:lnTo>
                  <a:pt x="35052" y="141732"/>
                </a:lnTo>
                <a:lnTo>
                  <a:pt x="56387" y="99060"/>
                </a:lnTo>
                <a:lnTo>
                  <a:pt x="86868" y="64008"/>
                </a:lnTo>
                <a:lnTo>
                  <a:pt x="128016" y="41148"/>
                </a:lnTo>
                <a:lnTo>
                  <a:pt x="141732" y="35052"/>
                </a:lnTo>
                <a:lnTo>
                  <a:pt x="158495" y="30480"/>
                </a:lnTo>
                <a:lnTo>
                  <a:pt x="190499" y="27432"/>
                </a:lnTo>
                <a:lnTo>
                  <a:pt x="10504932" y="27432"/>
                </a:lnTo>
                <a:lnTo>
                  <a:pt x="10497312" y="22860"/>
                </a:lnTo>
                <a:lnTo>
                  <a:pt x="10480548" y="15240"/>
                </a:lnTo>
                <a:lnTo>
                  <a:pt x="10463784" y="9144"/>
                </a:lnTo>
                <a:lnTo>
                  <a:pt x="10445495" y="4572"/>
                </a:lnTo>
                <a:lnTo>
                  <a:pt x="10425684" y="1524"/>
                </a:lnTo>
                <a:lnTo>
                  <a:pt x="10407395" y="0"/>
                </a:lnTo>
                <a:close/>
              </a:path>
              <a:path w="10596880" h="1080770">
                <a:moveTo>
                  <a:pt x="10504932" y="27432"/>
                </a:moveTo>
                <a:lnTo>
                  <a:pt x="10407395" y="27432"/>
                </a:lnTo>
                <a:lnTo>
                  <a:pt x="10425684" y="28956"/>
                </a:lnTo>
                <a:lnTo>
                  <a:pt x="10456164" y="35052"/>
                </a:lnTo>
                <a:lnTo>
                  <a:pt x="10498836" y="56388"/>
                </a:lnTo>
                <a:lnTo>
                  <a:pt x="10532364" y="86868"/>
                </a:lnTo>
                <a:lnTo>
                  <a:pt x="10541508" y="100584"/>
                </a:lnTo>
                <a:lnTo>
                  <a:pt x="10550652" y="112776"/>
                </a:lnTo>
                <a:lnTo>
                  <a:pt x="10556748" y="128016"/>
                </a:lnTo>
                <a:lnTo>
                  <a:pt x="10562843" y="141732"/>
                </a:lnTo>
                <a:lnTo>
                  <a:pt x="10565891" y="158496"/>
                </a:lnTo>
                <a:lnTo>
                  <a:pt x="10568940" y="173736"/>
                </a:lnTo>
                <a:lnTo>
                  <a:pt x="10568940" y="908304"/>
                </a:lnTo>
                <a:lnTo>
                  <a:pt x="10556748" y="955548"/>
                </a:lnTo>
                <a:lnTo>
                  <a:pt x="10532364" y="995172"/>
                </a:lnTo>
                <a:lnTo>
                  <a:pt x="10497312" y="1025652"/>
                </a:lnTo>
                <a:lnTo>
                  <a:pt x="10439400" y="1050036"/>
                </a:lnTo>
                <a:lnTo>
                  <a:pt x="10407395" y="1053084"/>
                </a:lnTo>
                <a:lnTo>
                  <a:pt x="10506456" y="1053084"/>
                </a:lnTo>
                <a:lnTo>
                  <a:pt x="10553700" y="1011936"/>
                </a:lnTo>
                <a:lnTo>
                  <a:pt x="10582656" y="964692"/>
                </a:lnTo>
                <a:lnTo>
                  <a:pt x="10593324" y="928116"/>
                </a:lnTo>
                <a:lnTo>
                  <a:pt x="10596372" y="909828"/>
                </a:lnTo>
                <a:lnTo>
                  <a:pt x="10596372" y="170688"/>
                </a:lnTo>
                <a:lnTo>
                  <a:pt x="10588752" y="132588"/>
                </a:lnTo>
                <a:lnTo>
                  <a:pt x="10564367" y="83820"/>
                </a:lnTo>
                <a:lnTo>
                  <a:pt x="10527791" y="44196"/>
                </a:lnTo>
                <a:lnTo>
                  <a:pt x="10512552" y="32004"/>
                </a:lnTo>
                <a:lnTo>
                  <a:pt x="10504932" y="27432"/>
                </a:lnTo>
                <a:close/>
              </a:path>
            </a:pathLst>
          </a:custGeom>
          <a:solidFill>
            <a:srgbClr val="0070BF"/>
          </a:solidFill>
        </p:spPr>
        <p:txBody>
          <a:bodyPr wrap="square" lIns="0" tIns="0" rIns="0" bIns="0" rtlCol="0"/>
          <a:lstStyle/>
          <a:p>
            <a:endParaRPr sz="1539"/>
          </a:p>
        </p:txBody>
      </p:sp>
      <p:sp>
        <p:nvSpPr>
          <p:cNvPr id="5" name="object 5"/>
          <p:cNvSpPr txBox="1"/>
          <p:nvPr/>
        </p:nvSpPr>
        <p:spPr>
          <a:xfrm>
            <a:off x="337524" y="5888640"/>
            <a:ext cx="7644797" cy="137013"/>
          </a:xfrm>
          <a:prstGeom prst="rect">
            <a:avLst/>
          </a:prstGeom>
        </p:spPr>
        <p:txBody>
          <a:bodyPr vert="horz" wrap="square" lIns="0" tIns="8688" rIns="0" bIns="0" rtlCol="0">
            <a:spAutoFit/>
          </a:bodyPr>
          <a:lstStyle/>
          <a:p>
            <a:pPr>
              <a:lnSpc>
                <a:spcPts val="1026"/>
              </a:lnSpc>
              <a:spcBef>
                <a:spcPts val="68"/>
              </a:spcBef>
              <a:tabLst>
                <a:tab pos="7292336" algn="l"/>
              </a:tabLst>
            </a:pPr>
            <a:r>
              <a:rPr sz="898" dirty="0">
                <a:latin typeface="ＭＳ Ｐゴシック"/>
                <a:cs typeface="ＭＳ Ｐゴシック"/>
              </a:rPr>
              <a:t>出所：国土交通省「建設投資見通し」・「建設業許可業者数調査」、総務省「労働力調査</a:t>
            </a:r>
            <a:r>
              <a:rPr sz="898" spc="-43" dirty="0">
                <a:latin typeface="ＭＳ Ｐゴシック"/>
                <a:cs typeface="ＭＳ Ｐゴシック"/>
              </a:rPr>
              <a:t>」</a:t>
            </a:r>
            <a:r>
              <a:rPr sz="898" dirty="0">
                <a:latin typeface="ＭＳ Ｐゴシック"/>
                <a:cs typeface="ＭＳ Ｐゴシック"/>
              </a:rPr>
              <a:t>	</a:t>
            </a:r>
            <a:r>
              <a:rPr sz="1347" baseline="10582" dirty="0">
                <a:latin typeface="ＭＳ Ｐゴシック"/>
                <a:cs typeface="ＭＳ Ｐゴシック"/>
              </a:rPr>
              <a:t>（年度</a:t>
            </a:r>
            <a:r>
              <a:rPr sz="1347" spc="-64" baseline="10582" dirty="0">
                <a:latin typeface="ＭＳ Ｐゴシック"/>
                <a:cs typeface="ＭＳ Ｐゴシック"/>
              </a:rPr>
              <a:t>）</a:t>
            </a:r>
            <a:endParaRPr sz="1347" baseline="10582">
              <a:latin typeface="ＭＳ Ｐゴシック"/>
              <a:cs typeface="ＭＳ Ｐゴシック"/>
            </a:endParaRPr>
          </a:p>
        </p:txBody>
      </p:sp>
      <p:sp>
        <p:nvSpPr>
          <p:cNvPr id="6" name="object 6"/>
          <p:cNvSpPr txBox="1"/>
          <p:nvPr/>
        </p:nvSpPr>
        <p:spPr>
          <a:xfrm>
            <a:off x="326664" y="6024185"/>
            <a:ext cx="8218740" cy="432742"/>
          </a:xfrm>
          <a:prstGeom prst="rect">
            <a:avLst/>
          </a:prstGeom>
        </p:spPr>
        <p:txBody>
          <a:bodyPr vert="horz" wrap="square" lIns="0" tIns="9774" rIns="0" bIns="0" rtlCol="0">
            <a:spAutoFit/>
          </a:bodyPr>
          <a:lstStyle/>
          <a:p>
            <a:pPr marL="10860" marR="3755851">
              <a:lnSpc>
                <a:spcPct val="102899"/>
              </a:lnSpc>
              <a:spcBef>
                <a:spcPts val="77"/>
              </a:spcBef>
            </a:pPr>
            <a:r>
              <a:rPr sz="898" spc="17" dirty="0">
                <a:latin typeface="ＭＳ Ｐゴシック"/>
                <a:cs typeface="ＭＳ Ｐゴシック"/>
              </a:rPr>
              <a:t>注１ 投資額については平成</a:t>
            </a:r>
            <a:r>
              <a:rPr sz="898" dirty="0">
                <a:latin typeface="Arial"/>
                <a:cs typeface="Arial"/>
              </a:rPr>
              <a:t>25</a:t>
            </a:r>
            <a:r>
              <a:rPr sz="898" dirty="0">
                <a:latin typeface="ＭＳ Ｐゴシック"/>
                <a:cs typeface="ＭＳ Ｐゴシック"/>
              </a:rPr>
              <a:t>年度まで実績、</a:t>
            </a:r>
            <a:r>
              <a:rPr sz="898" dirty="0">
                <a:latin typeface="Arial"/>
                <a:cs typeface="Arial"/>
              </a:rPr>
              <a:t>26</a:t>
            </a:r>
            <a:r>
              <a:rPr sz="898" dirty="0">
                <a:latin typeface="ＭＳ Ｐゴシック"/>
                <a:cs typeface="ＭＳ Ｐゴシック"/>
              </a:rPr>
              <a:t>年度・</a:t>
            </a:r>
            <a:r>
              <a:rPr sz="898" dirty="0">
                <a:latin typeface="Arial"/>
                <a:cs typeface="Arial"/>
              </a:rPr>
              <a:t>27</a:t>
            </a:r>
            <a:r>
              <a:rPr sz="898" dirty="0">
                <a:latin typeface="ＭＳ Ｐゴシック"/>
                <a:cs typeface="ＭＳ Ｐゴシック"/>
              </a:rPr>
              <a:t>年度は見込み、</a:t>
            </a:r>
            <a:r>
              <a:rPr sz="898" dirty="0">
                <a:latin typeface="Arial"/>
                <a:cs typeface="Arial"/>
              </a:rPr>
              <a:t>28</a:t>
            </a:r>
            <a:r>
              <a:rPr sz="898" spc="-9" dirty="0">
                <a:latin typeface="ＭＳ Ｐゴシック"/>
                <a:cs typeface="ＭＳ Ｐゴシック"/>
              </a:rPr>
              <a:t>年度は見通し</a:t>
            </a:r>
            <a:r>
              <a:rPr sz="898" spc="13" dirty="0">
                <a:latin typeface="ＭＳ Ｐゴシック"/>
                <a:cs typeface="ＭＳ Ｐゴシック"/>
              </a:rPr>
              <a:t>注２  許可業者数は各年度末</a:t>
            </a:r>
            <a:r>
              <a:rPr sz="898" dirty="0">
                <a:latin typeface="ＭＳ Ｐゴシック"/>
                <a:cs typeface="ＭＳ Ｐゴシック"/>
              </a:rPr>
              <a:t>（翌年３月末）</a:t>
            </a:r>
            <a:r>
              <a:rPr sz="898" spc="-21" dirty="0">
                <a:latin typeface="ＭＳ Ｐゴシック"/>
                <a:cs typeface="ＭＳ Ｐゴシック"/>
              </a:rPr>
              <a:t>の値</a:t>
            </a:r>
            <a:endParaRPr sz="898">
              <a:latin typeface="ＭＳ Ｐゴシック"/>
              <a:cs typeface="ＭＳ Ｐゴシック"/>
            </a:endParaRPr>
          </a:p>
          <a:p>
            <a:pPr marL="10860">
              <a:spcBef>
                <a:spcPts val="34"/>
              </a:spcBef>
            </a:pPr>
            <a:r>
              <a:rPr sz="898" spc="47" dirty="0">
                <a:latin typeface="ＭＳ Ｐゴシック"/>
                <a:cs typeface="ＭＳ Ｐゴシック"/>
              </a:rPr>
              <a:t>注３   就業者数は年平均。平成</a:t>
            </a:r>
            <a:r>
              <a:rPr sz="898" dirty="0">
                <a:latin typeface="Arial"/>
                <a:cs typeface="Arial"/>
              </a:rPr>
              <a:t>23</a:t>
            </a:r>
            <a:r>
              <a:rPr sz="898" dirty="0">
                <a:latin typeface="ＭＳ Ｐゴシック"/>
                <a:cs typeface="ＭＳ Ｐゴシック"/>
              </a:rPr>
              <a:t>年は、被災３県（岩手県・宮城県・福島県）を補完推計した値について平成</a:t>
            </a:r>
            <a:r>
              <a:rPr sz="898" dirty="0">
                <a:latin typeface="Arial"/>
                <a:cs typeface="Arial"/>
              </a:rPr>
              <a:t>22</a:t>
            </a:r>
            <a:r>
              <a:rPr sz="898" spc="-4" dirty="0">
                <a:latin typeface="ＭＳ Ｐゴシック"/>
                <a:cs typeface="ＭＳ Ｐゴシック"/>
              </a:rPr>
              <a:t>年国勢調査結果を基準とする推計人口で遡及推計した値</a:t>
            </a:r>
            <a:endParaRPr sz="898">
              <a:latin typeface="ＭＳ Ｐゴシック"/>
              <a:cs typeface="ＭＳ Ｐゴシック"/>
            </a:endParaRPr>
          </a:p>
        </p:txBody>
      </p:sp>
      <p:sp>
        <p:nvSpPr>
          <p:cNvPr id="7" name="object 7"/>
          <p:cNvSpPr txBox="1"/>
          <p:nvPr/>
        </p:nvSpPr>
        <p:spPr>
          <a:xfrm>
            <a:off x="174192" y="840118"/>
            <a:ext cx="8647705" cy="804645"/>
          </a:xfrm>
          <a:prstGeom prst="rect">
            <a:avLst/>
          </a:prstGeom>
        </p:spPr>
        <p:txBody>
          <a:bodyPr vert="horz" wrap="square" lIns="0" tIns="10860" rIns="0" bIns="0" rtlCol="0">
            <a:spAutoFit/>
          </a:bodyPr>
          <a:lstStyle/>
          <a:p>
            <a:pPr marL="174842" marR="4344" indent="-173756">
              <a:lnSpc>
                <a:spcPct val="100699"/>
              </a:lnSpc>
              <a:spcBef>
                <a:spcPts val="86"/>
              </a:spcBef>
              <a:buChar char="○"/>
              <a:tabLst>
                <a:tab pos="174842" algn="l"/>
                <a:tab pos="302445" algn="l"/>
              </a:tabLst>
            </a:pPr>
            <a:r>
              <a:rPr sz="1283" spc="64" dirty="0">
                <a:latin typeface="ＭＳ Ｐゴシック"/>
                <a:cs typeface="ＭＳ Ｐゴシック"/>
              </a:rPr>
              <a:t>建設投資額はピーク時の４年度：約</a:t>
            </a:r>
            <a:r>
              <a:rPr sz="1283" spc="68" dirty="0">
                <a:latin typeface="Arial"/>
                <a:cs typeface="Arial"/>
              </a:rPr>
              <a:t>84</a:t>
            </a:r>
            <a:r>
              <a:rPr sz="1283" spc="64" dirty="0">
                <a:latin typeface="ＭＳ Ｐゴシック"/>
                <a:cs typeface="ＭＳ Ｐゴシック"/>
              </a:rPr>
              <a:t>兆円から</a:t>
            </a:r>
            <a:r>
              <a:rPr sz="1283" spc="68" dirty="0">
                <a:latin typeface="Arial"/>
                <a:cs typeface="Arial"/>
              </a:rPr>
              <a:t>22</a:t>
            </a:r>
            <a:r>
              <a:rPr sz="1283" spc="68" dirty="0">
                <a:latin typeface="ＭＳ Ｐゴシック"/>
                <a:cs typeface="ＭＳ Ｐゴシック"/>
              </a:rPr>
              <a:t>年度：約</a:t>
            </a:r>
            <a:r>
              <a:rPr sz="1283" spc="68" dirty="0">
                <a:latin typeface="Arial"/>
                <a:cs typeface="Arial"/>
              </a:rPr>
              <a:t>41</a:t>
            </a:r>
            <a:r>
              <a:rPr sz="1283" spc="64" dirty="0">
                <a:latin typeface="ＭＳ Ｐゴシック"/>
                <a:cs typeface="ＭＳ Ｐゴシック"/>
              </a:rPr>
              <a:t>兆円まで落ち込んだが、その後、増加に転じ、</a:t>
            </a:r>
            <a:r>
              <a:rPr sz="1283" spc="68" dirty="0">
                <a:latin typeface="Arial"/>
                <a:cs typeface="Arial"/>
              </a:rPr>
              <a:t>28</a:t>
            </a:r>
            <a:r>
              <a:rPr sz="1283" spc="43" dirty="0">
                <a:latin typeface="ＭＳ Ｐゴシック"/>
                <a:cs typeface="ＭＳ Ｐゴシック"/>
              </a:rPr>
              <a:t>年度は</a:t>
            </a:r>
            <a:r>
              <a:rPr sz="1283" spc="68" dirty="0">
                <a:latin typeface="ＭＳ Ｐゴシック"/>
                <a:cs typeface="ＭＳ Ｐゴシック"/>
              </a:rPr>
              <a:t>約</a:t>
            </a:r>
            <a:r>
              <a:rPr sz="1283" spc="68" dirty="0">
                <a:latin typeface="Arial"/>
                <a:cs typeface="Arial"/>
              </a:rPr>
              <a:t>52</a:t>
            </a:r>
            <a:r>
              <a:rPr sz="1283" spc="64" dirty="0">
                <a:latin typeface="ＭＳ Ｐゴシック"/>
                <a:cs typeface="ＭＳ Ｐゴシック"/>
              </a:rPr>
              <a:t>兆円となる見通し</a:t>
            </a:r>
            <a:r>
              <a:rPr sz="1283" spc="68" dirty="0">
                <a:latin typeface="ＭＳ Ｐゴシック"/>
                <a:cs typeface="ＭＳ Ｐゴシック"/>
              </a:rPr>
              <a:t>（</a:t>
            </a:r>
            <a:r>
              <a:rPr sz="1283" spc="64" dirty="0">
                <a:latin typeface="ＭＳ Ｐゴシック"/>
                <a:cs typeface="ＭＳ Ｐゴシック"/>
              </a:rPr>
              <a:t>ピーク時から約</a:t>
            </a:r>
            <a:r>
              <a:rPr sz="1283" spc="68" dirty="0">
                <a:latin typeface="Arial"/>
                <a:cs typeface="Arial"/>
              </a:rPr>
              <a:t>38</a:t>
            </a:r>
            <a:r>
              <a:rPr sz="1283" spc="68" dirty="0">
                <a:latin typeface="ＭＳ Ｐゴシック"/>
                <a:cs typeface="ＭＳ Ｐゴシック"/>
              </a:rPr>
              <a:t>％減）</a:t>
            </a:r>
            <a:r>
              <a:rPr sz="1283" dirty="0">
                <a:latin typeface="ＭＳ Ｐゴシック"/>
                <a:cs typeface="ＭＳ Ｐゴシック"/>
              </a:rPr>
              <a:t>。</a:t>
            </a:r>
          </a:p>
          <a:p>
            <a:pPr marL="302445" indent="-291585">
              <a:spcBef>
                <a:spcPts val="9"/>
              </a:spcBef>
              <a:buChar char="○"/>
              <a:tabLst>
                <a:tab pos="302445" algn="l"/>
              </a:tabLst>
            </a:pPr>
            <a:r>
              <a:rPr sz="1283" spc="68" dirty="0">
                <a:latin typeface="ＭＳ Ｐゴシック"/>
                <a:cs typeface="ＭＳ Ｐゴシック"/>
              </a:rPr>
              <a:t>建設業者数（</a:t>
            </a:r>
            <a:r>
              <a:rPr sz="1283" spc="68" dirty="0">
                <a:latin typeface="Arial"/>
                <a:cs typeface="Arial"/>
              </a:rPr>
              <a:t>28</a:t>
            </a:r>
            <a:r>
              <a:rPr sz="1283" spc="68" dirty="0">
                <a:latin typeface="ＭＳ Ｐゴシック"/>
                <a:cs typeface="ＭＳ Ｐゴシック"/>
              </a:rPr>
              <a:t>年度末）は約</a:t>
            </a:r>
            <a:r>
              <a:rPr sz="1283" spc="68" dirty="0">
                <a:latin typeface="Arial"/>
                <a:cs typeface="Arial"/>
              </a:rPr>
              <a:t>47</a:t>
            </a:r>
            <a:r>
              <a:rPr sz="1283" spc="64" dirty="0">
                <a:latin typeface="ＭＳ Ｐゴシック"/>
                <a:cs typeface="ＭＳ Ｐゴシック"/>
              </a:rPr>
              <a:t>万業者で、ピーク時</a:t>
            </a:r>
            <a:r>
              <a:rPr sz="1283" dirty="0">
                <a:latin typeface="ＭＳ Ｐゴシック"/>
                <a:cs typeface="ＭＳ Ｐゴシック"/>
              </a:rPr>
              <a:t>（</a:t>
            </a:r>
            <a:r>
              <a:rPr sz="1283" dirty="0">
                <a:latin typeface="Arial"/>
                <a:cs typeface="Arial"/>
              </a:rPr>
              <a:t>11</a:t>
            </a:r>
            <a:r>
              <a:rPr sz="1283" spc="68" dirty="0">
                <a:latin typeface="ＭＳ Ｐゴシック"/>
                <a:cs typeface="ＭＳ Ｐゴシック"/>
              </a:rPr>
              <a:t>年度末）</a:t>
            </a:r>
            <a:r>
              <a:rPr sz="1283" spc="64" dirty="0">
                <a:latin typeface="ＭＳ Ｐゴシック"/>
                <a:cs typeface="ＭＳ Ｐゴシック"/>
              </a:rPr>
              <a:t>から約</a:t>
            </a:r>
            <a:r>
              <a:rPr sz="1283" spc="68" dirty="0">
                <a:latin typeface="Arial"/>
                <a:cs typeface="Arial"/>
              </a:rPr>
              <a:t>23</a:t>
            </a:r>
            <a:r>
              <a:rPr sz="1283" spc="30" dirty="0">
                <a:latin typeface="ＭＳ Ｐゴシック"/>
                <a:cs typeface="ＭＳ Ｐゴシック"/>
              </a:rPr>
              <a:t>％減。</a:t>
            </a:r>
            <a:endParaRPr sz="1283" dirty="0">
              <a:latin typeface="ＭＳ Ｐゴシック"/>
              <a:cs typeface="ＭＳ Ｐゴシック"/>
            </a:endParaRPr>
          </a:p>
          <a:p>
            <a:pPr marL="302445" indent="-291585">
              <a:spcBef>
                <a:spcPts val="9"/>
              </a:spcBef>
              <a:buChar char="○"/>
              <a:tabLst>
                <a:tab pos="302445" algn="l"/>
              </a:tabLst>
            </a:pPr>
            <a:r>
              <a:rPr sz="1283" spc="68" dirty="0">
                <a:latin typeface="ＭＳ Ｐゴシック"/>
                <a:cs typeface="ＭＳ Ｐゴシック"/>
              </a:rPr>
              <a:t>建設業就業者数（</a:t>
            </a:r>
            <a:r>
              <a:rPr sz="1283" spc="68" dirty="0">
                <a:latin typeface="Arial"/>
                <a:cs typeface="Arial"/>
              </a:rPr>
              <a:t>28</a:t>
            </a:r>
            <a:r>
              <a:rPr sz="1283" spc="68" dirty="0">
                <a:latin typeface="ＭＳ Ｐゴシック"/>
                <a:cs typeface="ＭＳ Ｐゴシック"/>
              </a:rPr>
              <a:t>年平均）は</a:t>
            </a:r>
            <a:r>
              <a:rPr sz="1283" spc="68" dirty="0">
                <a:latin typeface="Arial"/>
                <a:cs typeface="Arial"/>
              </a:rPr>
              <a:t>492</a:t>
            </a:r>
            <a:r>
              <a:rPr sz="1283" spc="68" dirty="0">
                <a:latin typeface="ＭＳ Ｐゴシック"/>
                <a:cs typeface="ＭＳ Ｐゴシック"/>
              </a:rPr>
              <a:t>万人で、ピーク時（９年平均）から約</a:t>
            </a:r>
            <a:r>
              <a:rPr sz="1283" spc="68" dirty="0">
                <a:latin typeface="Arial"/>
                <a:cs typeface="Arial"/>
              </a:rPr>
              <a:t>28</a:t>
            </a:r>
            <a:r>
              <a:rPr sz="1283" spc="30" dirty="0">
                <a:latin typeface="ＭＳ Ｐゴシック"/>
                <a:cs typeface="ＭＳ Ｐゴシック"/>
              </a:rPr>
              <a:t>％減。</a:t>
            </a:r>
            <a:endParaRPr sz="1283" dirty="0">
              <a:latin typeface="ＭＳ Ｐゴシック"/>
              <a:cs typeface="ＭＳ Ｐゴシック"/>
            </a:endParaRPr>
          </a:p>
        </p:txBody>
      </p:sp>
      <p:sp>
        <p:nvSpPr>
          <p:cNvPr id="8" name="object 8"/>
          <p:cNvSpPr txBox="1">
            <a:spLocks noGrp="1"/>
          </p:cNvSpPr>
          <p:nvPr>
            <p:ph type="title"/>
          </p:nvPr>
        </p:nvSpPr>
        <p:spPr>
          <a:xfrm>
            <a:off x="262809" y="304627"/>
            <a:ext cx="5786132" cy="351951"/>
          </a:xfrm>
          <a:prstGeom prst="rect">
            <a:avLst/>
          </a:prstGeom>
        </p:spPr>
        <p:txBody>
          <a:bodyPr vert="horz" wrap="square" lIns="0" tIns="9774" rIns="0" bIns="0" rtlCol="0" anchor="ctr">
            <a:spAutoFit/>
          </a:bodyPr>
          <a:lstStyle/>
          <a:p>
            <a:pPr marL="10860">
              <a:lnSpc>
                <a:spcPct val="100000"/>
              </a:lnSpc>
              <a:spcBef>
                <a:spcPts val="77"/>
              </a:spcBef>
            </a:pPr>
            <a:r>
              <a:rPr sz="2223" b="1" spc="-34" dirty="0">
                <a:solidFill>
                  <a:srgbClr val="3F87C8"/>
                </a:solidFill>
              </a:rPr>
              <a:t>建設投資、許可業者数及び就業者数の推移</a:t>
            </a:r>
            <a:endParaRPr sz="2223" b="1" dirty="0"/>
          </a:p>
        </p:txBody>
      </p:sp>
      <p:grpSp>
        <p:nvGrpSpPr>
          <p:cNvPr id="9" name="object 9"/>
          <p:cNvGrpSpPr/>
          <p:nvPr/>
        </p:nvGrpSpPr>
        <p:grpSpPr>
          <a:xfrm>
            <a:off x="46914" y="1884407"/>
            <a:ext cx="8403358" cy="4159868"/>
            <a:chOff x="54864" y="1975109"/>
            <a:chExt cx="9827260" cy="4864735"/>
          </a:xfrm>
        </p:grpSpPr>
        <p:sp>
          <p:nvSpPr>
            <p:cNvPr id="10" name="object 10"/>
            <p:cNvSpPr/>
            <p:nvPr/>
          </p:nvSpPr>
          <p:spPr>
            <a:xfrm>
              <a:off x="54864" y="1975109"/>
              <a:ext cx="9827260" cy="4864735"/>
            </a:xfrm>
            <a:custGeom>
              <a:avLst/>
              <a:gdLst/>
              <a:ahLst/>
              <a:cxnLst/>
              <a:rect l="l" t="t" r="r" b="b"/>
              <a:pathLst>
                <a:path w="9827260" h="4864734">
                  <a:moveTo>
                    <a:pt x="9826752" y="0"/>
                  </a:moveTo>
                  <a:lnTo>
                    <a:pt x="0" y="0"/>
                  </a:lnTo>
                  <a:lnTo>
                    <a:pt x="0" y="4864608"/>
                  </a:lnTo>
                  <a:lnTo>
                    <a:pt x="9826752" y="4864608"/>
                  </a:lnTo>
                  <a:lnTo>
                    <a:pt x="9826752" y="0"/>
                  </a:lnTo>
                  <a:close/>
                </a:path>
              </a:pathLst>
            </a:custGeom>
            <a:solidFill>
              <a:srgbClr val="FFFFFF"/>
            </a:solidFill>
          </p:spPr>
          <p:txBody>
            <a:bodyPr wrap="square" lIns="0" tIns="0" rIns="0" bIns="0" rtlCol="0"/>
            <a:lstStyle/>
            <a:p>
              <a:endParaRPr sz="1539"/>
            </a:p>
          </p:txBody>
        </p:sp>
        <p:sp>
          <p:nvSpPr>
            <p:cNvPr id="11" name="object 11"/>
            <p:cNvSpPr/>
            <p:nvPr/>
          </p:nvSpPr>
          <p:spPr>
            <a:xfrm>
              <a:off x="406908" y="5975604"/>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83" y="0"/>
                  </a:lnTo>
                  <a:lnTo>
                    <a:pt x="425183"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12" name="object 12"/>
            <p:cNvSpPr/>
            <p:nvPr/>
          </p:nvSpPr>
          <p:spPr>
            <a:xfrm>
              <a:off x="1367028" y="5975604"/>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5532" y="0"/>
                  </a:moveTo>
                  <a:lnTo>
                    <a:pt x="54864" y="0"/>
                  </a:lnTo>
                  <a:lnTo>
                    <a:pt x="54864" y="4572"/>
                  </a:lnTo>
                  <a:lnTo>
                    <a:pt x="65532" y="4572"/>
                  </a:lnTo>
                  <a:lnTo>
                    <a:pt x="65532" y="0"/>
                  </a:lnTo>
                  <a:close/>
                </a:path>
                <a:path w="969644" h="5079">
                  <a:moveTo>
                    <a:pt x="79248" y="0"/>
                  </a:moveTo>
                  <a:lnTo>
                    <a:pt x="68580" y="0"/>
                  </a:lnTo>
                  <a:lnTo>
                    <a:pt x="68580" y="4572"/>
                  </a:lnTo>
                  <a:lnTo>
                    <a:pt x="79248" y="4572"/>
                  </a:lnTo>
                  <a:lnTo>
                    <a:pt x="79248" y="0"/>
                  </a:lnTo>
                  <a:close/>
                </a:path>
                <a:path w="969644" h="5079">
                  <a:moveTo>
                    <a:pt x="92964" y="0"/>
                  </a:moveTo>
                  <a:lnTo>
                    <a:pt x="82296" y="0"/>
                  </a:lnTo>
                  <a:lnTo>
                    <a:pt x="82296" y="4572"/>
                  </a:lnTo>
                  <a:lnTo>
                    <a:pt x="92964" y="4572"/>
                  </a:lnTo>
                  <a:lnTo>
                    <a:pt x="92964" y="0"/>
                  </a:lnTo>
                  <a:close/>
                </a:path>
                <a:path w="969644" h="5079">
                  <a:moveTo>
                    <a:pt x="106680" y="0"/>
                  </a:moveTo>
                  <a:lnTo>
                    <a:pt x="96012" y="0"/>
                  </a:lnTo>
                  <a:lnTo>
                    <a:pt x="96012" y="4572"/>
                  </a:lnTo>
                  <a:lnTo>
                    <a:pt x="106680" y="4572"/>
                  </a:lnTo>
                  <a:lnTo>
                    <a:pt x="106680" y="0"/>
                  </a:lnTo>
                  <a:close/>
                </a:path>
                <a:path w="969644" h="5079">
                  <a:moveTo>
                    <a:pt x="120396" y="0"/>
                  </a:moveTo>
                  <a:lnTo>
                    <a:pt x="109728" y="0"/>
                  </a:lnTo>
                  <a:lnTo>
                    <a:pt x="109728" y="4572"/>
                  </a:lnTo>
                  <a:lnTo>
                    <a:pt x="120396" y="4572"/>
                  </a:lnTo>
                  <a:lnTo>
                    <a:pt x="120396" y="0"/>
                  </a:lnTo>
                  <a:close/>
                </a:path>
                <a:path w="969644" h="5079">
                  <a:moveTo>
                    <a:pt x="134112" y="0"/>
                  </a:moveTo>
                  <a:lnTo>
                    <a:pt x="123444" y="0"/>
                  </a:lnTo>
                  <a:lnTo>
                    <a:pt x="123444" y="4572"/>
                  </a:lnTo>
                  <a:lnTo>
                    <a:pt x="134112" y="4572"/>
                  </a:lnTo>
                  <a:lnTo>
                    <a:pt x="134112" y="0"/>
                  </a:lnTo>
                  <a:close/>
                </a:path>
                <a:path w="969644" h="5079">
                  <a:moveTo>
                    <a:pt x="147828" y="0"/>
                  </a:moveTo>
                  <a:lnTo>
                    <a:pt x="137160" y="0"/>
                  </a:lnTo>
                  <a:lnTo>
                    <a:pt x="137160" y="4572"/>
                  </a:lnTo>
                  <a:lnTo>
                    <a:pt x="147828" y="4572"/>
                  </a:lnTo>
                  <a:lnTo>
                    <a:pt x="147828" y="0"/>
                  </a:lnTo>
                  <a:close/>
                </a:path>
                <a:path w="969644" h="5079">
                  <a:moveTo>
                    <a:pt x="161544" y="0"/>
                  </a:moveTo>
                  <a:lnTo>
                    <a:pt x="150876" y="0"/>
                  </a:lnTo>
                  <a:lnTo>
                    <a:pt x="150876" y="4572"/>
                  </a:lnTo>
                  <a:lnTo>
                    <a:pt x="161544" y="4572"/>
                  </a:lnTo>
                  <a:lnTo>
                    <a:pt x="161544" y="0"/>
                  </a:lnTo>
                  <a:close/>
                </a:path>
                <a:path w="969644" h="5079">
                  <a:moveTo>
                    <a:pt x="173736" y="0"/>
                  </a:moveTo>
                  <a:lnTo>
                    <a:pt x="164592" y="0"/>
                  </a:lnTo>
                  <a:lnTo>
                    <a:pt x="164592" y="4572"/>
                  </a:lnTo>
                  <a:lnTo>
                    <a:pt x="173736" y="4572"/>
                  </a:lnTo>
                  <a:lnTo>
                    <a:pt x="173736" y="0"/>
                  </a:lnTo>
                  <a:close/>
                </a:path>
                <a:path w="969644" h="5079">
                  <a:moveTo>
                    <a:pt x="187452" y="0"/>
                  </a:moveTo>
                  <a:lnTo>
                    <a:pt x="178308" y="0"/>
                  </a:lnTo>
                  <a:lnTo>
                    <a:pt x="178308" y="4572"/>
                  </a:lnTo>
                  <a:lnTo>
                    <a:pt x="187452" y="4572"/>
                  </a:lnTo>
                  <a:lnTo>
                    <a:pt x="187452" y="0"/>
                  </a:lnTo>
                  <a:close/>
                </a:path>
                <a:path w="969644" h="5079">
                  <a:moveTo>
                    <a:pt x="201168" y="0"/>
                  </a:moveTo>
                  <a:lnTo>
                    <a:pt x="192024" y="0"/>
                  </a:lnTo>
                  <a:lnTo>
                    <a:pt x="192024" y="4572"/>
                  </a:lnTo>
                  <a:lnTo>
                    <a:pt x="201168" y="4572"/>
                  </a:lnTo>
                  <a:lnTo>
                    <a:pt x="201168" y="0"/>
                  </a:lnTo>
                  <a:close/>
                </a:path>
                <a:path w="969644" h="5079">
                  <a:moveTo>
                    <a:pt x="214884" y="0"/>
                  </a:moveTo>
                  <a:lnTo>
                    <a:pt x="205740" y="0"/>
                  </a:lnTo>
                  <a:lnTo>
                    <a:pt x="205740" y="4572"/>
                  </a:lnTo>
                  <a:lnTo>
                    <a:pt x="214884" y="4572"/>
                  </a:lnTo>
                  <a:lnTo>
                    <a:pt x="214884" y="0"/>
                  </a:lnTo>
                  <a:close/>
                </a:path>
                <a:path w="969644" h="5079">
                  <a:moveTo>
                    <a:pt x="228600" y="0"/>
                  </a:moveTo>
                  <a:lnTo>
                    <a:pt x="219456" y="0"/>
                  </a:lnTo>
                  <a:lnTo>
                    <a:pt x="219456" y="4572"/>
                  </a:lnTo>
                  <a:lnTo>
                    <a:pt x="228600" y="4572"/>
                  </a:lnTo>
                  <a:lnTo>
                    <a:pt x="228600" y="0"/>
                  </a:lnTo>
                  <a:close/>
                </a:path>
                <a:path w="969644" h="5079">
                  <a:moveTo>
                    <a:pt x="242316" y="0"/>
                  </a:moveTo>
                  <a:lnTo>
                    <a:pt x="233172" y="0"/>
                  </a:lnTo>
                  <a:lnTo>
                    <a:pt x="233172" y="4572"/>
                  </a:lnTo>
                  <a:lnTo>
                    <a:pt x="242316" y="4572"/>
                  </a:lnTo>
                  <a:lnTo>
                    <a:pt x="242316" y="0"/>
                  </a:lnTo>
                  <a:close/>
                </a:path>
                <a:path w="969644" h="5079">
                  <a:moveTo>
                    <a:pt x="256032" y="0"/>
                  </a:moveTo>
                  <a:lnTo>
                    <a:pt x="246888" y="0"/>
                  </a:lnTo>
                  <a:lnTo>
                    <a:pt x="246888" y="4572"/>
                  </a:lnTo>
                  <a:lnTo>
                    <a:pt x="256032" y="4572"/>
                  </a:lnTo>
                  <a:lnTo>
                    <a:pt x="256032" y="0"/>
                  </a:lnTo>
                  <a:close/>
                </a:path>
                <a:path w="969644" h="5079">
                  <a:moveTo>
                    <a:pt x="269748" y="0"/>
                  </a:moveTo>
                  <a:lnTo>
                    <a:pt x="260604" y="0"/>
                  </a:lnTo>
                  <a:lnTo>
                    <a:pt x="260604" y="4572"/>
                  </a:lnTo>
                  <a:lnTo>
                    <a:pt x="269748" y="4572"/>
                  </a:lnTo>
                  <a:lnTo>
                    <a:pt x="269748" y="0"/>
                  </a:lnTo>
                  <a:close/>
                </a:path>
                <a:path w="969644" h="5079">
                  <a:moveTo>
                    <a:pt x="283464" y="0"/>
                  </a:moveTo>
                  <a:lnTo>
                    <a:pt x="274320" y="0"/>
                  </a:lnTo>
                  <a:lnTo>
                    <a:pt x="274320" y="4572"/>
                  </a:lnTo>
                  <a:lnTo>
                    <a:pt x="283464" y="4572"/>
                  </a:lnTo>
                  <a:lnTo>
                    <a:pt x="283464" y="0"/>
                  </a:lnTo>
                  <a:close/>
                </a:path>
                <a:path w="969644" h="5079">
                  <a:moveTo>
                    <a:pt x="297167" y="0"/>
                  </a:moveTo>
                  <a:lnTo>
                    <a:pt x="288036" y="0"/>
                  </a:lnTo>
                  <a:lnTo>
                    <a:pt x="288036" y="4572"/>
                  </a:lnTo>
                  <a:lnTo>
                    <a:pt x="297167" y="4572"/>
                  </a:lnTo>
                  <a:lnTo>
                    <a:pt x="297167" y="0"/>
                  </a:lnTo>
                  <a:close/>
                </a:path>
                <a:path w="969644" h="5079">
                  <a:moveTo>
                    <a:pt x="310896" y="0"/>
                  </a:moveTo>
                  <a:lnTo>
                    <a:pt x="301752" y="0"/>
                  </a:lnTo>
                  <a:lnTo>
                    <a:pt x="301752" y="4572"/>
                  </a:lnTo>
                  <a:lnTo>
                    <a:pt x="310896" y="4572"/>
                  </a:lnTo>
                  <a:lnTo>
                    <a:pt x="310896" y="0"/>
                  </a:lnTo>
                  <a:close/>
                </a:path>
                <a:path w="969644" h="5079">
                  <a:moveTo>
                    <a:pt x="324612" y="0"/>
                  </a:moveTo>
                  <a:lnTo>
                    <a:pt x="315468" y="0"/>
                  </a:lnTo>
                  <a:lnTo>
                    <a:pt x="315468" y="4572"/>
                  </a:lnTo>
                  <a:lnTo>
                    <a:pt x="324612" y="4572"/>
                  </a:lnTo>
                  <a:lnTo>
                    <a:pt x="324612" y="0"/>
                  </a:lnTo>
                  <a:close/>
                </a:path>
                <a:path w="969644" h="5079">
                  <a:moveTo>
                    <a:pt x="338328" y="0"/>
                  </a:moveTo>
                  <a:lnTo>
                    <a:pt x="329184" y="0"/>
                  </a:lnTo>
                  <a:lnTo>
                    <a:pt x="329184" y="4572"/>
                  </a:lnTo>
                  <a:lnTo>
                    <a:pt x="338328" y="4572"/>
                  </a:lnTo>
                  <a:lnTo>
                    <a:pt x="338328" y="0"/>
                  </a:lnTo>
                  <a:close/>
                </a:path>
                <a:path w="969644" h="5079">
                  <a:moveTo>
                    <a:pt x="352044" y="0"/>
                  </a:moveTo>
                  <a:lnTo>
                    <a:pt x="342900" y="0"/>
                  </a:lnTo>
                  <a:lnTo>
                    <a:pt x="342900" y="4572"/>
                  </a:lnTo>
                  <a:lnTo>
                    <a:pt x="352044" y="4572"/>
                  </a:lnTo>
                  <a:lnTo>
                    <a:pt x="352044" y="0"/>
                  </a:lnTo>
                  <a:close/>
                </a:path>
                <a:path w="969644" h="5079">
                  <a:moveTo>
                    <a:pt x="365760" y="0"/>
                  </a:moveTo>
                  <a:lnTo>
                    <a:pt x="356616" y="0"/>
                  </a:lnTo>
                  <a:lnTo>
                    <a:pt x="356616" y="4572"/>
                  </a:lnTo>
                  <a:lnTo>
                    <a:pt x="365760" y="4572"/>
                  </a:lnTo>
                  <a:lnTo>
                    <a:pt x="365760" y="0"/>
                  </a:lnTo>
                  <a:close/>
                </a:path>
                <a:path w="969644" h="5079">
                  <a:moveTo>
                    <a:pt x="379476" y="0"/>
                  </a:moveTo>
                  <a:lnTo>
                    <a:pt x="370332" y="0"/>
                  </a:lnTo>
                  <a:lnTo>
                    <a:pt x="370332" y="4572"/>
                  </a:lnTo>
                  <a:lnTo>
                    <a:pt x="379476" y="4572"/>
                  </a:lnTo>
                  <a:lnTo>
                    <a:pt x="379476" y="0"/>
                  </a:lnTo>
                  <a:close/>
                </a:path>
                <a:path w="969644" h="5079">
                  <a:moveTo>
                    <a:pt x="393192" y="0"/>
                  </a:moveTo>
                  <a:lnTo>
                    <a:pt x="384048" y="0"/>
                  </a:lnTo>
                  <a:lnTo>
                    <a:pt x="384048" y="4572"/>
                  </a:lnTo>
                  <a:lnTo>
                    <a:pt x="393192" y="4572"/>
                  </a:lnTo>
                  <a:lnTo>
                    <a:pt x="393192" y="0"/>
                  </a:lnTo>
                  <a:close/>
                </a:path>
                <a:path w="969644" h="5079">
                  <a:moveTo>
                    <a:pt x="406908" y="0"/>
                  </a:moveTo>
                  <a:lnTo>
                    <a:pt x="397764" y="0"/>
                  </a:lnTo>
                  <a:lnTo>
                    <a:pt x="397764" y="4572"/>
                  </a:lnTo>
                  <a:lnTo>
                    <a:pt x="406908" y="4572"/>
                  </a:lnTo>
                  <a:lnTo>
                    <a:pt x="406908" y="0"/>
                  </a:lnTo>
                  <a:close/>
                </a:path>
                <a:path w="969644" h="5079">
                  <a:moveTo>
                    <a:pt x="420624" y="0"/>
                  </a:moveTo>
                  <a:lnTo>
                    <a:pt x="411480" y="0"/>
                  </a:lnTo>
                  <a:lnTo>
                    <a:pt x="411480" y="4572"/>
                  </a:lnTo>
                  <a:lnTo>
                    <a:pt x="420624" y="4572"/>
                  </a:lnTo>
                  <a:lnTo>
                    <a:pt x="420624" y="0"/>
                  </a:lnTo>
                  <a:close/>
                </a:path>
                <a:path w="969644" h="5079">
                  <a:moveTo>
                    <a:pt x="434340" y="0"/>
                  </a:moveTo>
                  <a:lnTo>
                    <a:pt x="425196" y="0"/>
                  </a:lnTo>
                  <a:lnTo>
                    <a:pt x="425196" y="4572"/>
                  </a:lnTo>
                  <a:lnTo>
                    <a:pt x="434340" y="4572"/>
                  </a:lnTo>
                  <a:lnTo>
                    <a:pt x="434340" y="0"/>
                  </a:lnTo>
                  <a:close/>
                </a:path>
                <a:path w="969644" h="5079">
                  <a:moveTo>
                    <a:pt x="448056" y="0"/>
                  </a:moveTo>
                  <a:lnTo>
                    <a:pt x="438912" y="0"/>
                  </a:lnTo>
                  <a:lnTo>
                    <a:pt x="438912" y="4572"/>
                  </a:lnTo>
                  <a:lnTo>
                    <a:pt x="448056" y="4572"/>
                  </a:lnTo>
                  <a:lnTo>
                    <a:pt x="448056" y="0"/>
                  </a:lnTo>
                  <a:close/>
                </a:path>
                <a:path w="969644" h="5079">
                  <a:moveTo>
                    <a:pt x="461772" y="0"/>
                  </a:moveTo>
                  <a:lnTo>
                    <a:pt x="452628" y="0"/>
                  </a:lnTo>
                  <a:lnTo>
                    <a:pt x="452628" y="4572"/>
                  </a:lnTo>
                  <a:lnTo>
                    <a:pt x="461772" y="4572"/>
                  </a:lnTo>
                  <a:lnTo>
                    <a:pt x="461772" y="0"/>
                  </a:lnTo>
                  <a:close/>
                </a:path>
                <a:path w="969644" h="5079">
                  <a:moveTo>
                    <a:pt x="475488" y="0"/>
                  </a:moveTo>
                  <a:lnTo>
                    <a:pt x="466344" y="0"/>
                  </a:lnTo>
                  <a:lnTo>
                    <a:pt x="466344" y="4572"/>
                  </a:lnTo>
                  <a:lnTo>
                    <a:pt x="475488" y="4572"/>
                  </a:lnTo>
                  <a:lnTo>
                    <a:pt x="475488" y="0"/>
                  </a:lnTo>
                  <a:close/>
                </a:path>
                <a:path w="969644" h="5079">
                  <a:moveTo>
                    <a:pt x="489204" y="0"/>
                  </a:moveTo>
                  <a:lnTo>
                    <a:pt x="480060" y="0"/>
                  </a:lnTo>
                  <a:lnTo>
                    <a:pt x="480060" y="4572"/>
                  </a:lnTo>
                  <a:lnTo>
                    <a:pt x="489204" y="4572"/>
                  </a:lnTo>
                  <a:lnTo>
                    <a:pt x="489204" y="0"/>
                  </a:lnTo>
                  <a:close/>
                </a:path>
                <a:path w="969644" h="5079">
                  <a:moveTo>
                    <a:pt x="502920" y="0"/>
                  </a:moveTo>
                  <a:lnTo>
                    <a:pt x="493776" y="0"/>
                  </a:lnTo>
                  <a:lnTo>
                    <a:pt x="493776" y="4572"/>
                  </a:lnTo>
                  <a:lnTo>
                    <a:pt x="502920" y="4572"/>
                  </a:lnTo>
                  <a:lnTo>
                    <a:pt x="502920" y="0"/>
                  </a:lnTo>
                  <a:close/>
                </a:path>
                <a:path w="969644" h="5079">
                  <a:moveTo>
                    <a:pt x="516636" y="0"/>
                  </a:moveTo>
                  <a:lnTo>
                    <a:pt x="507492" y="0"/>
                  </a:lnTo>
                  <a:lnTo>
                    <a:pt x="507492" y="4572"/>
                  </a:lnTo>
                  <a:lnTo>
                    <a:pt x="516636" y="4572"/>
                  </a:lnTo>
                  <a:lnTo>
                    <a:pt x="516636" y="0"/>
                  </a:lnTo>
                  <a:close/>
                </a:path>
                <a:path w="969644" h="5079">
                  <a:moveTo>
                    <a:pt x="530352" y="0"/>
                  </a:moveTo>
                  <a:lnTo>
                    <a:pt x="521208" y="0"/>
                  </a:lnTo>
                  <a:lnTo>
                    <a:pt x="521208" y="4572"/>
                  </a:lnTo>
                  <a:lnTo>
                    <a:pt x="530352" y="4572"/>
                  </a:lnTo>
                  <a:lnTo>
                    <a:pt x="530352" y="0"/>
                  </a:lnTo>
                  <a:close/>
                </a:path>
                <a:path w="969644" h="5079">
                  <a:moveTo>
                    <a:pt x="544068" y="0"/>
                  </a:moveTo>
                  <a:lnTo>
                    <a:pt x="534924" y="0"/>
                  </a:lnTo>
                  <a:lnTo>
                    <a:pt x="534924" y="4572"/>
                  </a:lnTo>
                  <a:lnTo>
                    <a:pt x="544068" y="4572"/>
                  </a:lnTo>
                  <a:lnTo>
                    <a:pt x="544068" y="0"/>
                  </a:lnTo>
                  <a:close/>
                </a:path>
                <a:path w="969644" h="5079">
                  <a:moveTo>
                    <a:pt x="557784" y="0"/>
                  </a:moveTo>
                  <a:lnTo>
                    <a:pt x="548640" y="0"/>
                  </a:lnTo>
                  <a:lnTo>
                    <a:pt x="548640" y="4572"/>
                  </a:lnTo>
                  <a:lnTo>
                    <a:pt x="557784" y="4572"/>
                  </a:lnTo>
                  <a:lnTo>
                    <a:pt x="557784" y="0"/>
                  </a:lnTo>
                  <a:close/>
                </a:path>
                <a:path w="969644" h="5079">
                  <a:moveTo>
                    <a:pt x="571500" y="0"/>
                  </a:moveTo>
                  <a:lnTo>
                    <a:pt x="562356" y="0"/>
                  </a:lnTo>
                  <a:lnTo>
                    <a:pt x="562356" y="4572"/>
                  </a:lnTo>
                  <a:lnTo>
                    <a:pt x="571500" y="4572"/>
                  </a:lnTo>
                  <a:lnTo>
                    <a:pt x="571500" y="0"/>
                  </a:lnTo>
                  <a:close/>
                </a:path>
                <a:path w="969644" h="5079">
                  <a:moveTo>
                    <a:pt x="585216" y="0"/>
                  </a:moveTo>
                  <a:lnTo>
                    <a:pt x="576072" y="0"/>
                  </a:lnTo>
                  <a:lnTo>
                    <a:pt x="576072" y="4572"/>
                  </a:lnTo>
                  <a:lnTo>
                    <a:pt x="585216" y="4572"/>
                  </a:lnTo>
                  <a:lnTo>
                    <a:pt x="585216" y="0"/>
                  </a:lnTo>
                  <a:close/>
                </a:path>
                <a:path w="969644" h="5079">
                  <a:moveTo>
                    <a:pt x="598932" y="0"/>
                  </a:moveTo>
                  <a:lnTo>
                    <a:pt x="589788" y="0"/>
                  </a:lnTo>
                  <a:lnTo>
                    <a:pt x="589788" y="4572"/>
                  </a:lnTo>
                  <a:lnTo>
                    <a:pt x="598932" y="4572"/>
                  </a:lnTo>
                  <a:lnTo>
                    <a:pt x="598932" y="0"/>
                  </a:lnTo>
                  <a:close/>
                </a:path>
                <a:path w="969644" h="5079">
                  <a:moveTo>
                    <a:pt x="612648" y="0"/>
                  </a:moveTo>
                  <a:lnTo>
                    <a:pt x="603504" y="0"/>
                  </a:lnTo>
                  <a:lnTo>
                    <a:pt x="603504" y="4572"/>
                  </a:lnTo>
                  <a:lnTo>
                    <a:pt x="612648" y="4572"/>
                  </a:lnTo>
                  <a:lnTo>
                    <a:pt x="612648" y="0"/>
                  </a:lnTo>
                  <a:close/>
                </a:path>
                <a:path w="969644" h="5079">
                  <a:moveTo>
                    <a:pt x="626364" y="0"/>
                  </a:moveTo>
                  <a:lnTo>
                    <a:pt x="617220" y="0"/>
                  </a:lnTo>
                  <a:lnTo>
                    <a:pt x="617220" y="4572"/>
                  </a:lnTo>
                  <a:lnTo>
                    <a:pt x="626364" y="4572"/>
                  </a:lnTo>
                  <a:lnTo>
                    <a:pt x="626364" y="0"/>
                  </a:lnTo>
                  <a:close/>
                </a:path>
                <a:path w="969644" h="5079">
                  <a:moveTo>
                    <a:pt x="640080" y="0"/>
                  </a:moveTo>
                  <a:lnTo>
                    <a:pt x="630936" y="0"/>
                  </a:lnTo>
                  <a:lnTo>
                    <a:pt x="630936" y="4572"/>
                  </a:lnTo>
                  <a:lnTo>
                    <a:pt x="640080" y="4572"/>
                  </a:lnTo>
                  <a:lnTo>
                    <a:pt x="640080" y="0"/>
                  </a:lnTo>
                  <a:close/>
                </a:path>
                <a:path w="969644" h="5079">
                  <a:moveTo>
                    <a:pt x="653796" y="0"/>
                  </a:moveTo>
                  <a:lnTo>
                    <a:pt x="644652" y="0"/>
                  </a:lnTo>
                  <a:lnTo>
                    <a:pt x="644652" y="4572"/>
                  </a:lnTo>
                  <a:lnTo>
                    <a:pt x="653796" y="4572"/>
                  </a:lnTo>
                  <a:lnTo>
                    <a:pt x="653796" y="0"/>
                  </a:lnTo>
                  <a:close/>
                </a:path>
                <a:path w="969644" h="5079">
                  <a:moveTo>
                    <a:pt x="667512" y="0"/>
                  </a:moveTo>
                  <a:lnTo>
                    <a:pt x="658368" y="0"/>
                  </a:lnTo>
                  <a:lnTo>
                    <a:pt x="658368" y="4572"/>
                  </a:lnTo>
                  <a:lnTo>
                    <a:pt x="667512" y="4572"/>
                  </a:lnTo>
                  <a:lnTo>
                    <a:pt x="667512" y="0"/>
                  </a:lnTo>
                  <a:close/>
                </a:path>
                <a:path w="969644" h="5079">
                  <a:moveTo>
                    <a:pt x="681228" y="0"/>
                  </a:moveTo>
                  <a:lnTo>
                    <a:pt x="672084" y="0"/>
                  </a:lnTo>
                  <a:lnTo>
                    <a:pt x="672084" y="4572"/>
                  </a:lnTo>
                  <a:lnTo>
                    <a:pt x="681228" y="4572"/>
                  </a:lnTo>
                  <a:lnTo>
                    <a:pt x="681228" y="0"/>
                  </a:lnTo>
                  <a:close/>
                </a:path>
                <a:path w="969644" h="5079">
                  <a:moveTo>
                    <a:pt x="694944" y="0"/>
                  </a:moveTo>
                  <a:lnTo>
                    <a:pt x="685800" y="0"/>
                  </a:lnTo>
                  <a:lnTo>
                    <a:pt x="685800" y="4572"/>
                  </a:lnTo>
                  <a:lnTo>
                    <a:pt x="694944" y="4572"/>
                  </a:lnTo>
                  <a:lnTo>
                    <a:pt x="694944" y="0"/>
                  </a:lnTo>
                  <a:close/>
                </a:path>
                <a:path w="969644" h="5079">
                  <a:moveTo>
                    <a:pt x="708660" y="0"/>
                  </a:moveTo>
                  <a:lnTo>
                    <a:pt x="699516" y="0"/>
                  </a:lnTo>
                  <a:lnTo>
                    <a:pt x="699516" y="4572"/>
                  </a:lnTo>
                  <a:lnTo>
                    <a:pt x="708660" y="4572"/>
                  </a:lnTo>
                  <a:lnTo>
                    <a:pt x="708660" y="0"/>
                  </a:lnTo>
                  <a:close/>
                </a:path>
                <a:path w="969644" h="5079">
                  <a:moveTo>
                    <a:pt x="722376" y="0"/>
                  </a:moveTo>
                  <a:lnTo>
                    <a:pt x="713232" y="0"/>
                  </a:lnTo>
                  <a:lnTo>
                    <a:pt x="713232" y="4572"/>
                  </a:lnTo>
                  <a:lnTo>
                    <a:pt x="722376" y="4572"/>
                  </a:lnTo>
                  <a:lnTo>
                    <a:pt x="722376" y="0"/>
                  </a:lnTo>
                  <a:close/>
                </a:path>
                <a:path w="969644" h="5079">
                  <a:moveTo>
                    <a:pt x="736092" y="0"/>
                  </a:moveTo>
                  <a:lnTo>
                    <a:pt x="726948" y="0"/>
                  </a:lnTo>
                  <a:lnTo>
                    <a:pt x="726948" y="4572"/>
                  </a:lnTo>
                  <a:lnTo>
                    <a:pt x="736092" y="4572"/>
                  </a:lnTo>
                  <a:lnTo>
                    <a:pt x="736092" y="0"/>
                  </a:lnTo>
                  <a:close/>
                </a:path>
                <a:path w="969644" h="5079">
                  <a:moveTo>
                    <a:pt x="749808" y="0"/>
                  </a:moveTo>
                  <a:lnTo>
                    <a:pt x="740664" y="0"/>
                  </a:lnTo>
                  <a:lnTo>
                    <a:pt x="740664" y="4572"/>
                  </a:lnTo>
                  <a:lnTo>
                    <a:pt x="749808" y="4572"/>
                  </a:lnTo>
                  <a:lnTo>
                    <a:pt x="749808" y="0"/>
                  </a:lnTo>
                  <a:close/>
                </a:path>
                <a:path w="969644" h="5079">
                  <a:moveTo>
                    <a:pt x="763524" y="0"/>
                  </a:moveTo>
                  <a:lnTo>
                    <a:pt x="754380" y="0"/>
                  </a:lnTo>
                  <a:lnTo>
                    <a:pt x="754380" y="4572"/>
                  </a:lnTo>
                  <a:lnTo>
                    <a:pt x="763524" y="4572"/>
                  </a:lnTo>
                  <a:lnTo>
                    <a:pt x="763524" y="0"/>
                  </a:lnTo>
                  <a:close/>
                </a:path>
                <a:path w="969644" h="5079">
                  <a:moveTo>
                    <a:pt x="777240" y="0"/>
                  </a:moveTo>
                  <a:lnTo>
                    <a:pt x="768096" y="0"/>
                  </a:lnTo>
                  <a:lnTo>
                    <a:pt x="768096" y="4572"/>
                  </a:lnTo>
                  <a:lnTo>
                    <a:pt x="777240" y="4572"/>
                  </a:lnTo>
                  <a:lnTo>
                    <a:pt x="777240" y="0"/>
                  </a:lnTo>
                  <a:close/>
                </a:path>
                <a:path w="969644" h="5079">
                  <a:moveTo>
                    <a:pt x="790956" y="0"/>
                  </a:moveTo>
                  <a:lnTo>
                    <a:pt x="781812" y="0"/>
                  </a:lnTo>
                  <a:lnTo>
                    <a:pt x="781812"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13" name="object 13"/>
            <p:cNvSpPr/>
            <p:nvPr/>
          </p:nvSpPr>
          <p:spPr>
            <a:xfrm>
              <a:off x="2325624" y="5975604"/>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43" y="0"/>
                  </a:moveTo>
                  <a:lnTo>
                    <a:pt x="932688" y="0"/>
                  </a:lnTo>
                  <a:lnTo>
                    <a:pt x="932688" y="4572"/>
                  </a:lnTo>
                  <a:lnTo>
                    <a:pt x="943343" y="4572"/>
                  </a:lnTo>
                  <a:lnTo>
                    <a:pt x="943343"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14" name="object 14"/>
            <p:cNvSpPr/>
            <p:nvPr/>
          </p:nvSpPr>
          <p:spPr>
            <a:xfrm>
              <a:off x="3285744" y="5975604"/>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35" y="0"/>
                  </a:lnTo>
                  <a:lnTo>
                    <a:pt x="41135"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600456" y="0"/>
                  </a:moveTo>
                  <a:lnTo>
                    <a:pt x="589788" y="0"/>
                  </a:lnTo>
                  <a:lnTo>
                    <a:pt x="589788" y="4572"/>
                  </a:lnTo>
                  <a:lnTo>
                    <a:pt x="600456" y="4572"/>
                  </a:lnTo>
                  <a:lnTo>
                    <a:pt x="600456" y="0"/>
                  </a:lnTo>
                  <a:close/>
                </a:path>
                <a:path w="969645" h="5079">
                  <a:moveTo>
                    <a:pt x="614172" y="0"/>
                  </a:moveTo>
                  <a:lnTo>
                    <a:pt x="603504" y="0"/>
                  </a:lnTo>
                  <a:lnTo>
                    <a:pt x="603504" y="4572"/>
                  </a:lnTo>
                  <a:lnTo>
                    <a:pt x="614172" y="4572"/>
                  </a:lnTo>
                  <a:lnTo>
                    <a:pt x="614172" y="0"/>
                  </a:lnTo>
                  <a:close/>
                </a:path>
                <a:path w="969645" h="5079">
                  <a:moveTo>
                    <a:pt x="627888" y="0"/>
                  </a:moveTo>
                  <a:lnTo>
                    <a:pt x="617220" y="0"/>
                  </a:lnTo>
                  <a:lnTo>
                    <a:pt x="617220" y="4572"/>
                  </a:lnTo>
                  <a:lnTo>
                    <a:pt x="627888" y="4572"/>
                  </a:lnTo>
                  <a:lnTo>
                    <a:pt x="627888" y="0"/>
                  </a:lnTo>
                  <a:close/>
                </a:path>
                <a:path w="969645" h="5079">
                  <a:moveTo>
                    <a:pt x="641604" y="0"/>
                  </a:moveTo>
                  <a:lnTo>
                    <a:pt x="630936" y="0"/>
                  </a:lnTo>
                  <a:lnTo>
                    <a:pt x="630936" y="4572"/>
                  </a:lnTo>
                  <a:lnTo>
                    <a:pt x="641604" y="4572"/>
                  </a:lnTo>
                  <a:lnTo>
                    <a:pt x="641604" y="0"/>
                  </a:lnTo>
                  <a:close/>
                </a:path>
                <a:path w="969645" h="5079">
                  <a:moveTo>
                    <a:pt x="655320" y="0"/>
                  </a:moveTo>
                  <a:lnTo>
                    <a:pt x="644652" y="0"/>
                  </a:lnTo>
                  <a:lnTo>
                    <a:pt x="644652" y="4572"/>
                  </a:lnTo>
                  <a:lnTo>
                    <a:pt x="655320" y="4572"/>
                  </a:lnTo>
                  <a:lnTo>
                    <a:pt x="655320" y="0"/>
                  </a:lnTo>
                  <a:close/>
                </a:path>
                <a:path w="969645" h="5079">
                  <a:moveTo>
                    <a:pt x="669036" y="0"/>
                  </a:moveTo>
                  <a:lnTo>
                    <a:pt x="658368" y="0"/>
                  </a:lnTo>
                  <a:lnTo>
                    <a:pt x="658368" y="4572"/>
                  </a:lnTo>
                  <a:lnTo>
                    <a:pt x="669036" y="4572"/>
                  </a:lnTo>
                  <a:lnTo>
                    <a:pt x="669036" y="0"/>
                  </a:lnTo>
                  <a:close/>
                </a:path>
                <a:path w="969645" h="5079">
                  <a:moveTo>
                    <a:pt x="682752" y="0"/>
                  </a:moveTo>
                  <a:lnTo>
                    <a:pt x="672084" y="0"/>
                  </a:lnTo>
                  <a:lnTo>
                    <a:pt x="672084" y="4572"/>
                  </a:lnTo>
                  <a:lnTo>
                    <a:pt x="682752" y="4572"/>
                  </a:lnTo>
                  <a:lnTo>
                    <a:pt x="682752" y="0"/>
                  </a:lnTo>
                  <a:close/>
                </a:path>
                <a:path w="969645" h="5079">
                  <a:moveTo>
                    <a:pt x="696468" y="0"/>
                  </a:moveTo>
                  <a:lnTo>
                    <a:pt x="685800" y="0"/>
                  </a:lnTo>
                  <a:lnTo>
                    <a:pt x="685800" y="4572"/>
                  </a:lnTo>
                  <a:lnTo>
                    <a:pt x="696468" y="4572"/>
                  </a:lnTo>
                  <a:lnTo>
                    <a:pt x="696468"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15" name="object 15"/>
            <p:cNvSpPr/>
            <p:nvPr/>
          </p:nvSpPr>
          <p:spPr>
            <a:xfrm>
              <a:off x="4245864" y="5975604"/>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2900" y="0"/>
                  </a:lnTo>
                  <a:lnTo>
                    <a:pt x="342900"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16" name="object 16"/>
            <p:cNvSpPr/>
            <p:nvPr/>
          </p:nvSpPr>
          <p:spPr>
            <a:xfrm>
              <a:off x="5204460" y="5975604"/>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17" name="object 17"/>
            <p:cNvSpPr/>
            <p:nvPr/>
          </p:nvSpPr>
          <p:spPr>
            <a:xfrm>
              <a:off x="6164580" y="5975604"/>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15" y="0"/>
                  </a:moveTo>
                  <a:lnTo>
                    <a:pt x="329184" y="0"/>
                  </a:lnTo>
                  <a:lnTo>
                    <a:pt x="329184" y="4572"/>
                  </a:lnTo>
                  <a:lnTo>
                    <a:pt x="338315" y="4572"/>
                  </a:lnTo>
                  <a:lnTo>
                    <a:pt x="338315" y="0"/>
                  </a:lnTo>
                  <a:close/>
                </a:path>
                <a:path w="969645" h="5079">
                  <a:moveTo>
                    <a:pt x="352044" y="0"/>
                  </a:moveTo>
                  <a:lnTo>
                    <a:pt x="342900" y="0"/>
                  </a:lnTo>
                  <a:lnTo>
                    <a:pt x="342900"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76" y="0"/>
                  </a:moveTo>
                  <a:lnTo>
                    <a:pt x="370319" y="0"/>
                  </a:lnTo>
                  <a:lnTo>
                    <a:pt x="370319" y="4572"/>
                  </a:lnTo>
                  <a:lnTo>
                    <a:pt x="379476" y="4572"/>
                  </a:lnTo>
                  <a:lnTo>
                    <a:pt x="379476"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67" y="0"/>
                  </a:lnTo>
                  <a:lnTo>
                    <a:pt x="411467"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43" y="0"/>
                  </a:moveTo>
                  <a:lnTo>
                    <a:pt x="438912" y="0"/>
                  </a:lnTo>
                  <a:lnTo>
                    <a:pt x="438912" y="4572"/>
                  </a:lnTo>
                  <a:lnTo>
                    <a:pt x="448043" y="4572"/>
                  </a:lnTo>
                  <a:lnTo>
                    <a:pt x="448043" y="0"/>
                  </a:lnTo>
                  <a:close/>
                </a:path>
                <a:path w="969645" h="5079">
                  <a:moveTo>
                    <a:pt x="461772" y="0"/>
                  </a:moveTo>
                  <a:lnTo>
                    <a:pt x="452615" y="0"/>
                  </a:lnTo>
                  <a:lnTo>
                    <a:pt x="452615"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191" y="0"/>
                  </a:moveTo>
                  <a:lnTo>
                    <a:pt x="480060" y="0"/>
                  </a:lnTo>
                  <a:lnTo>
                    <a:pt x="480060" y="4572"/>
                  </a:lnTo>
                  <a:lnTo>
                    <a:pt x="489191" y="4572"/>
                  </a:lnTo>
                  <a:lnTo>
                    <a:pt x="489191"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18" name="object 18"/>
            <p:cNvSpPr/>
            <p:nvPr/>
          </p:nvSpPr>
          <p:spPr>
            <a:xfrm>
              <a:off x="7123175" y="5975604"/>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19" name="object 19"/>
            <p:cNvSpPr/>
            <p:nvPr/>
          </p:nvSpPr>
          <p:spPr>
            <a:xfrm>
              <a:off x="8083296" y="5975604"/>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600456" y="0"/>
                  </a:moveTo>
                  <a:lnTo>
                    <a:pt x="589788" y="0"/>
                  </a:lnTo>
                  <a:lnTo>
                    <a:pt x="589788" y="4572"/>
                  </a:lnTo>
                  <a:lnTo>
                    <a:pt x="600456" y="4572"/>
                  </a:lnTo>
                  <a:lnTo>
                    <a:pt x="600456" y="0"/>
                  </a:lnTo>
                  <a:close/>
                </a:path>
                <a:path w="969645" h="5079">
                  <a:moveTo>
                    <a:pt x="614172" y="0"/>
                  </a:moveTo>
                  <a:lnTo>
                    <a:pt x="603504" y="0"/>
                  </a:lnTo>
                  <a:lnTo>
                    <a:pt x="603504" y="4572"/>
                  </a:lnTo>
                  <a:lnTo>
                    <a:pt x="614172" y="4572"/>
                  </a:lnTo>
                  <a:lnTo>
                    <a:pt x="614172" y="0"/>
                  </a:lnTo>
                  <a:close/>
                </a:path>
                <a:path w="969645" h="5079">
                  <a:moveTo>
                    <a:pt x="627888" y="0"/>
                  </a:moveTo>
                  <a:lnTo>
                    <a:pt x="617220" y="0"/>
                  </a:lnTo>
                  <a:lnTo>
                    <a:pt x="617220" y="4572"/>
                  </a:lnTo>
                  <a:lnTo>
                    <a:pt x="627888" y="4572"/>
                  </a:lnTo>
                  <a:lnTo>
                    <a:pt x="627888" y="0"/>
                  </a:lnTo>
                  <a:close/>
                </a:path>
                <a:path w="969645" h="5079">
                  <a:moveTo>
                    <a:pt x="641604" y="0"/>
                  </a:moveTo>
                  <a:lnTo>
                    <a:pt x="630936" y="0"/>
                  </a:lnTo>
                  <a:lnTo>
                    <a:pt x="630936" y="4572"/>
                  </a:lnTo>
                  <a:lnTo>
                    <a:pt x="641604" y="4572"/>
                  </a:lnTo>
                  <a:lnTo>
                    <a:pt x="641604" y="0"/>
                  </a:lnTo>
                  <a:close/>
                </a:path>
                <a:path w="969645" h="5079">
                  <a:moveTo>
                    <a:pt x="655320" y="0"/>
                  </a:moveTo>
                  <a:lnTo>
                    <a:pt x="644652" y="0"/>
                  </a:lnTo>
                  <a:lnTo>
                    <a:pt x="644652" y="4572"/>
                  </a:lnTo>
                  <a:lnTo>
                    <a:pt x="655320" y="4572"/>
                  </a:lnTo>
                  <a:lnTo>
                    <a:pt x="655320" y="0"/>
                  </a:lnTo>
                  <a:close/>
                </a:path>
                <a:path w="969645" h="5079">
                  <a:moveTo>
                    <a:pt x="669036" y="0"/>
                  </a:moveTo>
                  <a:lnTo>
                    <a:pt x="658368" y="0"/>
                  </a:lnTo>
                  <a:lnTo>
                    <a:pt x="658368" y="4572"/>
                  </a:lnTo>
                  <a:lnTo>
                    <a:pt x="669036" y="4572"/>
                  </a:lnTo>
                  <a:lnTo>
                    <a:pt x="669036" y="0"/>
                  </a:lnTo>
                  <a:close/>
                </a:path>
                <a:path w="969645" h="5079">
                  <a:moveTo>
                    <a:pt x="682752" y="0"/>
                  </a:moveTo>
                  <a:lnTo>
                    <a:pt x="672084" y="0"/>
                  </a:lnTo>
                  <a:lnTo>
                    <a:pt x="672084" y="4572"/>
                  </a:lnTo>
                  <a:lnTo>
                    <a:pt x="682752" y="4572"/>
                  </a:lnTo>
                  <a:lnTo>
                    <a:pt x="682752" y="0"/>
                  </a:lnTo>
                  <a:close/>
                </a:path>
                <a:path w="969645" h="5079">
                  <a:moveTo>
                    <a:pt x="696468" y="0"/>
                  </a:moveTo>
                  <a:lnTo>
                    <a:pt x="685800" y="0"/>
                  </a:lnTo>
                  <a:lnTo>
                    <a:pt x="685800" y="4572"/>
                  </a:lnTo>
                  <a:lnTo>
                    <a:pt x="696468" y="4572"/>
                  </a:lnTo>
                  <a:lnTo>
                    <a:pt x="696468" y="0"/>
                  </a:lnTo>
                  <a:close/>
                </a:path>
                <a:path w="969645" h="5079">
                  <a:moveTo>
                    <a:pt x="710184" y="0"/>
                  </a:moveTo>
                  <a:lnTo>
                    <a:pt x="699516" y="0"/>
                  </a:lnTo>
                  <a:lnTo>
                    <a:pt x="699516" y="4572"/>
                  </a:lnTo>
                  <a:lnTo>
                    <a:pt x="710184" y="4572"/>
                  </a:lnTo>
                  <a:lnTo>
                    <a:pt x="710184" y="0"/>
                  </a:lnTo>
                  <a:close/>
                </a:path>
                <a:path w="969645" h="5079">
                  <a:moveTo>
                    <a:pt x="723900" y="0"/>
                  </a:moveTo>
                  <a:lnTo>
                    <a:pt x="713232" y="0"/>
                  </a:lnTo>
                  <a:lnTo>
                    <a:pt x="713232" y="4572"/>
                  </a:lnTo>
                  <a:lnTo>
                    <a:pt x="723900" y="4572"/>
                  </a:lnTo>
                  <a:lnTo>
                    <a:pt x="723900" y="0"/>
                  </a:lnTo>
                  <a:close/>
                </a:path>
                <a:path w="969645" h="5079">
                  <a:moveTo>
                    <a:pt x="737616" y="0"/>
                  </a:moveTo>
                  <a:lnTo>
                    <a:pt x="726948" y="0"/>
                  </a:lnTo>
                  <a:lnTo>
                    <a:pt x="726948" y="4572"/>
                  </a:lnTo>
                  <a:lnTo>
                    <a:pt x="737616" y="4572"/>
                  </a:lnTo>
                  <a:lnTo>
                    <a:pt x="737616" y="0"/>
                  </a:lnTo>
                  <a:close/>
                </a:path>
                <a:path w="969645" h="5079">
                  <a:moveTo>
                    <a:pt x="751332" y="0"/>
                  </a:moveTo>
                  <a:lnTo>
                    <a:pt x="740664" y="0"/>
                  </a:lnTo>
                  <a:lnTo>
                    <a:pt x="740664" y="4572"/>
                  </a:lnTo>
                  <a:lnTo>
                    <a:pt x="751332" y="4572"/>
                  </a:lnTo>
                  <a:lnTo>
                    <a:pt x="751332" y="0"/>
                  </a:lnTo>
                  <a:close/>
                </a:path>
                <a:path w="969645" h="5079">
                  <a:moveTo>
                    <a:pt x="765048" y="0"/>
                  </a:moveTo>
                  <a:lnTo>
                    <a:pt x="754380" y="0"/>
                  </a:lnTo>
                  <a:lnTo>
                    <a:pt x="754380" y="4572"/>
                  </a:lnTo>
                  <a:lnTo>
                    <a:pt x="765048" y="4572"/>
                  </a:lnTo>
                  <a:lnTo>
                    <a:pt x="765048" y="0"/>
                  </a:lnTo>
                  <a:close/>
                </a:path>
                <a:path w="969645" h="5079">
                  <a:moveTo>
                    <a:pt x="778764" y="0"/>
                  </a:moveTo>
                  <a:lnTo>
                    <a:pt x="768096" y="0"/>
                  </a:lnTo>
                  <a:lnTo>
                    <a:pt x="768096" y="4572"/>
                  </a:lnTo>
                  <a:lnTo>
                    <a:pt x="778764" y="4572"/>
                  </a:lnTo>
                  <a:lnTo>
                    <a:pt x="778764"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20" name="object 20"/>
            <p:cNvSpPr/>
            <p:nvPr/>
          </p:nvSpPr>
          <p:spPr>
            <a:xfrm>
              <a:off x="406908" y="5495543"/>
              <a:ext cx="9052560" cy="485140"/>
            </a:xfrm>
            <a:custGeom>
              <a:avLst/>
              <a:gdLst/>
              <a:ahLst/>
              <a:cxnLst/>
              <a:rect l="l" t="t" r="r" b="b"/>
              <a:pathLst>
                <a:path w="9052560" h="485139">
                  <a:moveTo>
                    <a:pt x="10668" y="0"/>
                  </a:moveTo>
                  <a:lnTo>
                    <a:pt x="0" y="0"/>
                  </a:lnTo>
                  <a:lnTo>
                    <a:pt x="0" y="4572"/>
                  </a:lnTo>
                  <a:lnTo>
                    <a:pt x="10668" y="4572"/>
                  </a:lnTo>
                  <a:lnTo>
                    <a:pt x="10668" y="0"/>
                  </a:lnTo>
                  <a:close/>
                </a:path>
                <a:path w="9052560" h="485139">
                  <a:moveTo>
                    <a:pt x="24384" y="0"/>
                  </a:moveTo>
                  <a:lnTo>
                    <a:pt x="13716" y="0"/>
                  </a:lnTo>
                  <a:lnTo>
                    <a:pt x="13716" y="4572"/>
                  </a:lnTo>
                  <a:lnTo>
                    <a:pt x="24384" y="4572"/>
                  </a:lnTo>
                  <a:lnTo>
                    <a:pt x="24384" y="0"/>
                  </a:lnTo>
                  <a:close/>
                </a:path>
                <a:path w="9052560" h="485139">
                  <a:moveTo>
                    <a:pt x="38100" y="0"/>
                  </a:moveTo>
                  <a:lnTo>
                    <a:pt x="27432" y="0"/>
                  </a:lnTo>
                  <a:lnTo>
                    <a:pt x="27432" y="4572"/>
                  </a:lnTo>
                  <a:lnTo>
                    <a:pt x="38100" y="4572"/>
                  </a:lnTo>
                  <a:lnTo>
                    <a:pt x="38100" y="0"/>
                  </a:lnTo>
                  <a:close/>
                </a:path>
                <a:path w="9052560" h="485139">
                  <a:moveTo>
                    <a:pt x="51816" y="0"/>
                  </a:moveTo>
                  <a:lnTo>
                    <a:pt x="41148" y="0"/>
                  </a:lnTo>
                  <a:lnTo>
                    <a:pt x="41148" y="4572"/>
                  </a:lnTo>
                  <a:lnTo>
                    <a:pt x="51816" y="4572"/>
                  </a:lnTo>
                  <a:lnTo>
                    <a:pt x="51816" y="0"/>
                  </a:lnTo>
                  <a:close/>
                </a:path>
                <a:path w="9052560" h="485139">
                  <a:moveTo>
                    <a:pt x="65532" y="0"/>
                  </a:moveTo>
                  <a:lnTo>
                    <a:pt x="54864" y="0"/>
                  </a:lnTo>
                  <a:lnTo>
                    <a:pt x="54864" y="4572"/>
                  </a:lnTo>
                  <a:lnTo>
                    <a:pt x="65532" y="4572"/>
                  </a:lnTo>
                  <a:lnTo>
                    <a:pt x="65532" y="0"/>
                  </a:lnTo>
                  <a:close/>
                </a:path>
                <a:path w="9052560" h="485139">
                  <a:moveTo>
                    <a:pt x="79248" y="0"/>
                  </a:moveTo>
                  <a:lnTo>
                    <a:pt x="68580" y="0"/>
                  </a:lnTo>
                  <a:lnTo>
                    <a:pt x="68580" y="4572"/>
                  </a:lnTo>
                  <a:lnTo>
                    <a:pt x="79248" y="4572"/>
                  </a:lnTo>
                  <a:lnTo>
                    <a:pt x="79248" y="0"/>
                  </a:lnTo>
                  <a:close/>
                </a:path>
                <a:path w="9052560" h="485139">
                  <a:moveTo>
                    <a:pt x="92964" y="0"/>
                  </a:moveTo>
                  <a:lnTo>
                    <a:pt x="82296" y="0"/>
                  </a:lnTo>
                  <a:lnTo>
                    <a:pt x="82296" y="4572"/>
                  </a:lnTo>
                  <a:lnTo>
                    <a:pt x="92964" y="4572"/>
                  </a:lnTo>
                  <a:lnTo>
                    <a:pt x="92964" y="0"/>
                  </a:lnTo>
                  <a:close/>
                </a:path>
                <a:path w="9052560" h="485139">
                  <a:moveTo>
                    <a:pt x="106680" y="0"/>
                  </a:moveTo>
                  <a:lnTo>
                    <a:pt x="96012" y="0"/>
                  </a:lnTo>
                  <a:lnTo>
                    <a:pt x="96012" y="4572"/>
                  </a:lnTo>
                  <a:lnTo>
                    <a:pt x="106680" y="4572"/>
                  </a:lnTo>
                  <a:lnTo>
                    <a:pt x="106680" y="0"/>
                  </a:lnTo>
                  <a:close/>
                </a:path>
                <a:path w="9052560" h="485139">
                  <a:moveTo>
                    <a:pt x="120396" y="0"/>
                  </a:moveTo>
                  <a:lnTo>
                    <a:pt x="109728" y="0"/>
                  </a:lnTo>
                  <a:lnTo>
                    <a:pt x="109728" y="4572"/>
                  </a:lnTo>
                  <a:lnTo>
                    <a:pt x="120396" y="4572"/>
                  </a:lnTo>
                  <a:lnTo>
                    <a:pt x="120396" y="0"/>
                  </a:lnTo>
                  <a:close/>
                </a:path>
                <a:path w="9052560" h="485139">
                  <a:moveTo>
                    <a:pt x="134112" y="0"/>
                  </a:moveTo>
                  <a:lnTo>
                    <a:pt x="123444" y="0"/>
                  </a:lnTo>
                  <a:lnTo>
                    <a:pt x="123444" y="4572"/>
                  </a:lnTo>
                  <a:lnTo>
                    <a:pt x="134112" y="4572"/>
                  </a:lnTo>
                  <a:lnTo>
                    <a:pt x="134112" y="0"/>
                  </a:lnTo>
                  <a:close/>
                </a:path>
                <a:path w="9052560" h="485139">
                  <a:moveTo>
                    <a:pt x="147828" y="0"/>
                  </a:moveTo>
                  <a:lnTo>
                    <a:pt x="137160" y="0"/>
                  </a:lnTo>
                  <a:lnTo>
                    <a:pt x="137160" y="4572"/>
                  </a:lnTo>
                  <a:lnTo>
                    <a:pt x="147828" y="4572"/>
                  </a:lnTo>
                  <a:lnTo>
                    <a:pt x="147828" y="0"/>
                  </a:lnTo>
                  <a:close/>
                </a:path>
                <a:path w="9052560" h="485139">
                  <a:moveTo>
                    <a:pt x="161544" y="0"/>
                  </a:moveTo>
                  <a:lnTo>
                    <a:pt x="150876" y="0"/>
                  </a:lnTo>
                  <a:lnTo>
                    <a:pt x="150876" y="4572"/>
                  </a:lnTo>
                  <a:lnTo>
                    <a:pt x="161544" y="4572"/>
                  </a:lnTo>
                  <a:lnTo>
                    <a:pt x="161544" y="0"/>
                  </a:lnTo>
                  <a:close/>
                </a:path>
                <a:path w="9052560" h="485139">
                  <a:moveTo>
                    <a:pt x="175260" y="0"/>
                  </a:moveTo>
                  <a:lnTo>
                    <a:pt x="164592" y="0"/>
                  </a:lnTo>
                  <a:lnTo>
                    <a:pt x="164592" y="4572"/>
                  </a:lnTo>
                  <a:lnTo>
                    <a:pt x="175260" y="4572"/>
                  </a:lnTo>
                  <a:lnTo>
                    <a:pt x="175260" y="0"/>
                  </a:lnTo>
                  <a:close/>
                </a:path>
                <a:path w="9052560" h="485139">
                  <a:moveTo>
                    <a:pt x="188976" y="0"/>
                  </a:moveTo>
                  <a:lnTo>
                    <a:pt x="178308" y="0"/>
                  </a:lnTo>
                  <a:lnTo>
                    <a:pt x="178308" y="4572"/>
                  </a:lnTo>
                  <a:lnTo>
                    <a:pt x="188976" y="4572"/>
                  </a:lnTo>
                  <a:lnTo>
                    <a:pt x="188976" y="0"/>
                  </a:lnTo>
                  <a:close/>
                </a:path>
                <a:path w="9052560" h="485139">
                  <a:moveTo>
                    <a:pt x="202692" y="0"/>
                  </a:moveTo>
                  <a:lnTo>
                    <a:pt x="192024" y="0"/>
                  </a:lnTo>
                  <a:lnTo>
                    <a:pt x="192024" y="4572"/>
                  </a:lnTo>
                  <a:lnTo>
                    <a:pt x="202692" y="4572"/>
                  </a:lnTo>
                  <a:lnTo>
                    <a:pt x="202692" y="0"/>
                  </a:lnTo>
                  <a:close/>
                </a:path>
                <a:path w="9052560" h="485139">
                  <a:moveTo>
                    <a:pt x="216408" y="0"/>
                  </a:moveTo>
                  <a:lnTo>
                    <a:pt x="205740" y="0"/>
                  </a:lnTo>
                  <a:lnTo>
                    <a:pt x="205740" y="4572"/>
                  </a:lnTo>
                  <a:lnTo>
                    <a:pt x="216408" y="4572"/>
                  </a:lnTo>
                  <a:lnTo>
                    <a:pt x="216408" y="0"/>
                  </a:lnTo>
                  <a:close/>
                </a:path>
                <a:path w="9052560" h="485139">
                  <a:moveTo>
                    <a:pt x="230124" y="0"/>
                  </a:moveTo>
                  <a:lnTo>
                    <a:pt x="219456" y="0"/>
                  </a:lnTo>
                  <a:lnTo>
                    <a:pt x="219456" y="4572"/>
                  </a:lnTo>
                  <a:lnTo>
                    <a:pt x="230124" y="4572"/>
                  </a:lnTo>
                  <a:lnTo>
                    <a:pt x="230124" y="0"/>
                  </a:lnTo>
                  <a:close/>
                </a:path>
                <a:path w="9052560" h="485139">
                  <a:moveTo>
                    <a:pt x="243840" y="0"/>
                  </a:moveTo>
                  <a:lnTo>
                    <a:pt x="233172" y="0"/>
                  </a:lnTo>
                  <a:lnTo>
                    <a:pt x="233172" y="4572"/>
                  </a:lnTo>
                  <a:lnTo>
                    <a:pt x="243840" y="4572"/>
                  </a:lnTo>
                  <a:lnTo>
                    <a:pt x="243840" y="0"/>
                  </a:lnTo>
                  <a:close/>
                </a:path>
                <a:path w="9052560" h="485139">
                  <a:moveTo>
                    <a:pt x="257556" y="0"/>
                  </a:moveTo>
                  <a:lnTo>
                    <a:pt x="246888" y="0"/>
                  </a:lnTo>
                  <a:lnTo>
                    <a:pt x="246888" y="4572"/>
                  </a:lnTo>
                  <a:lnTo>
                    <a:pt x="257556" y="4572"/>
                  </a:lnTo>
                  <a:lnTo>
                    <a:pt x="257556" y="0"/>
                  </a:lnTo>
                  <a:close/>
                </a:path>
                <a:path w="9052560" h="485139">
                  <a:moveTo>
                    <a:pt x="271272" y="0"/>
                  </a:moveTo>
                  <a:lnTo>
                    <a:pt x="260604" y="0"/>
                  </a:lnTo>
                  <a:lnTo>
                    <a:pt x="260604" y="4572"/>
                  </a:lnTo>
                  <a:lnTo>
                    <a:pt x="271272" y="4572"/>
                  </a:lnTo>
                  <a:lnTo>
                    <a:pt x="271272" y="0"/>
                  </a:lnTo>
                  <a:close/>
                </a:path>
                <a:path w="9052560" h="485139">
                  <a:moveTo>
                    <a:pt x="284988" y="0"/>
                  </a:moveTo>
                  <a:lnTo>
                    <a:pt x="274320" y="0"/>
                  </a:lnTo>
                  <a:lnTo>
                    <a:pt x="274320" y="4572"/>
                  </a:lnTo>
                  <a:lnTo>
                    <a:pt x="284988" y="4572"/>
                  </a:lnTo>
                  <a:lnTo>
                    <a:pt x="284988" y="0"/>
                  </a:lnTo>
                  <a:close/>
                </a:path>
                <a:path w="9052560" h="485139">
                  <a:moveTo>
                    <a:pt x="298704" y="0"/>
                  </a:moveTo>
                  <a:lnTo>
                    <a:pt x="288036" y="0"/>
                  </a:lnTo>
                  <a:lnTo>
                    <a:pt x="288036" y="4572"/>
                  </a:lnTo>
                  <a:lnTo>
                    <a:pt x="298704" y="4572"/>
                  </a:lnTo>
                  <a:lnTo>
                    <a:pt x="298704" y="0"/>
                  </a:lnTo>
                  <a:close/>
                </a:path>
                <a:path w="9052560" h="485139">
                  <a:moveTo>
                    <a:pt x="312420" y="0"/>
                  </a:moveTo>
                  <a:lnTo>
                    <a:pt x="301752" y="0"/>
                  </a:lnTo>
                  <a:lnTo>
                    <a:pt x="301752" y="4572"/>
                  </a:lnTo>
                  <a:lnTo>
                    <a:pt x="312420" y="4572"/>
                  </a:lnTo>
                  <a:lnTo>
                    <a:pt x="312420" y="0"/>
                  </a:lnTo>
                  <a:close/>
                </a:path>
                <a:path w="9052560" h="485139">
                  <a:moveTo>
                    <a:pt x="326136" y="0"/>
                  </a:moveTo>
                  <a:lnTo>
                    <a:pt x="315468" y="0"/>
                  </a:lnTo>
                  <a:lnTo>
                    <a:pt x="315468" y="4572"/>
                  </a:lnTo>
                  <a:lnTo>
                    <a:pt x="326136" y="4572"/>
                  </a:lnTo>
                  <a:lnTo>
                    <a:pt x="326136" y="0"/>
                  </a:lnTo>
                  <a:close/>
                </a:path>
                <a:path w="9052560" h="485139">
                  <a:moveTo>
                    <a:pt x="339852" y="0"/>
                  </a:moveTo>
                  <a:lnTo>
                    <a:pt x="329184" y="0"/>
                  </a:lnTo>
                  <a:lnTo>
                    <a:pt x="329184" y="4572"/>
                  </a:lnTo>
                  <a:lnTo>
                    <a:pt x="339852" y="4572"/>
                  </a:lnTo>
                  <a:lnTo>
                    <a:pt x="339852" y="0"/>
                  </a:lnTo>
                  <a:close/>
                </a:path>
                <a:path w="9052560" h="485139">
                  <a:moveTo>
                    <a:pt x="353568" y="0"/>
                  </a:moveTo>
                  <a:lnTo>
                    <a:pt x="342900" y="0"/>
                  </a:lnTo>
                  <a:lnTo>
                    <a:pt x="342900" y="4572"/>
                  </a:lnTo>
                  <a:lnTo>
                    <a:pt x="353568" y="4572"/>
                  </a:lnTo>
                  <a:lnTo>
                    <a:pt x="353568" y="0"/>
                  </a:lnTo>
                  <a:close/>
                </a:path>
                <a:path w="9052560" h="485139">
                  <a:moveTo>
                    <a:pt x="367284" y="0"/>
                  </a:moveTo>
                  <a:lnTo>
                    <a:pt x="356616" y="0"/>
                  </a:lnTo>
                  <a:lnTo>
                    <a:pt x="356616" y="4572"/>
                  </a:lnTo>
                  <a:lnTo>
                    <a:pt x="367284" y="4572"/>
                  </a:lnTo>
                  <a:lnTo>
                    <a:pt x="367284" y="0"/>
                  </a:lnTo>
                  <a:close/>
                </a:path>
                <a:path w="9052560" h="485139">
                  <a:moveTo>
                    <a:pt x="381000" y="0"/>
                  </a:moveTo>
                  <a:lnTo>
                    <a:pt x="370332" y="0"/>
                  </a:lnTo>
                  <a:lnTo>
                    <a:pt x="370332" y="4572"/>
                  </a:lnTo>
                  <a:lnTo>
                    <a:pt x="381000" y="4572"/>
                  </a:lnTo>
                  <a:lnTo>
                    <a:pt x="381000" y="0"/>
                  </a:lnTo>
                  <a:close/>
                </a:path>
                <a:path w="9052560" h="485139">
                  <a:moveTo>
                    <a:pt x="394716" y="0"/>
                  </a:moveTo>
                  <a:lnTo>
                    <a:pt x="384048" y="0"/>
                  </a:lnTo>
                  <a:lnTo>
                    <a:pt x="384048" y="4572"/>
                  </a:lnTo>
                  <a:lnTo>
                    <a:pt x="394716" y="4572"/>
                  </a:lnTo>
                  <a:lnTo>
                    <a:pt x="394716" y="0"/>
                  </a:lnTo>
                  <a:close/>
                </a:path>
                <a:path w="9052560" h="485139">
                  <a:moveTo>
                    <a:pt x="408432" y="0"/>
                  </a:moveTo>
                  <a:lnTo>
                    <a:pt x="397764" y="0"/>
                  </a:lnTo>
                  <a:lnTo>
                    <a:pt x="397764" y="4572"/>
                  </a:lnTo>
                  <a:lnTo>
                    <a:pt x="408432" y="4572"/>
                  </a:lnTo>
                  <a:lnTo>
                    <a:pt x="408432" y="0"/>
                  </a:lnTo>
                  <a:close/>
                </a:path>
                <a:path w="9052560" h="485139">
                  <a:moveTo>
                    <a:pt x="422148" y="0"/>
                  </a:moveTo>
                  <a:lnTo>
                    <a:pt x="411480" y="0"/>
                  </a:lnTo>
                  <a:lnTo>
                    <a:pt x="411480" y="4572"/>
                  </a:lnTo>
                  <a:lnTo>
                    <a:pt x="422148" y="4572"/>
                  </a:lnTo>
                  <a:lnTo>
                    <a:pt x="422148" y="0"/>
                  </a:lnTo>
                  <a:close/>
                </a:path>
                <a:path w="9052560" h="485139">
                  <a:moveTo>
                    <a:pt x="435864" y="0"/>
                  </a:moveTo>
                  <a:lnTo>
                    <a:pt x="425183" y="0"/>
                  </a:lnTo>
                  <a:lnTo>
                    <a:pt x="425183" y="4572"/>
                  </a:lnTo>
                  <a:lnTo>
                    <a:pt x="435864" y="4572"/>
                  </a:lnTo>
                  <a:lnTo>
                    <a:pt x="435864" y="0"/>
                  </a:lnTo>
                  <a:close/>
                </a:path>
                <a:path w="9052560" h="485139">
                  <a:moveTo>
                    <a:pt x="449580" y="0"/>
                  </a:moveTo>
                  <a:lnTo>
                    <a:pt x="438912" y="0"/>
                  </a:lnTo>
                  <a:lnTo>
                    <a:pt x="438912" y="4572"/>
                  </a:lnTo>
                  <a:lnTo>
                    <a:pt x="449580" y="4572"/>
                  </a:lnTo>
                  <a:lnTo>
                    <a:pt x="449580" y="0"/>
                  </a:lnTo>
                  <a:close/>
                </a:path>
                <a:path w="9052560" h="485139">
                  <a:moveTo>
                    <a:pt x="463296" y="0"/>
                  </a:moveTo>
                  <a:lnTo>
                    <a:pt x="452628" y="0"/>
                  </a:lnTo>
                  <a:lnTo>
                    <a:pt x="452628" y="4572"/>
                  </a:lnTo>
                  <a:lnTo>
                    <a:pt x="463296" y="4572"/>
                  </a:lnTo>
                  <a:lnTo>
                    <a:pt x="463296" y="0"/>
                  </a:lnTo>
                  <a:close/>
                </a:path>
                <a:path w="9052560" h="485139">
                  <a:moveTo>
                    <a:pt x="477012" y="0"/>
                  </a:moveTo>
                  <a:lnTo>
                    <a:pt x="466344" y="0"/>
                  </a:lnTo>
                  <a:lnTo>
                    <a:pt x="466344" y="4572"/>
                  </a:lnTo>
                  <a:lnTo>
                    <a:pt x="477012" y="4572"/>
                  </a:lnTo>
                  <a:lnTo>
                    <a:pt x="477012" y="0"/>
                  </a:lnTo>
                  <a:close/>
                </a:path>
                <a:path w="9052560" h="485139">
                  <a:moveTo>
                    <a:pt x="490728" y="0"/>
                  </a:moveTo>
                  <a:lnTo>
                    <a:pt x="480060" y="0"/>
                  </a:lnTo>
                  <a:lnTo>
                    <a:pt x="480060" y="4572"/>
                  </a:lnTo>
                  <a:lnTo>
                    <a:pt x="490728" y="4572"/>
                  </a:lnTo>
                  <a:lnTo>
                    <a:pt x="490728" y="0"/>
                  </a:lnTo>
                  <a:close/>
                </a:path>
                <a:path w="9052560" h="485139">
                  <a:moveTo>
                    <a:pt x="504444" y="0"/>
                  </a:moveTo>
                  <a:lnTo>
                    <a:pt x="493776" y="0"/>
                  </a:lnTo>
                  <a:lnTo>
                    <a:pt x="493776" y="4572"/>
                  </a:lnTo>
                  <a:lnTo>
                    <a:pt x="504444" y="4572"/>
                  </a:lnTo>
                  <a:lnTo>
                    <a:pt x="504444" y="0"/>
                  </a:lnTo>
                  <a:close/>
                </a:path>
                <a:path w="9052560" h="485139">
                  <a:moveTo>
                    <a:pt x="518160" y="0"/>
                  </a:moveTo>
                  <a:lnTo>
                    <a:pt x="507492" y="0"/>
                  </a:lnTo>
                  <a:lnTo>
                    <a:pt x="507492" y="4572"/>
                  </a:lnTo>
                  <a:lnTo>
                    <a:pt x="518160" y="4572"/>
                  </a:lnTo>
                  <a:lnTo>
                    <a:pt x="518160" y="0"/>
                  </a:lnTo>
                  <a:close/>
                </a:path>
                <a:path w="9052560" h="485139">
                  <a:moveTo>
                    <a:pt x="531876" y="0"/>
                  </a:moveTo>
                  <a:lnTo>
                    <a:pt x="521208" y="0"/>
                  </a:lnTo>
                  <a:lnTo>
                    <a:pt x="521208" y="4572"/>
                  </a:lnTo>
                  <a:lnTo>
                    <a:pt x="531876" y="4572"/>
                  </a:lnTo>
                  <a:lnTo>
                    <a:pt x="531876" y="0"/>
                  </a:lnTo>
                  <a:close/>
                </a:path>
                <a:path w="9052560" h="485139">
                  <a:moveTo>
                    <a:pt x="545592" y="0"/>
                  </a:moveTo>
                  <a:lnTo>
                    <a:pt x="534924" y="0"/>
                  </a:lnTo>
                  <a:lnTo>
                    <a:pt x="534924" y="4572"/>
                  </a:lnTo>
                  <a:lnTo>
                    <a:pt x="545592" y="4572"/>
                  </a:lnTo>
                  <a:lnTo>
                    <a:pt x="545592" y="0"/>
                  </a:lnTo>
                  <a:close/>
                </a:path>
                <a:path w="9052560" h="485139">
                  <a:moveTo>
                    <a:pt x="8645652" y="480060"/>
                  </a:moveTo>
                  <a:lnTo>
                    <a:pt x="8636508" y="480060"/>
                  </a:lnTo>
                  <a:lnTo>
                    <a:pt x="8636508" y="484632"/>
                  </a:lnTo>
                  <a:lnTo>
                    <a:pt x="8645652" y="484632"/>
                  </a:lnTo>
                  <a:lnTo>
                    <a:pt x="8645652" y="480060"/>
                  </a:lnTo>
                  <a:close/>
                </a:path>
                <a:path w="9052560" h="485139">
                  <a:moveTo>
                    <a:pt x="8659368" y="480060"/>
                  </a:moveTo>
                  <a:lnTo>
                    <a:pt x="8650224" y="480060"/>
                  </a:lnTo>
                  <a:lnTo>
                    <a:pt x="8650224" y="484632"/>
                  </a:lnTo>
                  <a:lnTo>
                    <a:pt x="8659368" y="484632"/>
                  </a:lnTo>
                  <a:lnTo>
                    <a:pt x="8659368" y="480060"/>
                  </a:lnTo>
                  <a:close/>
                </a:path>
                <a:path w="9052560" h="485139">
                  <a:moveTo>
                    <a:pt x="8673084" y="480060"/>
                  </a:moveTo>
                  <a:lnTo>
                    <a:pt x="8663940" y="480060"/>
                  </a:lnTo>
                  <a:lnTo>
                    <a:pt x="8663940" y="484632"/>
                  </a:lnTo>
                  <a:lnTo>
                    <a:pt x="8673084" y="484632"/>
                  </a:lnTo>
                  <a:lnTo>
                    <a:pt x="8673084" y="480060"/>
                  </a:lnTo>
                  <a:close/>
                </a:path>
                <a:path w="9052560" h="485139">
                  <a:moveTo>
                    <a:pt x="8686800" y="480060"/>
                  </a:moveTo>
                  <a:lnTo>
                    <a:pt x="8677656" y="480060"/>
                  </a:lnTo>
                  <a:lnTo>
                    <a:pt x="8677656" y="484632"/>
                  </a:lnTo>
                  <a:lnTo>
                    <a:pt x="8686800" y="484632"/>
                  </a:lnTo>
                  <a:lnTo>
                    <a:pt x="8686800" y="480060"/>
                  </a:lnTo>
                  <a:close/>
                </a:path>
                <a:path w="9052560" h="485139">
                  <a:moveTo>
                    <a:pt x="8700516" y="480060"/>
                  </a:moveTo>
                  <a:lnTo>
                    <a:pt x="8691372" y="480060"/>
                  </a:lnTo>
                  <a:lnTo>
                    <a:pt x="8691372" y="484632"/>
                  </a:lnTo>
                  <a:lnTo>
                    <a:pt x="8700516" y="484632"/>
                  </a:lnTo>
                  <a:lnTo>
                    <a:pt x="8700516" y="480060"/>
                  </a:lnTo>
                  <a:close/>
                </a:path>
                <a:path w="9052560" h="485139">
                  <a:moveTo>
                    <a:pt x="8714232" y="480060"/>
                  </a:moveTo>
                  <a:lnTo>
                    <a:pt x="8705088" y="480060"/>
                  </a:lnTo>
                  <a:lnTo>
                    <a:pt x="8705088" y="484632"/>
                  </a:lnTo>
                  <a:lnTo>
                    <a:pt x="8714232" y="484632"/>
                  </a:lnTo>
                  <a:lnTo>
                    <a:pt x="8714232" y="480060"/>
                  </a:lnTo>
                  <a:close/>
                </a:path>
                <a:path w="9052560" h="485139">
                  <a:moveTo>
                    <a:pt x="8727948" y="480060"/>
                  </a:moveTo>
                  <a:lnTo>
                    <a:pt x="8718804" y="480060"/>
                  </a:lnTo>
                  <a:lnTo>
                    <a:pt x="8718804" y="484632"/>
                  </a:lnTo>
                  <a:lnTo>
                    <a:pt x="8727948" y="484632"/>
                  </a:lnTo>
                  <a:lnTo>
                    <a:pt x="8727948" y="480060"/>
                  </a:lnTo>
                  <a:close/>
                </a:path>
                <a:path w="9052560" h="485139">
                  <a:moveTo>
                    <a:pt x="8741664" y="480060"/>
                  </a:moveTo>
                  <a:lnTo>
                    <a:pt x="8732520" y="480060"/>
                  </a:lnTo>
                  <a:lnTo>
                    <a:pt x="8732520" y="484632"/>
                  </a:lnTo>
                  <a:lnTo>
                    <a:pt x="8741664" y="484632"/>
                  </a:lnTo>
                  <a:lnTo>
                    <a:pt x="8741664" y="480060"/>
                  </a:lnTo>
                  <a:close/>
                </a:path>
                <a:path w="9052560" h="485139">
                  <a:moveTo>
                    <a:pt x="8755380" y="480060"/>
                  </a:moveTo>
                  <a:lnTo>
                    <a:pt x="8746236" y="480060"/>
                  </a:lnTo>
                  <a:lnTo>
                    <a:pt x="8746236" y="484632"/>
                  </a:lnTo>
                  <a:lnTo>
                    <a:pt x="8755380" y="484632"/>
                  </a:lnTo>
                  <a:lnTo>
                    <a:pt x="8755380" y="480060"/>
                  </a:lnTo>
                  <a:close/>
                </a:path>
                <a:path w="9052560" h="485139">
                  <a:moveTo>
                    <a:pt x="8769096" y="480060"/>
                  </a:moveTo>
                  <a:lnTo>
                    <a:pt x="8759952" y="480060"/>
                  </a:lnTo>
                  <a:lnTo>
                    <a:pt x="8759952" y="484632"/>
                  </a:lnTo>
                  <a:lnTo>
                    <a:pt x="8769096" y="484632"/>
                  </a:lnTo>
                  <a:lnTo>
                    <a:pt x="8769096" y="480060"/>
                  </a:lnTo>
                  <a:close/>
                </a:path>
                <a:path w="9052560" h="485139">
                  <a:moveTo>
                    <a:pt x="8782812" y="480060"/>
                  </a:moveTo>
                  <a:lnTo>
                    <a:pt x="8773668" y="480060"/>
                  </a:lnTo>
                  <a:lnTo>
                    <a:pt x="8773668" y="484632"/>
                  </a:lnTo>
                  <a:lnTo>
                    <a:pt x="8782812" y="484632"/>
                  </a:lnTo>
                  <a:lnTo>
                    <a:pt x="8782812" y="480060"/>
                  </a:lnTo>
                  <a:close/>
                </a:path>
                <a:path w="9052560" h="485139">
                  <a:moveTo>
                    <a:pt x="8796528" y="480060"/>
                  </a:moveTo>
                  <a:lnTo>
                    <a:pt x="8787384" y="480060"/>
                  </a:lnTo>
                  <a:lnTo>
                    <a:pt x="8787384" y="484632"/>
                  </a:lnTo>
                  <a:lnTo>
                    <a:pt x="8796528" y="484632"/>
                  </a:lnTo>
                  <a:lnTo>
                    <a:pt x="8796528" y="480060"/>
                  </a:lnTo>
                  <a:close/>
                </a:path>
                <a:path w="9052560" h="485139">
                  <a:moveTo>
                    <a:pt x="8810244" y="480060"/>
                  </a:moveTo>
                  <a:lnTo>
                    <a:pt x="8801100" y="480060"/>
                  </a:lnTo>
                  <a:lnTo>
                    <a:pt x="8801100" y="484632"/>
                  </a:lnTo>
                  <a:lnTo>
                    <a:pt x="8810244" y="484632"/>
                  </a:lnTo>
                  <a:lnTo>
                    <a:pt x="8810244" y="480060"/>
                  </a:lnTo>
                  <a:close/>
                </a:path>
                <a:path w="9052560" h="485139">
                  <a:moveTo>
                    <a:pt x="8823960" y="480060"/>
                  </a:moveTo>
                  <a:lnTo>
                    <a:pt x="8814816" y="480060"/>
                  </a:lnTo>
                  <a:lnTo>
                    <a:pt x="8814816" y="484632"/>
                  </a:lnTo>
                  <a:lnTo>
                    <a:pt x="8823960" y="484632"/>
                  </a:lnTo>
                  <a:lnTo>
                    <a:pt x="8823960" y="480060"/>
                  </a:lnTo>
                  <a:close/>
                </a:path>
                <a:path w="9052560" h="485139">
                  <a:moveTo>
                    <a:pt x="8837676" y="480060"/>
                  </a:moveTo>
                  <a:lnTo>
                    <a:pt x="8828532" y="480060"/>
                  </a:lnTo>
                  <a:lnTo>
                    <a:pt x="8828532" y="484632"/>
                  </a:lnTo>
                  <a:lnTo>
                    <a:pt x="8837676" y="484632"/>
                  </a:lnTo>
                  <a:lnTo>
                    <a:pt x="8837676" y="480060"/>
                  </a:lnTo>
                  <a:close/>
                </a:path>
                <a:path w="9052560" h="485139">
                  <a:moveTo>
                    <a:pt x="8851392" y="480060"/>
                  </a:moveTo>
                  <a:lnTo>
                    <a:pt x="8842248" y="480060"/>
                  </a:lnTo>
                  <a:lnTo>
                    <a:pt x="8842248" y="484632"/>
                  </a:lnTo>
                  <a:lnTo>
                    <a:pt x="8851392" y="484632"/>
                  </a:lnTo>
                  <a:lnTo>
                    <a:pt x="8851392" y="480060"/>
                  </a:lnTo>
                  <a:close/>
                </a:path>
                <a:path w="9052560" h="485139">
                  <a:moveTo>
                    <a:pt x="8865108" y="480060"/>
                  </a:moveTo>
                  <a:lnTo>
                    <a:pt x="8855964" y="480060"/>
                  </a:lnTo>
                  <a:lnTo>
                    <a:pt x="8855964" y="484632"/>
                  </a:lnTo>
                  <a:lnTo>
                    <a:pt x="8865108" y="484632"/>
                  </a:lnTo>
                  <a:lnTo>
                    <a:pt x="8865108" y="480060"/>
                  </a:lnTo>
                  <a:close/>
                </a:path>
                <a:path w="9052560" h="485139">
                  <a:moveTo>
                    <a:pt x="8878824" y="480060"/>
                  </a:moveTo>
                  <a:lnTo>
                    <a:pt x="8869680" y="480060"/>
                  </a:lnTo>
                  <a:lnTo>
                    <a:pt x="8869680" y="484632"/>
                  </a:lnTo>
                  <a:lnTo>
                    <a:pt x="8878824" y="484632"/>
                  </a:lnTo>
                  <a:lnTo>
                    <a:pt x="8878824" y="480060"/>
                  </a:lnTo>
                  <a:close/>
                </a:path>
                <a:path w="9052560" h="485139">
                  <a:moveTo>
                    <a:pt x="8892540" y="480060"/>
                  </a:moveTo>
                  <a:lnTo>
                    <a:pt x="8883396" y="480060"/>
                  </a:lnTo>
                  <a:lnTo>
                    <a:pt x="8883396" y="484632"/>
                  </a:lnTo>
                  <a:lnTo>
                    <a:pt x="8892540" y="484632"/>
                  </a:lnTo>
                  <a:lnTo>
                    <a:pt x="8892540" y="480060"/>
                  </a:lnTo>
                  <a:close/>
                </a:path>
                <a:path w="9052560" h="485139">
                  <a:moveTo>
                    <a:pt x="8906256" y="480060"/>
                  </a:moveTo>
                  <a:lnTo>
                    <a:pt x="8897112" y="480060"/>
                  </a:lnTo>
                  <a:lnTo>
                    <a:pt x="8897112" y="484632"/>
                  </a:lnTo>
                  <a:lnTo>
                    <a:pt x="8906256" y="484632"/>
                  </a:lnTo>
                  <a:lnTo>
                    <a:pt x="8906256" y="480060"/>
                  </a:lnTo>
                  <a:close/>
                </a:path>
                <a:path w="9052560" h="485139">
                  <a:moveTo>
                    <a:pt x="8919972" y="480060"/>
                  </a:moveTo>
                  <a:lnTo>
                    <a:pt x="8910828" y="480060"/>
                  </a:lnTo>
                  <a:lnTo>
                    <a:pt x="8910828" y="484632"/>
                  </a:lnTo>
                  <a:lnTo>
                    <a:pt x="8919972" y="484632"/>
                  </a:lnTo>
                  <a:lnTo>
                    <a:pt x="8919972" y="480060"/>
                  </a:lnTo>
                  <a:close/>
                </a:path>
                <a:path w="9052560" h="485139">
                  <a:moveTo>
                    <a:pt x="8933688" y="480060"/>
                  </a:moveTo>
                  <a:lnTo>
                    <a:pt x="8924544" y="480060"/>
                  </a:lnTo>
                  <a:lnTo>
                    <a:pt x="8924544" y="484632"/>
                  </a:lnTo>
                  <a:lnTo>
                    <a:pt x="8933688" y="484632"/>
                  </a:lnTo>
                  <a:lnTo>
                    <a:pt x="8933688" y="480060"/>
                  </a:lnTo>
                  <a:close/>
                </a:path>
                <a:path w="9052560" h="485139">
                  <a:moveTo>
                    <a:pt x="8947404" y="480060"/>
                  </a:moveTo>
                  <a:lnTo>
                    <a:pt x="8938260" y="480060"/>
                  </a:lnTo>
                  <a:lnTo>
                    <a:pt x="8938260" y="484632"/>
                  </a:lnTo>
                  <a:lnTo>
                    <a:pt x="8947404" y="484632"/>
                  </a:lnTo>
                  <a:lnTo>
                    <a:pt x="8947404" y="480060"/>
                  </a:lnTo>
                  <a:close/>
                </a:path>
                <a:path w="9052560" h="485139">
                  <a:moveTo>
                    <a:pt x="8961120" y="480060"/>
                  </a:moveTo>
                  <a:lnTo>
                    <a:pt x="8951976" y="480060"/>
                  </a:lnTo>
                  <a:lnTo>
                    <a:pt x="8951976" y="484632"/>
                  </a:lnTo>
                  <a:lnTo>
                    <a:pt x="8961120" y="484632"/>
                  </a:lnTo>
                  <a:lnTo>
                    <a:pt x="8961120" y="480060"/>
                  </a:lnTo>
                  <a:close/>
                </a:path>
                <a:path w="9052560" h="485139">
                  <a:moveTo>
                    <a:pt x="8974836" y="480060"/>
                  </a:moveTo>
                  <a:lnTo>
                    <a:pt x="8965692" y="480060"/>
                  </a:lnTo>
                  <a:lnTo>
                    <a:pt x="8965692" y="484632"/>
                  </a:lnTo>
                  <a:lnTo>
                    <a:pt x="8974836" y="484632"/>
                  </a:lnTo>
                  <a:lnTo>
                    <a:pt x="8974836" y="480060"/>
                  </a:lnTo>
                  <a:close/>
                </a:path>
                <a:path w="9052560" h="485139">
                  <a:moveTo>
                    <a:pt x="8988552" y="480060"/>
                  </a:moveTo>
                  <a:lnTo>
                    <a:pt x="8979408" y="480060"/>
                  </a:lnTo>
                  <a:lnTo>
                    <a:pt x="8979408" y="484632"/>
                  </a:lnTo>
                  <a:lnTo>
                    <a:pt x="8988552" y="484632"/>
                  </a:lnTo>
                  <a:lnTo>
                    <a:pt x="8988552" y="480060"/>
                  </a:lnTo>
                  <a:close/>
                </a:path>
                <a:path w="9052560" h="485139">
                  <a:moveTo>
                    <a:pt x="9002268" y="480060"/>
                  </a:moveTo>
                  <a:lnTo>
                    <a:pt x="8993124" y="480060"/>
                  </a:lnTo>
                  <a:lnTo>
                    <a:pt x="8993124" y="484632"/>
                  </a:lnTo>
                  <a:lnTo>
                    <a:pt x="9002268" y="484632"/>
                  </a:lnTo>
                  <a:lnTo>
                    <a:pt x="9002268" y="480060"/>
                  </a:lnTo>
                  <a:close/>
                </a:path>
                <a:path w="9052560" h="485139">
                  <a:moveTo>
                    <a:pt x="9015984" y="480060"/>
                  </a:moveTo>
                  <a:lnTo>
                    <a:pt x="9006840" y="480060"/>
                  </a:lnTo>
                  <a:lnTo>
                    <a:pt x="9006840" y="484632"/>
                  </a:lnTo>
                  <a:lnTo>
                    <a:pt x="9015984" y="484632"/>
                  </a:lnTo>
                  <a:lnTo>
                    <a:pt x="9015984" y="480060"/>
                  </a:lnTo>
                  <a:close/>
                </a:path>
                <a:path w="9052560" h="485139">
                  <a:moveTo>
                    <a:pt x="9029700" y="480060"/>
                  </a:moveTo>
                  <a:lnTo>
                    <a:pt x="9020556" y="480060"/>
                  </a:lnTo>
                  <a:lnTo>
                    <a:pt x="9020556" y="484632"/>
                  </a:lnTo>
                  <a:lnTo>
                    <a:pt x="9029700" y="484632"/>
                  </a:lnTo>
                  <a:lnTo>
                    <a:pt x="9029700" y="480060"/>
                  </a:lnTo>
                  <a:close/>
                </a:path>
                <a:path w="9052560" h="485139">
                  <a:moveTo>
                    <a:pt x="9043416" y="480060"/>
                  </a:moveTo>
                  <a:lnTo>
                    <a:pt x="9034272" y="480060"/>
                  </a:lnTo>
                  <a:lnTo>
                    <a:pt x="9034272" y="484632"/>
                  </a:lnTo>
                  <a:lnTo>
                    <a:pt x="9043416" y="484632"/>
                  </a:lnTo>
                  <a:lnTo>
                    <a:pt x="9043416" y="480060"/>
                  </a:lnTo>
                  <a:close/>
                </a:path>
                <a:path w="9052560" h="485139">
                  <a:moveTo>
                    <a:pt x="9052560" y="480060"/>
                  </a:moveTo>
                  <a:lnTo>
                    <a:pt x="9047988" y="480060"/>
                  </a:lnTo>
                  <a:lnTo>
                    <a:pt x="9047988" y="484632"/>
                  </a:lnTo>
                  <a:lnTo>
                    <a:pt x="9052560" y="484632"/>
                  </a:lnTo>
                  <a:lnTo>
                    <a:pt x="9052560" y="480060"/>
                  </a:lnTo>
                  <a:close/>
                </a:path>
              </a:pathLst>
            </a:custGeom>
            <a:solidFill>
              <a:srgbClr val="000000"/>
            </a:solidFill>
          </p:spPr>
          <p:txBody>
            <a:bodyPr wrap="square" lIns="0" tIns="0" rIns="0" bIns="0" rtlCol="0"/>
            <a:lstStyle/>
            <a:p>
              <a:endParaRPr sz="1539"/>
            </a:p>
          </p:txBody>
        </p:sp>
        <p:sp>
          <p:nvSpPr>
            <p:cNvPr id="21" name="object 21"/>
            <p:cNvSpPr/>
            <p:nvPr/>
          </p:nvSpPr>
          <p:spPr>
            <a:xfrm>
              <a:off x="941832" y="5495543"/>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5532" y="0"/>
                  </a:moveTo>
                  <a:lnTo>
                    <a:pt x="54864" y="0"/>
                  </a:lnTo>
                  <a:lnTo>
                    <a:pt x="54864" y="4572"/>
                  </a:lnTo>
                  <a:lnTo>
                    <a:pt x="65532" y="4572"/>
                  </a:lnTo>
                  <a:lnTo>
                    <a:pt x="65532" y="0"/>
                  </a:lnTo>
                  <a:close/>
                </a:path>
                <a:path w="969644" h="5079">
                  <a:moveTo>
                    <a:pt x="79248" y="0"/>
                  </a:moveTo>
                  <a:lnTo>
                    <a:pt x="68580" y="0"/>
                  </a:lnTo>
                  <a:lnTo>
                    <a:pt x="68580" y="4572"/>
                  </a:lnTo>
                  <a:lnTo>
                    <a:pt x="79248" y="4572"/>
                  </a:lnTo>
                  <a:lnTo>
                    <a:pt x="79248" y="0"/>
                  </a:lnTo>
                  <a:close/>
                </a:path>
                <a:path w="969644" h="5079">
                  <a:moveTo>
                    <a:pt x="92964" y="0"/>
                  </a:moveTo>
                  <a:lnTo>
                    <a:pt x="82296" y="0"/>
                  </a:lnTo>
                  <a:lnTo>
                    <a:pt x="82296" y="4572"/>
                  </a:lnTo>
                  <a:lnTo>
                    <a:pt x="92964" y="4572"/>
                  </a:lnTo>
                  <a:lnTo>
                    <a:pt x="92964" y="0"/>
                  </a:lnTo>
                  <a:close/>
                </a:path>
                <a:path w="969644" h="5079">
                  <a:moveTo>
                    <a:pt x="106680" y="0"/>
                  </a:moveTo>
                  <a:lnTo>
                    <a:pt x="96012" y="0"/>
                  </a:lnTo>
                  <a:lnTo>
                    <a:pt x="96012" y="4572"/>
                  </a:lnTo>
                  <a:lnTo>
                    <a:pt x="106680" y="4572"/>
                  </a:lnTo>
                  <a:lnTo>
                    <a:pt x="106680" y="0"/>
                  </a:lnTo>
                  <a:close/>
                </a:path>
                <a:path w="969644" h="5079">
                  <a:moveTo>
                    <a:pt x="120396" y="0"/>
                  </a:moveTo>
                  <a:lnTo>
                    <a:pt x="109728" y="0"/>
                  </a:lnTo>
                  <a:lnTo>
                    <a:pt x="109728" y="4572"/>
                  </a:lnTo>
                  <a:lnTo>
                    <a:pt x="120396" y="4572"/>
                  </a:lnTo>
                  <a:lnTo>
                    <a:pt x="120396" y="0"/>
                  </a:lnTo>
                  <a:close/>
                </a:path>
                <a:path w="969644" h="5079">
                  <a:moveTo>
                    <a:pt x="134112" y="0"/>
                  </a:moveTo>
                  <a:lnTo>
                    <a:pt x="123444" y="0"/>
                  </a:lnTo>
                  <a:lnTo>
                    <a:pt x="123444" y="4572"/>
                  </a:lnTo>
                  <a:lnTo>
                    <a:pt x="134112" y="4572"/>
                  </a:lnTo>
                  <a:lnTo>
                    <a:pt x="134112" y="0"/>
                  </a:lnTo>
                  <a:close/>
                </a:path>
                <a:path w="969644" h="5079">
                  <a:moveTo>
                    <a:pt x="147828" y="0"/>
                  </a:moveTo>
                  <a:lnTo>
                    <a:pt x="137160" y="0"/>
                  </a:lnTo>
                  <a:lnTo>
                    <a:pt x="137160" y="4572"/>
                  </a:lnTo>
                  <a:lnTo>
                    <a:pt x="147828" y="4572"/>
                  </a:lnTo>
                  <a:lnTo>
                    <a:pt x="147828" y="0"/>
                  </a:lnTo>
                  <a:close/>
                </a:path>
                <a:path w="969644" h="5079">
                  <a:moveTo>
                    <a:pt x="161544" y="0"/>
                  </a:moveTo>
                  <a:lnTo>
                    <a:pt x="150876" y="0"/>
                  </a:lnTo>
                  <a:lnTo>
                    <a:pt x="150876" y="4572"/>
                  </a:lnTo>
                  <a:lnTo>
                    <a:pt x="161544" y="4572"/>
                  </a:lnTo>
                  <a:lnTo>
                    <a:pt x="161544" y="0"/>
                  </a:lnTo>
                  <a:close/>
                </a:path>
                <a:path w="969644" h="5079">
                  <a:moveTo>
                    <a:pt x="175260" y="0"/>
                  </a:moveTo>
                  <a:lnTo>
                    <a:pt x="164592" y="0"/>
                  </a:lnTo>
                  <a:lnTo>
                    <a:pt x="164592" y="4572"/>
                  </a:lnTo>
                  <a:lnTo>
                    <a:pt x="175260" y="4572"/>
                  </a:lnTo>
                  <a:lnTo>
                    <a:pt x="175260" y="0"/>
                  </a:lnTo>
                  <a:close/>
                </a:path>
                <a:path w="969644" h="5079">
                  <a:moveTo>
                    <a:pt x="188976" y="0"/>
                  </a:moveTo>
                  <a:lnTo>
                    <a:pt x="178308" y="0"/>
                  </a:lnTo>
                  <a:lnTo>
                    <a:pt x="178308" y="4572"/>
                  </a:lnTo>
                  <a:lnTo>
                    <a:pt x="188976" y="4572"/>
                  </a:lnTo>
                  <a:lnTo>
                    <a:pt x="188976" y="0"/>
                  </a:lnTo>
                  <a:close/>
                </a:path>
                <a:path w="969644" h="5079">
                  <a:moveTo>
                    <a:pt x="202692" y="0"/>
                  </a:moveTo>
                  <a:lnTo>
                    <a:pt x="192024" y="0"/>
                  </a:lnTo>
                  <a:lnTo>
                    <a:pt x="192024" y="4572"/>
                  </a:lnTo>
                  <a:lnTo>
                    <a:pt x="202692" y="4572"/>
                  </a:lnTo>
                  <a:lnTo>
                    <a:pt x="202692" y="0"/>
                  </a:lnTo>
                  <a:close/>
                </a:path>
                <a:path w="969644" h="5079">
                  <a:moveTo>
                    <a:pt x="216408" y="0"/>
                  </a:moveTo>
                  <a:lnTo>
                    <a:pt x="205740" y="0"/>
                  </a:lnTo>
                  <a:lnTo>
                    <a:pt x="205740" y="4572"/>
                  </a:lnTo>
                  <a:lnTo>
                    <a:pt x="216408" y="4572"/>
                  </a:lnTo>
                  <a:lnTo>
                    <a:pt x="216408" y="0"/>
                  </a:lnTo>
                  <a:close/>
                </a:path>
                <a:path w="969644" h="5079">
                  <a:moveTo>
                    <a:pt x="230124" y="0"/>
                  </a:moveTo>
                  <a:lnTo>
                    <a:pt x="219456" y="0"/>
                  </a:lnTo>
                  <a:lnTo>
                    <a:pt x="219456" y="4572"/>
                  </a:lnTo>
                  <a:lnTo>
                    <a:pt x="230124" y="4572"/>
                  </a:lnTo>
                  <a:lnTo>
                    <a:pt x="230124" y="0"/>
                  </a:lnTo>
                  <a:close/>
                </a:path>
                <a:path w="969644" h="5079">
                  <a:moveTo>
                    <a:pt x="243840" y="0"/>
                  </a:moveTo>
                  <a:lnTo>
                    <a:pt x="233172" y="0"/>
                  </a:lnTo>
                  <a:lnTo>
                    <a:pt x="233172" y="4572"/>
                  </a:lnTo>
                  <a:lnTo>
                    <a:pt x="243840" y="4572"/>
                  </a:lnTo>
                  <a:lnTo>
                    <a:pt x="243840" y="0"/>
                  </a:lnTo>
                  <a:close/>
                </a:path>
                <a:path w="969644" h="5079">
                  <a:moveTo>
                    <a:pt x="257556" y="0"/>
                  </a:moveTo>
                  <a:lnTo>
                    <a:pt x="246888" y="0"/>
                  </a:lnTo>
                  <a:lnTo>
                    <a:pt x="246888" y="4572"/>
                  </a:lnTo>
                  <a:lnTo>
                    <a:pt x="257556" y="4572"/>
                  </a:lnTo>
                  <a:lnTo>
                    <a:pt x="257556" y="0"/>
                  </a:lnTo>
                  <a:close/>
                </a:path>
                <a:path w="969644" h="5079">
                  <a:moveTo>
                    <a:pt x="271272" y="0"/>
                  </a:moveTo>
                  <a:lnTo>
                    <a:pt x="260604" y="0"/>
                  </a:lnTo>
                  <a:lnTo>
                    <a:pt x="260604" y="4572"/>
                  </a:lnTo>
                  <a:lnTo>
                    <a:pt x="271272" y="4572"/>
                  </a:lnTo>
                  <a:lnTo>
                    <a:pt x="271272" y="0"/>
                  </a:lnTo>
                  <a:close/>
                </a:path>
                <a:path w="969644" h="5079">
                  <a:moveTo>
                    <a:pt x="284988" y="0"/>
                  </a:moveTo>
                  <a:lnTo>
                    <a:pt x="274320" y="0"/>
                  </a:lnTo>
                  <a:lnTo>
                    <a:pt x="274320" y="4572"/>
                  </a:lnTo>
                  <a:lnTo>
                    <a:pt x="284988" y="4572"/>
                  </a:lnTo>
                  <a:lnTo>
                    <a:pt x="284988" y="0"/>
                  </a:lnTo>
                  <a:close/>
                </a:path>
                <a:path w="969644" h="5079">
                  <a:moveTo>
                    <a:pt x="298704" y="0"/>
                  </a:moveTo>
                  <a:lnTo>
                    <a:pt x="288036" y="0"/>
                  </a:lnTo>
                  <a:lnTo>
                    <a:pt x="288036" y="4572"/>
                  </a:lnTo>
                  <a:lnTo>
                    <a:pt x="298704" y="4572"/>
                  </a:lnTo>
                  <a:lnTo>
                    <a:pt x="298704" y="0"/>
                  </a:lnTo>
                  <a:close/>
                </a:path>
                <a:path w="969644" h="5079">
                  <a:moveTo>
                    <a:pt x="312420" y="0"/>
                  </a:moveTo>
                  <a:lnTo>
                    <a:pt x="301752" y="0"/>
                  </a:lnTo>
                  <a:lnTo>
                    <a:pt x="301752" y="4572"/>
                  </a:lnTo>
                  <a:lnTo>
                    <a:pt x="312420" y="4572"/>
                  </a:lnTo>
                  <a:lnTo>
                    <a:pt x="312420" y="0"/>
                  </a:lnTo>
                  <a:close/>
                </a:path>
                <a:path w="969644" h="5079">
                  <a:moveTo>
                    <a:pt x="326136" y="0"/>
                  </a:moveTo>
                  <a:lnTo>
                    <a:pt x="315468" y="0"/>
                  </a:lnTo>
                  <a:lnTo>
                    <a:pt x="315468" y="4572"/>
                  </a:lnTo>
                  <a:lnTo>
                    <a:pt x="326136" y="4572"/>
                  </a:lnTo>
                  <a:lnTo>
                    <a:pt x="326136" y="0"/>
                  </a:lnTo>
                  <a:close/>
                </a:path>
                <a:path w="969644" h="5079">
                  <a:moveTo>
                    <a:pt x="339852" y="0"/>
                  </a:moveTo>
                  <a:lnTo>
                    <a:pt x="329184" y="0"/>
                  </a:lnTo>
                  <a:lnTo>
                    <a:pt x="329184" y="4572"/>
                  </a:lnTo>
                  <a:lnTo>
                    <a:pt x="339852" y="4572"/>
                  </a:lnTo>
                  <a:lnTo>
                    <a:pt x="339852" y="0"/>
                  </a:lnTo>
                  <a:close/>
                </a:path>
                <a:path w="969644" h="5079">
                  <a:moveTo>
                    <a:pt x="353568" y="0"/>
                  </a:moveTo>
                  <a:lnTo>
                    <a:pt x="342900" y="0"/>
                  </a:lnTo>
                  <a:lnTo>
                    <a:pt x="342900" y="4572"/>
                  </a:lnTo>
                  <a:lnTo>
                    <a:pt x="353568" y="4572"/>
                  </a:lnTo>
                  <a:lnTo>
                    <a:pt x="353568" y="0"/>
                  </a:lnTo>
                  <a:close/>
                </a:path>
                <a:path w="969644" h="5079">
                  <a:moveTo>
                    <a:pt x="367284" y="0"/>
                  </a:moveTo>
                  <a:lnTo>
                    <a:pt x="356616" y="0"/>
                  </a:lnTo>
                  <a:lnTo>
                    <a:pt x="356616" y="4572"/>
                  </a:lnTo>
                  <a:lnTo>
                    <a:pt x="367284" y="4572"/>
                  </a:lnTo>
                  <a:lnTo>
                    <a:pt x="367284" y="0"/>
                  </a:lnTo>
                  <a:close/>
                </a:path>
                <a:path w="969644" h="5079">
                  <a:moveTo>
                    <a:pt x="381000" y="0"/>
                  </a:moveTo>
                  <a:lnTo>
                    <a:pt x="370332" y="0"/>
                  </a:lnTo>
                  <a:lnTo>
                    <a:pt x="370332" y="4572"/>
                  </a:lnTo>
                  <a:lnTo>
                    <a:pt x="381000" y="4572"/>
                  </a:lnTo>
                  <a:lnTo>
                    <a:pt x="381000" y="0"/>
                  </a:lnTo>
                  <a:close/>
                </a:path>
                <a:path w="969644" h="5079">
                  <a:moveTo>
                    <a:pt x="394716" y="0"/>
                  </a:moveTo>
                  <a:lnTo>
                    <a:pt x="384048" y="0"/>
                  </a:lnTo>
                  <a:lnTo>
                    <a:pt x="384048" y="4572"/>
                  </a:lnTo>
                  <a:lnTo>
                    <a:pt x="394716" y="4572"/>
                  </a:lnTo>
                  <a:lnTo>
                    <a:pt x="394716" y="0"/>
                  </a:lnTo>
                  <a:close/>
                </a:path>
                <a:path w="969644" h="5079">
                  <a:moveTo>
                    <a:pt x="408432" y="0"/>
                  </a:moveTo>
                  <a:lnTo>
                    <a:pt x="397764" y="0"/>
                  </a:lnTo>
                  <a:lnTo>
                    <a:pt x="397764" y="4572"/>
                  </a:lnTo>
                  <a:lnTo>
                    <a:pt x="408432" y="4572"/>
                  </a:lnTo>
                  <a:lnTo>
                    <a:pt x="408432" y="0"/>
                  </a:lnTo>
                  <a:close/>
                </a:path>
                <a:path w="969644" h="5079">
                  <a:moveTo>
                    <a:pt x="422148" y="0"/>
                  </a:moveTo>
                  <a:lnTo>
                    <a:pt x="411480" y="0"/>
                  </a:lnTo>
                  <a:lnTo>
                    <a:pt x="411480" y="4572"/>
                  </a:lnTo>
                  <a:lnTo>
                    <a:pt x="422148" y="4572"/>
                  </a:lnTo>
                  <a:lnTo>
                    <a:pt x="422148" y="0"/>
                  </a:lnTo>
                  <a:close/>
                </a:path>
                <a:path w="969644" h="5079">
                  <a:moveTo>
                    <a:pt x="435864" y="0"/>
                  </a:moveTo>
                  <a:lnTo>
                    <a:pt x="425196" y="0"/>
                  </a:lnTo>
                  <a:lnTo>
                    <a:pt x="425196" y="4572"/>
                  </a:lnTo>
                  <a:lnTo>
                    <a:pt x="435864" y="4572"/>
                  </a:lnTo>
                  <a:lnTo>
                    <a:pt x="435864" y="0"/>
                  </a:lnTo>
                  <a:close/>
                </a:path>
                <a:path w="969644" h="5079">
                  <a:moveTo>
                    <a:pt x="449580" y="0"/>
                  </a:moveTo>
                  <a:lnTo>
                    <a:pt x="438912" y="0"/>
                  </a:lnTo>
                  <a:lnTo>
                    <a:pt x="438912" y="4572"/>
                  </a:lnTo>
                  <a:lnTo>
                    <a:pt x="449580" y="4572"/>
                  </a:lnTo>
                  <a:lnTo>
                    <a:pt x="449580" y="0"/>
                  </a:lnTo>
                  <a:close/>
                </a:path>
                <a:path w="969644" h="5079">
                  <a:moveTo>
                    <a:pt x="463296" y="0"/>
                  </a:moveTo>
                  <a:lnTo>
                    <a:pt x="452628" y="0"/>
                  </a:lnTo>
                  <a:lnTo>
                    <a:pt x="452628" y="4572"/>
                  </a:lnTo>
                  <a:lnTo>
                    <a:pt x="463296" y="4572"/>
                  </a:lnTo>
                  <a:lnTo>
                    <a:pt x="463296" y="0"/>
                  </a:lnTo>
                  <a:close/>
                </a:path>
                <a:path w="969644" h="5079">
                  <a:moveTo>
                    <a:pt x="477012" y="0"/>
                  </a:moveTo>
                  <a:lnTo>
                    <a:pt x="466344" y="0"/>
                  </a:lnTo>
                  <a:lnTo>
                    <a:pt x="466344" y="4572"/>
                  </a:lnTo>
                  <a:lnTo>
                    <a:pt x="477012" y="4572"/>
                  </a:lnTo>
                  <a:lnTo>
                    <a:pt x="477012" y="0"/>
                  </a:lnTo>
                  <a:close/>
                </a:path>
                <a:path w="969644" h="5079">
                  <a:moveTo>
                    <a:pt x="490728" y="0"/>
                  </a:moveTo>
                  <a:lnTo>
                    <a:pt x="480060" y="0"/>
                  </a:lnTo>
                  <a:lnTo>
                    <a:pt x="480060" y="4572"/>
                  </a:lnTo>
                  <a:lnTo>
                    <a:pt x="490728" y="4572"/>
                  </a:lnTo>
                  <a:lnTo>
                    <a:pt x="490728" y="0"/>
                  </a:lnTo>
                  <a:close/>
                </a:path>
                <a:path w="969644" h="5079">
                  <a:moveTo>
                    <a:pt x="504444" y="0"/>
                  </a:moveTo>
                  <a:lnTo>
                    <a:pt x="493776" y="0"/>
                  </a:lnTo>
                  <a:lnTo>
                    <a:pt x="493776" y="4572"/>
                  </a:lnTo>
                  <a:lnTo>
                    <a:pt x="504444" y="4572"/>
                  </a:lnTo>
                  <a:lnTo>
                    <a:pt x="504444" y="0"/>
                  </a:lnTo>
                  <a:close/>
                </a:path>
                <a:path w="969644" h="5079">
                  <a:moveTo>
                    <a:pt x="518160" y="0"/>
                  </a:moveTo>
                  <a:lnTo>
                    <a:pt x="507492" y="0"/>
                  </a:lnTo>
                  <a:lnTo>
                    <a:pt x="507492" y="4572"/>
                  </a:lnTo>
                  <a:lnTo>
                    <a:pt x="518160" y="4572"/>
                  </a:lnTo>
                  <a:lnTo>
                    <a:pt x="518160" y="0"/>
                  </a:lnTo>
                  <a:close/>
                </a:path>
                <a:path w="969644" h="5079">
                  <a:moveTo>
                    <a:pt x="531876" y="0"/>
                  </a:moveTo>
                  <a:lnTo>
                    <a:pt x="521208" y="0"/>
                  </a:lnTo>
                  <a:lnTo>
                    <a:pt x="521208" y="4572"/>
                  </a:lnTo>
                  <a:lnTo>
                    <a:pt x="531876" y="4572"/>
                  </a:lnTo>
                  <a:lnTo>
                    <a:pt x="531876" y="0"/>
                  </a:lnTo>
                  <a:close/>
                </a:path>
                <a:path w="969644" h="5079">
                  <a:moveTo>
                    <a:pt x="545592" y="0"/>
                  </a:moveTo>
                  <a:lnTo>
                    <a:pt x="534924" y="0"/>
                  </a:lnTo>
                  <a:lnTo>
                    <a:pt x="534924" y="4572"/>
                  </a:lnTo>
                  <a:lnTo>
                    <a:pt x="545592" y="4572"/>
                  </a:lnTo>
                  <a:lnTo>
                    <a:pt x="545592" y="0"/>
                  </a:lnTo>
                  <a:close/>
                </a:path>
                <a:path w="969644" h="5079">
                  <a:moveTo>
                    <a:pt x="559308" y="0"/>
                  </a:moveTo>
                  <a:lnTo>
                    <a:pt x="548640" y="0"/>
                  </a:lnTo>
                  <a:lnTo>
                    <a:pt x="548640" y="4572"/>
                  </a:lnTo>
                  <a:lnTo>
                    <a:pt x="559308" y="4572"/>
                  </a:lnTo>
                  <a:lnTo>
                    <a:pt x="559308" y="0"/>
                  </a:lnTo>
                  <a:close/>
                </a:path>
                <a:path w="969644" h="5079">
                  <a:moveTo>
                    <a:pt x="573024" y="0"/>
                  </a:moveTo>
                  <a:lnTo>
                    <a:pt x="562356" y="0"/>
                  </a:lnTo>
                  <a:lnTo>
                    <a:pt x="562356" y="4572"/>
                  </a:lnTo>
                  <a:lnTo>
                    <a:pt x="573024" y="4572"/>
                  </a:lnTo>
                  <a:lnTo>
                    <a:pt x="573024" y="0"/>
                  </a:lnTo>
                  <a:close/>
                </a:path>
                <a:path w="969644" h="5079">
                  <a:moveTo>
                    <a:pt x="586740" y="0"/>
                  </a:moveTo>
                  <a:lnTo>
                    <a:pt x="576072" y="0"/>
                  </a:lnTo>
                  <a:lnTo>
                    <a:pt x="576072" y="4572"/>
                  </a:lnTo>
                  <a:lnTo>
                    <a:pt x="586740" y="4572"/>
                  </a:lnTo>
                  <a:lnTo>
                    <a:pt x="586740" y="0"/>
                  </a:lnTo>
                  <a:close/>
                </a:path>
                <a:path w="969644" h="5079">
                  <a:moveTo>
                    <a:pt x="598932" y="0"/>
                  </a:moveTo>
                  <a:lnTo>
                    <a:pt x="589788" y="0"/>
                  </a:lnTo>
                  <a:lnTo>
                    <a:pt x="589788" y="4572"/>
                  </a:lnTo>
                  <a:lnTo>
                    <a:pt x="598932" y="4572"/>
                  </a:lnTo>
                  <a:lnTo>
                    <a:pt x="598932" y="0"/>
                  </a:lnTo>
                  <a:close/>
                </a:path>
                <a:path w="969644" h="5079">
                  <a:moveTo>
                    <a:pt x="612648" y="0"/>
                  </a:moveTo>
                  <a:lnTo>
                    <a:pt x="603504" y="0"/>
                  </a:lnTo>
                  <a:lnTo>
                    <a:pt x="603504" y="4572"/>
                  </a:lnTo>
                  <a:lnTo>
                    <a:pt x="612648" y="4572"/>
                  </a:lnTo>
                  <a:lnTo>
                    <a:pt x="612648" y="0"/>
                  </a:lnTo>
                  <a:close/>
                </a:path>
                <a:path w="969644" h="5079">
                  <a:moveTo>
                    <a:pt x="626364" y="0"/>
                  </a:moveTo>
                  <a:lnTo>
                    <a:pt x="617220" y="0"/>
                  </a:lnTo>
                  <a:lnTo>
                    <a:pt x="617220" y="4572"/>
                  </a:lnTo>
                  <a:lnTo>
                    <a:pt x="626364" y="4572"/>
                  </a:lnTo>
                  <a:lnTo>
                    <a:pt x="626364" y="0"/>
                  </a:lnTo>
                  <a:close/>
                </a:path>
                <a:path w="969644" h="5079">
                  <a:moveTo>
                    <a:pt x="640080" y="0"/>
                  </a:moveTo>
                  <a:lnTo>
                    <a:pt x="630936" y="0"/>
                  </a:lnTo>
                  <a:lnTo>
                    <a:pt x="630936" y="4572"/>
                  </a:lnTo>
                  <a:lnTo>
                    <a:pt x="640080" y="4572"/>
                  </a:lnTo>
                  <a:lnTo>
                    <a:pt x="640080" y="0"/>
                  </a:lnTo>
                  <a:close/>
                </a:path>
                <a:path w="969644" h="5079">
                  <a:moveTo>
                    <a:pt x="653796" y="0"/>
                  </a:moveTo>
                  <a:lnTo>
                    <a:pt x="644652" y="0"/>
                  </a:lnTo>
                  <a:lnTo>
                    <a:pt x="644652" y="4572"/>
                  </a:lnTo>
                  <a:lnTo>
                    <a:pt x="653796" y="4572"/>
                  </a:lnTo>
                  <a:lnTo>
                    <a:pt x="653796" y="0"/>
                  </a:lnTo>
                  <a:close/>
                </a:path>
                <a:path w="969644" h="5079">
                  <a:moveTo>
                    <a:pt x="667512" y="0"/>
                  </a:moveTo>
                  <a:lnTo>
                    <a:pt x="658368" y="0"/>
                  </a:lnTo>
                  <a:lnTo>
                    <a:pt x="658368" y="4572"/>
                  </a:lnTo>
                  <a:lnTo>
                    <a:pt x="667512" y="4572"/>
                  </a:lnTo>
                  <a:lnTo>
                    <a:pt x="667512" y="0"/>
                  </a:lnTo>
                  <a:close/>
                </a:path>
                <a:path w="969644" h="5079">
                  <a:moveTo>
                    <a:pt x="681228" y="0"/>
                  </a:moveTo>
                  <a:lnTo>
                    <a:pt x="672084" y="0"/>
                  </a:lnTo>
                  <a:lnTo>
                    <a:pt x="672084" y="4572"/>
                  </a:lnTo>
                  <a:lnTo>
                    <a:pt x="681228" y="4572"/>
                  </a:lnTo>
                  <a:lnTo>
                    <a:pt x="681228" y="0"/>
                  </a:lnTo>
                  <a:close/>
                </a:path>
                <a:path w="969644" h="5079">
                  <a:moveTo>
                    <a:pt x="694944" y="0"/>
                  </a:moveTo>
                  <a:lnTo>
                    <a:pt x="685800" y="0"/>
                  </a:lnTo>
                  <a:lnTo>
                    <a:pt x="685800" y="4572"/>
                  </a:lnTo>
                  <a:lnTo>
                    <a:pt x="694944" y="4572"/>
                  </a:lnTo>
                  <a:lnTo>
                    <a:pt x="694944" y="0"/>
                  </a:lnTo>
                  <a:close/>
                </a:path>
                <a:path w="969644" h="5079">
                  <a:moveTo>
                    <a:pt x="708660" y="0"/>
                  </a:moveTo>
                  <a:lnTo>
                    <a:pt x="699516" y="0"/>
                  </a:lnTo>
                  <a:lnTo>
                    <a:pt x="699516" y="4572"/>
                  </a:lnTo>
                  <a:lnTo>
                    <a:pt x="708660" y="4572"/>
                  </a:lnTo>
                  <a:lnTo>
                    <a:pt x="708660" y="0"/>
                  </a:lnTo>
                  <a:close/>
                </a:path>
                <a:path w="969644" h="5079">
                  <a:moveTo>
                    <a:pt x="722363" y="0"/>
                  </a:moveTo>
                  <a:lnTo>
                    <a:pt x="713232" y="0"/>
                  </a:lnTo>
                  <a:lnTo>
                    <a:pt x="713232" y="4572"/>
                  </a:lnTo>
                  <a:lnTo>
                    <a:pt x="722363" y="4572"/>
                  </a:lnTo>
                  <a:lnTo>
                    <a:pt x="722363" y="0"/>
                  </a:lnTo>
                  <a:close/>
                </a:path>
                <a:path w="969644" h="5079">
                  <a:moveTo>
                    <a:pt x="736092" y="0"/>
                  </a:moveTo>
                  <a:lnTo>
                    <a:pt x="726948" y="0"/>
                  </a:lnTo>
                  <a:lnTo>
                    <a:pt x="726948" y="4572"/>
                  </a:lnTo>
                  <a:lnTo>
                    <a:pt x="736092" y="4572"/>
                  </a:lnTo>
                  <a:lnTo>
                    <a:pt x="736092" y="0"/>
                  </a:lnTo>
                  <a:close/>
                </a:path>
                <a:path w="969644" h="5079">
                  <a:moveTo>
                    <a:pt x="749808" y="0"/>
                  </a:moveTo>
                  <a:lnTo>
                    <a:pt x="740664" y="0"/>
                  </a:lnTo>
                  <a:lnTo>
                    <a:pt x="740664" y="4572"/>
                  </a:lnTo>
                  <a:lnTo>
                    <a:pt x="749808" y="4572"/>
                  </a:lnTo>
                  <a:lnTo>
                    <a:pt x="749808" y="0"/>
                  </a:lnTo>
                  <a:close/>
                </a:path>
                <a:path w="969644" h="5079">
                  <a:moveTo>
                    <a:pt x="763524" y="0"/>
                  </a:moveTo>
                  <a:lnTo>
                    <a:pt x="754380" y="0"/>
                  </a:lnTo>
                  <a:lnTo>
                    <a:pt x="754380" y="4572"/>
                  </a:lnTo>
                  <a:lnTo>
                    <a:pt x="763524" y="4572"/>
                  </a:lnTo>
                  <a:lnTo>
                    <a:pt x="763524" y="0"/>
                  </a:lnTo>
                  <a:close/>
                </a:path>
                <a:path w="969644" h="5079">
                  <a:moveTo>
                    <a:pt x="777240" y="0"/>
                  </a:moveTo>
                  <a:lnTo>
                    <a:pt x="768096" y="0"/>
                  </a:lnTo>
                  <a:lnTo>
                    <a:pt x="768096" y="4572"/>
                  </a:lnTo>
                  <a:lnTo>
                    <a:pt x="777240" y="4572"/>
                  </a:lnTo>
                  <a:lnTo>
                    <a:pt x="777240" y="0"/>
                  </a:lnTo>
                  <a:close/>
                </a:path>
                <a:path w="969644" h="5079">
                  <a:moveTo>
                    <a:pt x="790956" y="0"/>
                  </a:moveTo>
                  <a:lnTo>
                    <a:pt x="781812" y="0"/>
                  </a:lnTo>
                  <a:lnTo>
                    <a:pt x="781812" y="4572"/>
                  </a:lnTo>
                  <a:lnTo>
                    <a:pt x="790956" y="4572"/>
                  </a:lnTo>
                  <a:lnTo>
                    <a:pt x="790956" y="0"/>
                  </a:lnTo>
                  <a:close/>
                </a:path>
                <a:path w="969644" h="5079">
                  <a:moveTo>
                    <a:pt x="804672" y="0"/>
                  </a:moveTo>
                  <a:lnTo>
                    <a:pt x="795528" y="0"/>
                  </a:lnTo>
                  <a:lnTo>
                    <a:pt x="795528" y="4572"/>
                  </a:lnTo>
                  <a:lnTo>
                    <a:pt x="804672" y="4572"/>
                  </a:lnTo>
                  <a:lnTo>
                    <a:pt x="804672" y="0"/>
                  </a:lnTo>
                  <a:close/>
                </a:path>
                <a:path w="969644" h="5079">
                  <a:moveTo>
                    <a:pt x="818388" y="0"/>
                  </a:moveTo>
                  <a:lnTo>
                    <a:pt x="809244" y="0"/>
                  </a:lnTo>
                  <a:lnTo>
                    <a:pt x="809244" y="4572"/>
                  </a:lnTo>
                  <a:lnTo>
                    <a:pt x="818388" y="4572"/>
                  </a:lnTo>
                  <a:lnTo>
                    <a:pt x="818388" y="0"/>
                  </a:lnTo>
                  <a:close/>
                </a:path>
                <a:path w="969644" h="5079">
                  <a:moveTo>
                    <a:pt x="832104" y="0"/>
                  </a:moveTo>
                  <a:lnTo>
                    <a:pt x="822960" y="0"/>
                  </a:lnTo>
                  <a:lnTo>
                    <a:pt x="822960" y="4572"/>
                  </a:lnTo>
                  <a:lnTo>
                    <a:pt x="832104" y="4572"/>
                  </a:lnTo>
                  <a:lnTo>
                    <a:pt x="832104" y="0"/>
                  </a:lnTo>
                  <a:close/>
                </a:path>
                <a:path w="969644" h="5079">
                  <a:moveTo>
                    <a:pt x="845820" y="0"/>
                  </a:moveTo>
                  <a:lnTo>
                    <a:pt x="836676" y="0"/>
                  </a:lnTo>
                  <a:lnTo>
                    <a:pt x="836676" y="4572"/>
                  </a:lnTo>
                  <a:lnTo>
                    <a:pt x="845820" y="4572"/>
                  </a:lnTo>
                  <a:lnTo>
                    <a:pt x="845820" y="0"/>
                  </a:lnTo>
                  <a:close/>
                </a:path>
                <a:path w="969644" h="5079">
                  <a:moveTo>
                    <a:pt x="859536" y="0"/>
                  </a:moveTo>
                  <a:lnTo>
                    <a:pt x="850392" y="0"/>
                  </a:lnTo>
                  <a:lnTo>
                    <a:pt x="850392" y="4572"/>
                  </a:lnTo>
                  <a:lnTo>
                    <a:pt x="859536" y="4572"/>
                  </a:lnTo>
                  <a:lnTo>
                    <a:pt x="859536" y="0"/>
                  </a:lnTo>
                  <a:close/>
                </a:path>
                <a:path w="969644" h="5079">
                  <a:moveTo>
                    <a:pt x="873252" y="0"/>
                  </a:moveTo>
                  <a:lnTo>
                    <a:pt x="864108" y="0"/>
                  </a:lnTo>
                  <a:lnTo>
                    <a:pt x="864108" y="4572"/>
                  </a:lnTo>
                  <a:lnTo>
                    <a:pt x="873252" y="4572"/>
                  </a:lnTo>
                  <a:lnTo>
                    <a:pt x="873252" y="0"/>
                  </a:lnTo>
                  <a:close/>
                </a:path>
                <a:path w="969644" h="5079">
                  <a:moveTo>
                    <a:pt x="886968" y="0"/>
                  </a:moveTo>
                  <a:lnTo>
                    <a:pt x="877824" y="0"/>
                  </a:lnTo>
                  <a:lnTo>
                    <a:pt x="877824" y="4572"/>
                  </a:lnTo>
                  <a:lnTo>
                    <a:pt x="886968" y="4572"/>
                  </a:lnTo>
                  <a:lnTo>
                    <a:pt x="886968" y="0"/>
                  </a:lnTo>
                  <a:close/>
                </a:path>
                <a:path w="969644" h="5079">
                  <a:moveTo>
                    <a:pt x="900684" y="0"/>
                  </a:moveTo>
                  <a:lnTo>
                    <a:pt x="891540" y="0"/>
                  </a:lnTo>
                  <a:lnTo>
                    <a:pt x="891540" y="4572"/>
                  </a:lnTo>
                  <a:lnTo>
                    <a:pt x="900684" y="4572"/>
                  </a:lnTo>
                  <a:lnTo>
                    <a:pt x="900684" y="0"/>
                  </a:lnTo>
                  <a:close/>
                </a:path>
                <a:path w="969644" h="5079">
                  <a:moveTo>
                    <a:pt x="914400" y="0"/>
                  </a:moveTo>
                  <a:lnTo>
                    <a:pt x="905256" y="0"/>
                  </a:lnTo>
                  <a:lnTo>
                    <a:pt x="905256" y="4572"/>
                  </a:lnTo>
                  <a:lnTo>
                    <a:pt x="914400" y="4572"/>
                  </a:lnTo>
                  <a:lnTo>
                    <a:pt x="914400" y="0"/>
                  </a:lnTo>
                  <a:close/>
                </a:path>
                <a:path w="969644" h="5079">
                  <a:moveTo>
                    <a:pt x="928116" y="0"/>
                  </a:moveTo>
                  <a:lnTo>
                    <a:pt x="918972" y="0"/>
                  </a:lnTo>
                  <a:lnTo>
                    <a:pt x="918972" y="4572"/>
                  </a:lnTo>
                  <a:lnTo>
                    <a:pt x="928116" y="4572"/>
                  </a:lnTo>
                  <a:lnTo>
                    <a:pt x="928116" y="0"/>
                  </a:lnTo>
                  <a:close/>
                </a:path>
                <a:path w="969644" h="5079">
                  <a:moveTo>
                    <a:pt x="941832" y="0"/>
                  </a:moveTo>
                  <a:lnTo>
                    <a:pt x="932688" y="0"/>
                  </a:lnTo>
                  <a:lnTo>
                    <a:pt x="932688" y="4572"/>
                  </a:lnTo>
                  <a:lnTo>
                    <a:pt x="941832" y="4572"/>
                  </a:lnTo>
                  <a:lnTo>
                    <a:pt x="941832" y="0"/>
                  </a:lnTo>
                  <a:close/>
                </a:path>
                <a:path w="969644" h="5079">
                  <a:moveTo>
                    <a:pt x="955548" y="0"/>
                  </a:moveTo>
                  <a:lnTo>
                    <a:pt x="946404" y="0"/>
                  </a:lnTo>
                  <a:lnTo>
                    <a:pt x="946404" y="4572"/>
                  </a:lnTo>
                  <a:lnTo>
                    <a:pt x="955548" y="4572"/>
                  </a:lnTo>
                  <a:lnTo>
                    <a:pt x="955548" y="0"/>
                  </a:lnTo>
                  <a:close/>
                </a:path>
                <a:path w="969644"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22" name="object 22"/>
            <p:cNvSpPr/>
            <p:nvPr/>
          </p:nvSpPr>
          <p:spPr>
            <a:xfrm>
              <a:off x="1901952" y="5495543"/>
              <a:ext cx="969644" cy="5080"/>
            </a:xfrm>
            <a:custGeom>
              <a:avLst/>
              <a:gdLst/>
              <a:ahLst/>
              <a:cxnLst/>
              <a:rect l="l" t="t" r="r" b="b"/>
              <a:pathLst>
                <a:path w="969644" h="5079">
                  <a:moveTo>
                    <a:pt x="9144" y="0"/>
                  </a:moveTo>
                  <a:lnTo>
                    <a:pt x="0" y="0"/>
                  </a:lnTo>
                  <a:lnTo>
                    <a:pt x="0" y="4572"/>
                  </a:lnTo>
                  <a:lnTo>
                    <a:pt x="9144" y="4572"/>
                  </a:lnTo>
                  <a:lnTo>
                    <a:pt x="9144" y="0"/>
                  </a:lnTo>
                  <a:close/>
                </a:path>
                <a:path w="969644" h="5079">
                  <a:moveTo>
                    <a:pt x="22860" y="0"/>
                  </a:moveTo>
                  <a:lnTo>
                    <a:pt x="13716" y="0"/>
                  </a:lnTo>
                  <a:lnTo>
                    <a:pt x="13716" y="4572"/>
                  </a:lnTo>
                  <a:lnTo>
                    <a:pt x="22860" y="4572"/>
                  </a:lnTo>
                  <a:lnTo>
                    <a:pt x="22860" y="0"/>
                  </a:lnTo>
                  <a:close/>
                </a:path>
                <a:path w="969644" h="5079">
                  <a:moveTo>
                    <a:pt x="36576" y="0"/>
                  </a:moveTo>
                  <a:lnTo>
                    <a:pt x="27432" y="0"/>
                  </a:lnTo>
                  <a:lnTo>
                    <a:pt x="27432" y="4572"/>
                  </a:lnTo>
                  <a:lnTo>
                    <a:pt x="36576" y="4572"/>
                  </a:lnTo>
                  <a:lnTo>
                    <a:pt x="36576" y="0"/>
                  </a:lnTo>
                  <a:close/>
                </a:path>
                <a:path w="969644" h="5079">
                  <a:moveTo>
                    <a:pt x="50292" y="0"/>
                  </a:moveTo>
                  <a:lnTo>
                    <a:pt x="41148" y="0"/>
                  </a:lnTo>
                  <a:lnTo>
                    <a:pt x="41148" y="4572"/>
                  </a:lnTo>
                  <a:lnTo>
                    <a:pt x="50292" y="4572"/>
                  </a:lnTo>
                  <a:lnTo>
                    <a:pt x="50292" y="0"/>
                  </a:lnTo>
                  <a:close/>
                </a:path>
                <a:path w="969644" h="5079">
                  <a:moveTo>
                    <a:pt x="64008" y="0"/>
                  </a:moveTo>
                  <a:lnTo>
                    <a:pt x="54864" y="0"/>
                  </a:lnTo>
                  <a:lnTo>
                    <a:pt x="54864" y="4572"/>
                  </a:lnTo>
                  <a:lnTo>
                    <a:pt x="64008" y="4572"/>
                  </a:lnTo>
                  <a:lnTo>
                    <a:pt x="64008" y="0"/>
                  </a:lnTo>
                  <a:close/>
                </a:path>
                <a:path w="969644" h="5079">
                  <a:moveTo>
                    <a:pt x="77724" y="0"/>
                  </a:moveTo>
                  <a:lnTo>
                    <a:pt x="68580" y="0"/>
                  </a:lnTo>
                  <a:lnTo>
                    <a:pt x="68580" y="4572"/>
                  </a:lnTo>
                  <a:lnTo>
                    <a:pt x="77724" y="4572"/>
                  </a:lnTo>
                  <a:lnTo>
                    <a:pt x="77724" y="0"/>
                  </a:lnTo>
                  <a:close/>
                </a:path>
                <a:path w="969644" h="5079">
                  <a:moveTo>
                    <a:pt x="91440" y="0"/>
                  </a:moveTo>
                  <a:lnTo>
                    <a:pt x="82296" y="0"/>
                  </a:lnTo>
                  <a:lnTo>
                    <a:pt x="82296" y="4572"/>
                  </a:lnTo>
                  <a:lnTo>
                    <a:pt x="91440" y="4572"/>
                  </a:lnTo>
                  <a:lnTo>
                    <a:pt x="91440" y="0"/>
                  </a:lnTo>
                  <a:close/>
                </a:path>
                <a:path w="969644" h="5079">
                  <a:moveTo>
                    <a:pt x="105156" y="0"/>
                  </a:moveTo>
                  <a:lnTo>
                    <a:pt x="96012" y="0"/>
                  </a:lnTo>
                  <a:lnTo>
                    <a:pt x="96012" y="4572"/>
                  </a:lnTo>
                  <a:lnTo>
                    <a:pt x="105156" y="4572"/>
                  </a:lnTo>
                  <a:lnTo>
                    <a:pt x="105156" y="0"/>
                  </a:lnTo>
                  <a:close/>
                </a:path>
                <a:path w="969644" h="5079">
                  <a:moveTo>
                    <a:pt x="118872" y="0"/>
                  </a:moveTo>
                  <a:lnTo>
                    <a:pt x="109728" y="0"/>
                  </a:lnTo>
                  <a:lnTo>
                    <a:pt x="109728" y="4572"/>
                  </a:lnTo>
                  <a:lnTo>
                    <a:pt x="118872" y="4572"/>
                  </a:lnTo>
                  <a:lnTo>
                    <a:pt x="118872" y="0"/>
                  </a:lnTo>
                  <a:close/>
                </a:path>
                <a:path w="969644" h="5079">
                  <a:moveTo>
                    <a:pt x="132588" y="0"/>
                  </a:moveTo>
                  <a:lnTo>
                    <a:pt x="123444" y="0"/>
                  </a:lnTo>
                  <a:lnTo>
                    <a:pt x="123444" y="4572"/>
                  </a:lnTo>
                  <a:lnTo>
                    <a:pt x="132588" y="4572"/>
                  </a:lnTo>
                  <a:lnTo>
                    <a:pt x="132588" y="0"/>
                  </a:lnTo>
                  <a:close/>
                </a:path>
                <a:path w="969644" h="5079">
                  <a:moveTo>
                    <a:pt x="146304" y="0"/>
                  </a:moveTo>
                  <a:lnTo>
                    <a:pt x="137160" y="0"/>
                  </a:lnTo>
                  <a:lnTo>
                    <a:pt x="137160" y="4572"/>
                  </a:lnTo>
                  <a:lnTo>
                    <a:pt x="146304" y="4572"/>
                  </a:lnTo>
                  <a:lnTo>
                    <a:pt x="146304" y="0"/>
                  </a:lnTo>
                  <a:close/>
                </a:path>
                <a:path w="969644" h="5079">
                  <a:moveTo>
                    <a:pt x="160020" y="0"/>
                  </a:moveTo>
                  <a:lnTo>
                    <a:pt x="150876" y="0"/>
                  </a:lnTo>
                  <a:lnTo>
                    <a:pt x="150876" y="4572"/>
                  </a:lnTo>
                  <a:lnTo>
                    <a:pt x="160020" y="4572"/>
                  </a:lnTo>
                  <a:lnTo>
                    <a:pt x="160020" y="0"/>
                  </a:lnTo>
                  <a:close/>
                </a:path>
                <a:path w="969644" h="5079">
                  <a:moveTo>
                    <a:pt x="173736" y="0"/>
                  </a:moveTo>
                  <a:lnTo>
                    <a:pt x="164592" y="0"/>
                  </a:lnTo>
                  <a:lnTo>
                    <a:pt x="164592" y="4572"/>
                  </a:lnTo>
                  <a:lnTo>
                    <a:pt x="173736" y="4572"/>
                  </a:lnTo>
                  <a:lnTo>
                    <a:pt x="173736" y="0"/>
                  </a:lnTo>
                  <a:close/>
                </a:path>
                <a:path w="969644" h="5079">
                  <a:moveTo>
                    <a:pt x="187452" y="0"/>
                  </a:moveTo>
                  <a:lnTo>
                    <a:pt x="178308" y="0"/>
                  </a:lnTo>
                  <a:lnTo>
                    <a:pt x="178308" y="4572"/>
                  </a:lnTo>
                  <a:lnTo>
                    <a:pt x="187452" y="4572"/>
                  </a:lnTo>
                  <a:lnTo>
                    <a:pt x="187452" y="0"/>
                  </a:lnTo>
                  <a:close/>
                </a:path>
                <a:path w="969644" h="5079">
                  <a:moveTo>
                    <a:pt x="201168" y="0"/>
                  </a:moveTo>
                  <a:lnTo>
                    <a:pt x="192024" y="0"/>
                  </a:lnTo>
                  <a:lnTo>
                    <a:pt x="192024" y="4572"/>
                  </a:lnTo>
                  <a:lnTo>
                    <a:pt x="201168" y="4572"/>
                  </a:lnTo>
                  <a:lnTo>
                    <a:pt x="201168" y="0"/>
                  </a:lnTo>
                  <a:close/>
                </a:path>
                <a:path w="969644" h="5079">
                  <a:moveTo>
                    <a:pt x="214884" y="0"/>
                  </a:moveTo>
                  <a:lnTo>
                    <a:pt x="205740" y="0"/>
                  </a:lnTo>
                  <a:lnTo>
                    <a:pt x="205740" y="4572"/>
                  </a:lnTo>
                  <a:lnTo>
                    <a:pt x="214884" y="4572"/>
                  </a:lnTo>
                  <a:lnTo>
                    <a:pt x="214884" y="0"/>
                  </a:lnTo>
                  <a:close/>
                </a:path>
                <a:path w="969644" h="5079">
                  <a:moveTo>
                    <a:pt x="228600" y="0"/>
                  </a:moveTo>
                  <a:lnTo>
                    <a:pt x="219456" y="0"/>
                  </a:lnTo>
                  <a:lnTo>
                    <a:pt x="219456" y="4572"/>
                  </a:lnTo>
                  <a:lnTo>
                    <a:pt x="228600" y="4572"/>
                  </a:lnTo>
                  <a:lnTo>
                    <a:pt x="228600" y="0"/>
                  </a:lnTo>
                  <a:close/>
                </a:path>
                <a:path w="969644" h="5079">
                  <a:moveTo>
                    <a:pt x="242316" y="0"/>
                  </a:moveTo>
                  <a:lnTo>
                    <a:pt x="233172" y="0"/>
                  </a:lnTo>
                  <a:lnTo>
                    <a:pt x="233172" y="4572"/>
                  </a:lnTo>
                  <a:lnTo>
                    <a:pt x="242316" y="4572"/>
                  </a:lnTo>
                  <a:lnTo>
                    <a:pt x="242316" y="0"/>
                  </a:lnTo>
                  <a:close/>
                </a:path>
                <a:path w="969644" h="5079">
                  <a:moveTo>
                    <a:pt x="256032" y="0"/>
                  </a:moveTo>
                  <a:lnTo>
                    <a:pt x="246888" y="0"/>
                  </a:lnTo>
                  <a:lnTo>
                    <a:pt x="246888" y="4572"/>
                  </a:lnTo>
                  <a:lnTo>
                    <a:pt x="256032" y="4572"/>
                  </a:lnTo>
                  <a:lnTo>
                    <a:pt x="256032" y="0"/>
                  </a:lnTo>
                  <a:close/>
                </a:path>
                <a:path w="969644" h="5079">
                  <a:moveTo>
                    <a:pt x="269748" y="0"/>
                  </a:moveTo>
                  <a:lnTo>
                    <a:pt x="259080" y="0"/>
                  </a:lnTo>
                  <a:lnTo>
                    <a:pt x="259080" y="4572"/>
                  </a:lnTo>
                  <a:lnTo>
                    <a:pt x="269748" y="4572"/>
                  </a:lnTo>
                  <a:lnTo>
                    <a:pt x="269748" y="0"/>
                  </a:lnTo>
                  <a:close/>
                </a:path>
                <a:path w="969644" h="5079">
                  <a:moveTo>
                    <a:pt x="283464" y="0"/>
                  </a:moveTo>
                  <a:lnTo>
                    <a:pt x="272796" y="0"/>
                  </a:lnTo>
                  <a:lnTo>
                    <a:pt x="272796" y="4572"/>
                  </a:lnTo>
                  <a:lnTo>
                    <a:pt x="283464" y="4572"/>
                  </a:lnTo>
                  <a:lnTo>
                    <a:pt x="283464" y="0"/>
                  </a:lnTo>
                  <a:close/>
                </a:path>
                <a:path w="969644" h="5079">
                  <a:moveTo>
                    <a:pt x="297180" y="0"/>
                  </a:moveTo>
                  <a:lnTo>
                    <a:pt x="286512" y="0"/>
                  </a:lnTo>
                  <a:lnTo>
                    <a:pt x="286512" y="4572"/>
                  </a:lnTo>
                  <a:lnTo>
                    <a:pt x="297180" y="4572"/>
                  </a:lnTo>
                  <a:lnTo>
                    <a:pt x="297180" y="0"/>
                  </a:lnTo>
                  <a:close/>
                </a:path>
                <a:path w="969644" h="5079">
                  <a:moveTo>
                    <a:pt x="310896" y="0"/>
                  </a:moveTo>
                  <a:lnTo>
                    <a:pt x="300228" y="0"/>
                  </a:lnTo>
                  <a:lnTo>
                    <a:pt x="300228" y="4572"/>
                  </a:lnTo>
                  <a:lnTo>
                    <a:pt x="310896" y="4572"/>
                  </a:lnTo>
                  <a:lnTo>
                    <a:pt x="310896" y="0"/>
                  </a:lnTo>
                  <a:close/>
                </a:path>
                <a:path w="969644" h="5079">
                  <a:moveTo>
                    <a:pt x="324612" y="0"/>
                  </a:moveTo>
                  <a:lnTo>
                    <a:pt x="313944" y="0"/>
                  </a:lnTo>
                  <a:lnTo>
                    <a:pt x="313944" y="4572"/>
                  </a:lnTo>
                  <a:lnTo>
                    <a:pt x="324612" y="4572"/>
                  </a:lnTo>
                  <a:lnTo>
                    <a:pt x="324612" y="0"/>
                  </a:lnTo>
                  <a:close/>
                </a:path>
                <a:path w="969644" h="5079">
                  <a:moveTo>
                    <a:pt x="338328" y="0"/>
                  </a:moveTo>
                  <a:lnTo>
                    <a:pt x="327660" y="0"/>
                  </a:lnTo>
                  <a:lnTo>
                    <a:pt x="327660" y="4572"/>
                  </a:lnTo>
                  <a:lnTo>
                    <a:pt x="338328" y="4572"/>
                  </a:lnTo>
                  <a:lnTo>
                    <a:pt x="338328" y="0"/>
                  </a:lnTo>
                  <a:close/>
                </a:path>
                <a:path w="969644" h="5079">
                  <a:moveTo>
                    <a:pt x="352044" y="0"/>
                  </a:moveTo>
                  <a:lnTo>
                    <a:pt x="341376" y="0"/>
                  </a:lnTo>
                  <a:lnTo>
                    <a:pt x="341376" y="4572"/>
                  </a:lnTo>
                  <a:lnTo>
                    <a:pt x="352044" y="4572"/>
                  </a:lnTo>
                  <a:lnTo>
                    <a:pt x="352044" y="0"/>
                  </a:lnTo>
                  <a:close/>
                </a:path>
                <a:path w="969644" h="5079">
                  <a:moveTo>
                    <a:pt x="365760" y="0"/>
                  </a:moveTo>
                  <a:lnTo>
                    <a:pt x="355092" y="0"/>
                  </a:lnTo>
                  <a:lnTo>
                    <a:pt x="355092" y="4572"/>
                  </a:lnTo>
                  <a:lnTo>
                    <a:pt x="365760" y="4572"/>
                  </a:lnTo>
                  <a:lnTo>
                    <a:pt x="365760" y="0"/>
                  </a:lnTo>
                  <a:close/>
                </a:path>
                <a:path w="969644" h="5079">
                  <a:moveTo>
                    <a:pt x="379476" y="0"/>
                  </a:moveTo>
                  <a:lnTo>
                    <a:pt x="368808" y="0"/>
                  </a:lnTo>
                  <a:lnTo>
                    <a:pt x="368808" y="4572"/>
                  </a:lnTo>
                  <a:lnTo>
                    <a:pt x="379476" y="4572"/>
                  </a:lnTo>
                  <a:lnTo>
                    <a:pt x="379476" y="0"/>
                  </a:lnTo>
                  <a:close/>
                </a:path>
                <a:path w="969644" h="5079">
                  <a:moveTo>
                    <a:pt x="393192" y="0"/>
                  </a:moveTo>
                  <a:lnTo>
                    <a:pt x="382524" y="0"/>
                  </a:lnTo>
                  <a:lnTo>
                    <a:pt x="382524" y="4572"/>
                  </a:lnTo>
                  <a:lnTo>
                    <a:pt x="393192" y="4572"/>
                  </a:lnTo>
                  <a:lnTo>
                    <a:pt x="393192" y="0"/>
                  </a:lnTo>
                  <a:close/>
                </a:path>
                <a:path w="969644" h="5079">
                  <a:moveTo>
                    <a:pt x="406908" y="0"/>
                  </a:moveTo>
                  <a:lnTo>
                    <a:pt x="396240" y="0"/>
                  </a:lnTo>
                  <a:lnTo>
                    <a:pt x="396240" y="4572"/>
                  </a:lnTo>
                  <a:lnTo>
                    <a:pt x="406908" y="4572"/>
                  </a:lnTo>
                  <a:lnTo>
                    <a:pt x="406908" y="0"/>
                  </a:lnTo>
                  <a:close/>
                </a:path>
                <a:path w="969644" h="5079">
                  <a:moveTo>
                    <a:pt x="420624" y="0"/>
                  </a:moveTo>
                  <a:lnTo>
                    <a:pt x="409956" y="0"/>
                  </a:lnTo>
                  <a:lnTo>
                    <a:pt x="409956" y="4572"/>
                  </a:lnTo>
                  <a:lnTo>
                    <a:pt x="420624" y="4572"/>
                  </a:lnTo>
                  <a:lnTo>
                    <a:pt x="420624" y="0"/>
                  </a:lnTo>
                  <a:close/>
                </a:path>
                <a:path w="969644" h="5079">
                  <a:moveTo>
                    <a:pt x="434340" y="0"/>
                  </a:moveTo>
                  <a:lnTo>
                    <a:pt x="423672" y="0"/>
                  </a:lnTo>
                  <a:lnTo>
                    <a:pt x="423672" y="4572"/>
                  </a:lnTo>
                  <a:lnTo>
                    <a:pt x="434340" y="4572"/>
                  </a:lnTo>
                  <a:lnTo>
                    <a:pt x="434340" y="0"/>
                  </a:lnTo>
                  <a:close/>
                </a:path>
                <a:path w="969644" h="5079">
                  <a:moveTo>
                    <a:pt x="448056" y="0"/>
                  </a:moveTo>
                  <a:lnTo>
                    <a:pt x="437388" y="0"/>
                  </a:lnTo>
                  <a:lnTo>
                    <a:pt x="437388" y="4572"/>
                  </a:lnTo>
                  <a:lnTo>
                    <a:pt x="448056" y="4572"/>
                  </a:lnTo>
                  <a:lnTo>
                    <a:pt x="448056" y="0"/>
                  </a:lnTo>
                  <a:close/>
                </a:path>
                <a:path w="969644" h="5079">
                  <a:moveTo>
                    <a:pt x="461772" y="0"/>
                  </a:moveTo>
                  <a:lnTo>
                    <a:pt x="451104" y="0"/>
                  </a:lnTo>
                  <a:lnTo>
                    <a:pt x="451104" y="4572"/>
                  </a:lnTo>
                  <a:lnTo>
                    <a:pt x="461772" y="4572"/>
                  </a:lnTo>
                  <a:lnTo>
                    <a:pt x="461772" y="0"/>
                  </a:lnTo>
                  <a:close/>
                </a:path>
                <a:path w="969644" h="5079">
                  <a:moveTo>
                    <a:pt x="475488" y="0"/>
                  </a:moveTo>
                  <a:lnTo>
                    <a:pt x="464820" y="0"/>
                  </a:lnTo>
                  <a:lnTo>
                    <a:pt x="464820" y="4572"/>
                  </a:lnTo>
                  <a:lnTo>
                    <a:pt x="475488" y="4572"/>
                  </a:lnTo>
                  <a:lnTo>
                    <a:pt x="475488" y="0"/>
                  </a:lnTo>
                  <a:close/>
                </a:path>
                <a:path w="969644" h="5079">
                  <a:moveTo>
                    <a:pt x="489204" y="0"/>
                  </a:moveTo>
                  <a:lnTo>
                    <a:pt x="478536" y="0"/>
                  </a:lnTo>
                  <a:lnTo>
                    <a:pt x="478536" y="4572"/>
                  </a:lnTo>
                  <a:lnTo>
                    <a:pt x="489204" y="4572"/>
                  </a:lnTo>
                  <a:lnTo>
                    <a:pt x="489204" y="0"/>
                  </a:lnTo>
                  <a:close/>
                </a:path>
                <a:path w="969644" h="5079">
                  <a:moveTo>
                    <a:pt x="502920" y="0"/>
                  </a:moveTo>
                  <a:lnTo>
                    <a:pt x="492252" y="0"/>
                  </a:lnTo>
                  <a:lnTo>
                    <a:pt x="492252" y="4572"/>
                  </a:lnTo>
                  <a:lnTo>
                    <a:pt x="502920" y="4572"/>
                  </a:lnTo>
                  <a:lnTo>
                    <a:pt x="502920" y="0"/>
                  </a:lnTo>
                  <a:close/>
                </a:path>
                <a:path w="969644" h="5079">
                  <a:moveTo>
                    <a:pt x="516636" y="0"/>
                  </a:moveTo>
                  <a:lnTo>
                    <a:pt x="505968" y="0"/>
                  </a:lnTo>
                  <a:lnTo>
                    <a:pt x="505968" y="4572"/>
                  </a:lnTo>
                  <a:lnTo>
                    <a:pt x="516636" y="4572"/>
                  </a:lnTo>
                  <a:lnTo>
                    <a:pt x="516636" y="0"/>
                  </a:lnTo>
                  <a:close/>
                </a:path>
                <a:path w="969644" h="5079">
                  <a:moveTo>
                    <a:pt x="530352" y="0"/>
                  </a:moveTo>
                  <a:lnTo>
                    <a:pt x="519684" y="0"/>
                  </a:lnTo>
                  <a:lnTo>
                    <a:pt x="519684" y="4572"/>
                  </a:lnTo>
                  <a:lnTo>
                    <a:pt x="530352" y="4572"/>
                  </a:lnTo>
                  <a:lnTo>
                    <a:pt x="530352" y="0"/>
                  </a:lnTo>
                  <a:close/>
                </a:path>
                <a:path w="969644" h="5079">
                  <a:moveTo>
                    <a:pt x="544068" y="0"/>
                  </a:moveTo>
                  <a:lnTo>
                    <a:pt x="533400" y="0"/>
                  </a:lnTo>
                  <a:lnTo>
                    <a:pt x="533400" y="4572"/>
                  </a:lnTo>
                  <a:lnTo>
                    <a:pt x="544068" y="4572"/>
                  </a:lnTo>
                  <a:lnTo>
                    <a:pt x="544068" y="0"/>
                  </a:lnTo>
                  <a:close/>
                </a:path>
                <a:path w="969644" h="5079">
                  <a:moveTo>
                    <a:pt x="557784" y="0"/>
                  </a:moveTo>
                  <a:lnTo>
                    <a:pt x="547116" y="0"/>
                  </a:lnTo>
                  <a:lnTo>
                    <a:pt x="547116" y="4572"/>
                  </a:lnTo>
                  <a:lnTo>
                    <a:pt x="557784" y="4572"/>
                  </a:lnTo>
                  <a:lnTo>
                    <a:pt x="557784" y="0"/>
                  </a:lnTo>
                  <a:close/>
                </a:path>
                <a:path w="969644" h="5079">
                  <a:moveTo>
                    <a:pt x="571500" y="0"/>
                  </a:moveTo>
                  <a:lnTo>
                    <a:pt x="560832" y="0"/>
                  </a:lnTo>
                  <a:lnTo>
                    <a:pt x="560832" y="4572"/>
                  </a:lnTo>
                  <a:lnTo>
                    <a:pt x="571500" y="4572"/>
                  </a:lnTo>
                  <a:lnTo>
                    <a:pt x="571500" y="0"/>
                  </a:lnTo>
                  <a:close/>
                </a:path>
                <a:path w="969644" h="5079">
                  <a:moveTo>
                    <a:pt x="585216" y="0"/>
                  </a:moveTo>
                  <a:lnTo>
                    <a:pt x="574548" y="0"/>
                  </a:lnTo>
                  <a:lnTo>
                    <a:pt x="574548" y="4572"/>
                  </a:lnTo>
                  <a:lnTo>
                    <a:pt x="585216" y="4572"/>
                  </a:lnTo>
                  <a:lnTo>
                    <a:pt x="585216" y="0"/>
                  </a:lnTo>
                  <a:close/>
                </a:path>
                <a:path w="969644" h="5079">
                  <a:moveTo>
                    <a:pt x="598932" y="0"/>
                  </a:moveTo>
                  <a:lnTo>
                    <a:pt x="588264" y="0"/>
                  </a:lnTo>
                  <a:lnTo>
                    <a:pt x="588264" y="4572"/>
                  </a:lnTo>
                  <a:lnTo>
                    <a:pt x="598932" y="4572"/>
                  </a:lnTo>
                  <a:lnTo>
                    <a:pt x="598932" y="0"/>
                  </a:lnTo>
                  <a:close/>
                </a:path>
                <a:path w="969644" h="5079">
                  <a:moveTo>
                    <a:pt x="612648" y="0"/>
                  </a:moveTo>
                  <a:lnTo>
                    <a:pt x="601980" y="0"/>
                  </a:lnTo>
                  <a:lnTo>
                    <a:pt x="601980" y="4572"/>
                  </a:lnTo>
                  <a:lnTo>
                    <a:pt x="612648" y="4572"/>
                  </a:lnTo>
                  <a:lnTo>
                    <a:pt x="612648" y="0"/>
                  </a:lnTo>
                  <a:close/>
                </a:path>
                <a:path w="969644" h="5079">
                  <a:moveTo>
                    <a:pt x="626364" y="0"/>
                  </a:moveTo>
                  <a:lnTo>
                    <a:pt x="615696" y="0"/>
                  </a:lnTo>
                  <a:lnTo>
                    <a:pt x="615696" y="4572"/>
                  </a:lnTo>
                  <a:lnTo>
                    <a:pt x="626364" y="4572"/>
                  </a:lnTo>
                  <a:lnTo>
                    <a:pt x="626364" y="0"/>
                  </a:lnTo>
                  <a:close/>
                </a:path>
                <a:path w="969644" h="5079">
                  <a:moveTo>
                    <a:pt x="640080" y="0"/>
                  </a:moveTo>
                  <a:lnTo>
                    <a:pt x="629412" y="0"/>
                  </a:lnTo>
                  <a:lnTo>
                    <a:pt x="629412" y="4572"/>
                  </a:lnTo>
                  <a:lnTo>
                    <a:pt x="640080" y="4572"/>
                  </a:lnTo>
                  <a:lnTo>
                    <a:pt x="640080" y="0"/>
                  </a:lnTo>
                  <a:close/>
                </a:path>
                <a:path w="969644" h="5079">
                  <a:moveTo>
                    <a:pt x="653796" y="0"/>
                  </a:moveTo>
                  <a:lnTo>
                    <a:pt x="643128" y="0"/>
                  </a:lnTo>
                  <a:lnTo>
                    <a:pt x="643128" y="4572"/>
                  </a:lnTo>
                  <a:lnTo>
                    <a:pt x="653796" y="4572"/>
                  </a:lnTo>
                  <a:lnTo>
                    <a:pt x="653796" y="0"/>
                  </a:lnTo>
                  <a:close/>
                </a:path>
                <a:path w="969644" h="5079">
                  <a:moveTo>
                    <a:pt x="667512" y="0"/>
                  </a:moveTo>
                  <a:lnTo>
                    <a:pt x="656844" y="0"/>
                  </a:lnTo>
                  <a:lnTo>
                    <a:pt x="656844" y="4572"/>
                  </a:lnTo>
                  <a:lnTo>
                    <a:pt x="667512" y="4572"/>
                  </a:lnTo>
                  <a:lnTo>
                    <a:pt x="667512" y="0"/>
                  </a:lnTo>
                  <a:close/>
                </a:path>
                <a:path w="969644" h="5079">
                  <a:moveTo>
                    <a:pt x="681228" y="0"/>
                  </a:moveTo>
                  <a:lnTo>
                    <a:pt x="670560" y="0"/>
                  </a:lnTo>
                  <a:lnTo>
                    <a:pt x="670560" y="4572"/>
                  </a:lnTo>
                  <a:lnTo>
                    <a:pt x="681228" y="4572"/>
                  </a:lnTo>
                  <a:lnTo>
                    <a:pt x="681228" y="0"/>
                  </a:lnTo>
                  <a:close/>
                </a:path>
                <a:path w="969644" h="5079">
                  <a:moveTo>
                    <a:pt x="694944" y="0"/>
                  </a:moveTo>
                  <a:lnTo>
                    <a:pt x="684276" y="0"/>
                  </a:lnTo>
                  <a:lnTo>
                    <a:pt x="684276" y="4572"/>
                  </a:lnTo>
                  <a:lnTo>
                    <a:pt x="694944" y="4572"/>
                  </a:lnTo>
                  <a:lnTo>
                    <a:pt x="694944" y="0"/>
                  </a:lnTo>
                  <a:close/>
                </a:path>
                <a:path w="969644" h="5079">
                  <a:moveTo>
                    <a:pt x="708660" y="0"/>
                  </a:moveTo>
                  <a:lnTo>
                    <a:pt x="697992" y="0"/>
                  </a:lnTo>
                  <a:lnTo>
                    <a:pt x="697992" y="4572"/>
                  </a:lnTo>
                  <a:lnTo>
                    <a:pt x="708660" y="4572"/>
                  </a:lnTo>
                  <a:lnTo>
                    <a:pt x="708660" y="0"/>
                  </a:lnTo>
                  <a:close/>
                </a:path>
                <a:path w="969644" h="5079">
                  <a:moveTo>
                    <a:pt x="722376" y="0"/>
                  </a:moveTo>
                  <a:lnTo>
                    <a:pt x="711708" y="0"/>
                  </a:lnTo>
                  <a:lnTo>
                    <a:pt x="711708" y="4572"/>
                  </a:lnTo>
                  <a:lnTo>
                    <a:pt x="722376" y="4572"/>
                  </a:lnTo>
                  <a:lnTo>
                    <a:pt x="722376" y="0"/>
                  </a:lnTo>
                  <a:close/>
                </a:path>
                <a:path w="969644" h="5079">
                  <a:moveTo>
                    <a:pt x="736092" y="0"/>
                  </a:moveTo>
                  <a:lnTo>
                    <a:pt x="725424" y="0"/>
                  </a:lnTo>
                  <a:lnTo>
                    <a:pt x="725424" y="4572"/>
                  </a:lnTo>
                  <a:lnTo>
                    <a:pt x="736092" y="4572"/>
                  </a:lnTo>
                  <a:lnTo>
                    <a:pt x="736092" y="0"/>
                  </a:lnTo>
                  <a:close/>
                </a:path>
                <a:path w="969644" h="5079">
                  <a:moveTo>
                    <a:pt x="749808" y="0"/>
                  </a:moveTo>
                  <a:lnTo>
                    <a:pt x="739140" y="0"/>
                  </a:lnTo>
                  <a:lnTo>
                    <a:pt x="739140" y="4572"/>
                  </a:lnTo>
                  <a:lnTo>
                    <a:pt x="749808" y="4572"/>
                  </a:lnTo>
                  <a:lnTo>
                    <a:pt x="749808" y="0"/>
                  </a:lnTo>
                  <a:close/>
                </a:path>
                <a:path w="969644" h="5079">
                  <a:moveTo>
                    <a:pt x="763524" y="0"/>
                  </a:moveTo>
                  <a:lnTo>
                    <a:pt x="752856" y="0"/>
                  </a:lnTo>
                  <a:lnTo>
                    <a:pt x="752856" y="4572"/>
                  </a:lnTo>
                  <a:lnTo>
                    <a:pt x="763524" y="4572"/>
                  </a:lnTo>
                  <a:lnTo>
                    <a:pt x="763524" y="0"/>
                  </a:lnTo>
                  <a:close/>
                </a:path>
                <a:path w="969644" h="5079">
                  <a:moveTo>
                    <a:pt x="777240" y="0"/>
                  </a:moveTo>
                  <a:lnTo>
                    <a:pt x="766572" y="0"/>
                  </a:lnTo>
                  <a:lnTo>
                    <a:pt x="766572" y="4572"/>
                  </a:lnTo>
                  <a:lnTo>
                    <a:pt x="777240" y="4572"/>
                  </a:lnTo>
                  <a:lnTo>
                    <a:pt x="777240" y="0"/>
                  </a:lnTo>
                  <a:close/>
                </a:path>
                <a:path w="969644" h="5079">
                  <a:moveTo>
                    <a:pt x="790956" y="0"/>
                  </a:moveTo>
                  <a:lnTo>
                    <a:pt x="780288" y="0"/>
                  </a:lnTo>
                  <a:lnTo>
                    <a:pt x="780288"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23" name="object 23"/>
            <p:cNvSpPr/>
            <p:nvPr/>
          </p:nvSpPr>
          <p:spPr>
            <a:xfrm>
              <a:off x="2860548" y="5495543"/>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19" y="0"/>
                  </a:moveTo>
                  <a:lnTo>
                    <a:pt x="397764" y="0"/>
                  </a:lnTo>
                  <a:lnTo>
                    <a:pt x="397764" y="4572"/>
                  </a:lnTo>
                  <a:lnTo>
                    <a:pt x="408419" y="4572"/>
                  </a:lnTo>
                  <a:lnTo>
                    <a:pt x="408419"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31" y="0"/>
                  </a:lnTo>
                  <a:lnTo>
                    <a:pt x="466331"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24" name="object 24"/>
            <p:cNvSpPr/>
            <p:nvPr/>
          </p:nvSpPr>
          <p:spPr>
            <a:xfrm>
              <a:off x="3820668" y="5495543"/>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2900" y="0"/>
                  </a:lnTo>
                  <a:lnTo>
                    <a:pt x="342900"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76" y="0"/>
                  </a:moveTo>
                  <a:lnTo>
                    <a:pt x="370332" y="0"/>
                  </a:lnTo>
                  <a:lnTo>
                    <a:pt x="370332" y="4572"/>
                  </a:lnTo>
                  <a:lnTo>
                    <a:pt x="379476" y="4572"/>
                  </a:lnTo>
                  <a:lnTo>
                    <a:pt x="379476"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80" y="0"/>
                  </a:lnTo>
                  <a:lnTo>
                    <a:pt x="411480"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56" y="0"/>
                  </a:moveTo>
                  <a:lnTo>
                    <a:pt x="438912" y="0"/>
                  </a:lnTo>
                  <a:lnTo>
                    <a:pt x="438912" y="4572"/>
                  </a:lnTo>
                  <a:lnTo>
                    <a:pt x="448056" y="4572"/>
                  </a:lnTo>
                  <a:lnTo>
                    <a:pt x="448056" y="0"/>
                  </a:lnTo>
                  <a:close/>
                </a:path>
                <a:path w="969645" h="5079">
                  <a:moveTo>
                    <a:pt x="461772" y="0"/>
                  </a:moveTo>
                  <a:lnTo>
                    <a:pt x="452628" y="0"/>
                  </a:lnTo>
                  <a:lnTo>
                    <a:pt x="452628"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25" name="object 25"/>
            <p:cNvSpPr/>
            <p:nvPr/>
          </p:nvSpPr>
          <p:spPr>
            <a:xfrm>
              <a:off x="4779264" y="5495543"/>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26" name="object 26"/>
            <p:cNvSpPr/>
            <p:nvPr/>
          </p:nvSpPr>
          <p:spPr>
            <a:xfrm>
              <a:off x="5739384" y="5495543"/>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600456" y="0"/>
                  </a:moveTo>
                  <a:lnTo>
                    <a:pt x="589788" y="0"/>
                  </a:lnTo>
                  <a:lnTo>
                    <a:pt x="589788" y="4572"/>
                  </a:lnTo>
                  <a:lnTo>
                    <a:pt x="600456" y="4572"/>
                  </a:lnTo>
                  <a:lnTo>
                    <a:pt x="600456" y="0"/>
                  </a:lnTo>
                  <a:close/>
                </a:path>
                <a:path w="969645" h="5079">
                  <a:moveTo>
                    <a:pt x="614172" y="0"/>
                  </a:moveTo>
                  <a:lnTo>
                    <a:pt x="603504" y="0"/>
                  </a:lnTo>
                  <a:lnTo>
                    <a:pt x="603504" y="4572"/>
                  </a:lnTo>
                  <a:lnTo>
                    <a:pt x="614172" y="4572"/>
                  </a:lnTo>
                  <a:lnTo>
                    <a:pt x="614172" y="0"/>
                  </a:lnTo>
                  <a:close/>
                </a:path>
                <a:path w="969645" h="5079">
                  <a:moveTo>
                    <a:pt x="627888" y="0"/>
                  </a:moveTo>
                  <a:lnTo>
                    <a:pt x="617220" y="0"/>
                  </a:lnTo>
                  <a:lnTo>
                    <a:pt x="617220" y="4572"/>
                  </a:lnTo>
                  <a:lnTo>
                    <a:pt x="627888" y="4572"/>
                  </a:lnTo>
                  <a:lnTo>
                    <a:pt x="627888" y="0"/>
                  </a:lnTo>
                  <a:close/>
                </a:path>
                <a:path w="969645" h="5079">
                  <a:moveTo>
                    <a:pt x="641604" y="0"/>
                  </a:moveTo>
                  <a:lnTo>
                    <a:pt x="630936" y="0"/>
                  </a:lnTo>
                  <a:lnTo>
                    <a:pt x="630936" y="4572"/>
                  </a:lnTo>
                  <a:lnTo>
                    <a:pt x="641604" y="4572"/>
                  </a:lnTo>
                  <a:lnTo>
                    <a:pt x="641604" y="0"/>
                  </a:lnTo>
                  <a:close/>
                </a:path>
                <a:path w="969645" h="5079">
                  <a:moveTo>
                    <a:pt x="655320" y="0"/>
                  </a:moveTo>
                  <a:lnTo>
                    <a:pt x="644652" y="0"/>
                  </a:lnTo>
                  <a:lnTo>
                    <a:pt x="644652" y="4572"/>
                  </a:lnTo>
                  <a:lnTo>
                    <a:pt x="655320" y="4572"/>
                  </a:lnTo>
                  <a:lnTo>
                    <a:pt x="655320" y="0"/>
                  </a:lnTo>
                  <a:close/>
                </a:path>
                <a:path w="969645" h="5079">
                  <a:moveTo>
                    <a:pt x="669036" y="0"/>
                  </a:moveTo>
                  <a:lnTo>
                    <a:pt x="658368" y="0"/>
                  </a:lnTo>
                  <a:lnTo>
                    <a:pt x="658368" y="4572"/>
                  </a:lnTo>
                  <a:lnTo>
                    <a:pt x="669036" y="4572"/>
                  </a:lnTo>
                  <a:lnTo>
                    <a:pt x="669036" y="0"/>
                  </a:lnTo>
                  <a:close/>
                </a:path>
                <a:path w="969645" h="5079">
                  <a:moveTo>
                    <a:pt x="682752" y="0"/>
                  </a:moveTo>
                  <a:lnTo>
                    <a:pt x="672084" y="0"/>
                  </a:lnTo>
                  <a:lnTo>
                    <a:pt x="672084" y="4572"/>
                  </a:lnTo>
                  <a:lnTo>
                    <a:pt x="682752" y="4572"/>
                  </a:lnTo>
                  <a:lnTo>
                    <a:pt x="682752"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11" y="0"/>
                  </a:moveTo>
                  <a:lnTo>
                    <a:pt x="754380" y="0"/>
                  </a:lnTo>
                  <a:lnTo>
                    <a:pt x="754380" y="4572"/>
                  </a:lnTo>
                  <a:lnTo>
                    <a:pt x="763511" y="4572"/>
                  </a:lnTo>
                  <a:lnTo>
                    <a:pt x="763511"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15" y="0"/>
                  </a:lnTo>
                  <a:lnTo>
                    <a:pt x="795515"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63" y="0"/>
                  </a:lnTo>
                  <a:lnTo>
                    <a:pt x="836663"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39" y="0"/>
                  </a:moveTo>
                  <a:lnTo>
                    <a:pt x="864108" y="0"/>
                  </a:lnTo>
                  <a:lnTo>
                    <a:pt x="864108" y="4572"/>
                  </a:lnTo>
                  <a:lnTo>
                    <a:pt x="873239" y="4572"/>
                  </a:lnTo>
                  <a:lnTo>
                    <a:pt x="873239" y="0"/>
                  </a:lnTo>
                  <a:close/>
                </a:path>
                <a:path w="969645" h="5079">
                  <a:moveTo>
                    <a:pt x="886968" y="0"/>
                  </a:moveTo>
                  <a:lnTo>
                    <a:pt x="877811" y="0"/>
                  </a:lnTo>
                  <a:lnTo>
                    <a:pt x="877811"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387" y="0"/>
                  </a:moveTo>
                  <a:lnTo>
                    <a:pt x="905256" y="0"/>
                  </a:lnTo>
                  <a:lnTo>
                    <a:pt x="905256" y="4572"/>
                  </a:lnTo>
                  <a:lnTo>
                    <a:pt x="914387" y="4572"/>
                  </a:lnTo>
                  <a:lnTo>
                    <a:pt x="914387"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27" name="object 27"/>
            <p:cNvSpPr/>
            <p:nvPr/>
          </p:nvSpPr>
          <p:spPr>
            <a:xfrm>
              <a:off x="6699504" y="5495543"/>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1376" y="0"/>
                  </a:lnTo>
                  <a:lnTo>
                    <a:pt x="341376"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28" name="object 28"/>
            <p:cNvSpPr/>
            <p:nvPr/>
          </p:nvSpPr>
          <p:spPr>
            <a:xfrm>
              <a:off x="7658100" y="5495543"/>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29" name="object 29"/>
            <p:cNvSpPr/>
            <p:nvPr/>
          </p:nvSpPr>
          <p:spPr>
            <a:xfrm>
              <a:off x="406908" y="5017007"/>
              <a:ext cx="9052560" cy="483234"/>
            </a:xfrm>
            <a:custGeom>
              <a:avLst/>
              <a:gdLst/>
              <a:ahLst/>
              <a:cxnLst/>
              <a:rect l="l" t="t" r="r" b="b"/>
              <a:pathLst>
                <a:path w="9052560" h="483235">
                  <a:moveTo>
                    <a:pt x="10668" y="0"/>
                  </a:moveTo>
                  <a:lnTo>
                    <a:pt x="0" y="0"/>
                  </a:lnTo>
                  <a:lnTo>
                    <a:pt x="0" y="4572"/>
                  </a:lnTo>
                  <a:lnTo>
                    <a:pt x="10668" y="4572"/>
                  </a:lnTo>
                  <a:lnTo>
                    <a:pt x="10668" y="0"/>
                  </a:lnTo>
                  <a:close/>
                </a:path>
                <a:path w="9052560" h="483235">
                  <a:moveTo>
                    <a:pt x="24384" y="0"/>
                  </a:moveTo>
                  <a:lnTo>
                    <a:pt x="13716" y="0"/>
                  </a:lnTo>
                  <a:lnTo>
                    <a:pt x="13716" y="4572"/>
                  </a:lnTo>
                  <a:lnTo>
                    <a:pt x="24384" y="4572"/>
                  </a:lnTo>
                  <a:lnTo>
                    <a:pt x="24384" y="0"/>
                  </a:lnTo>
                  <a:close/>
                </a:path>
                <a:path w="9052560" h="483235">
                  <a:moveTo>
                    <a:pt x="38100" y="0"/>
                  </a:moveTo>
                  <a:lnTo>
                    <a:pt x="27432" y="0"/>
                  </a:lnTo>
                  <a:lnTo>
                    <a:pt x="27432" y="4572"/>
                  </a:lnTo>
                  <a:lnTo>
                    <a:pt x="38100" y="4572"/>
                  </a:lnTo>
                  <a:lnTo>
                    <a:pt x="38100" y="0"/>
                  </a:lnTo>
                  <a:close/>
                </a:path>
                <a:path w="9052560" h="483235">
                  <a:moveTo>
                    <a:pt x="51816" y="0"/>
                  </a:moveTo>
                  <a:lnTo>
                    <a:pt x="41148" y="0"/>
                  </a:lnTo>
                  <a:lnTo>
                    <a:pt x="41148" y="4572"/>
                  </a:lnTo>
                  <a:lnTo>
                    <a:pt x="51816" y="4572"/>
                  </a:lnTo>
                  <a:lnTo>
                    <a:pt x="51816" y="0"/>
                  </a:lnTo>
                  <a:close/>
                </a:path>
                <a:path w="9052560" h="483235">
                  <a:moveTo>
                    <a:pt x="65532" y="0"/>
                  </a:moveTo>
                  <a:lnTo>
                    <a:pt x="54864" y="0"/>
                  </a:lnTo>
                  <a:lnTo>
                    <a:pt x="54864" y="4572"/>
                  </a:lnTo>
                  <a:lnTo>
                    <a:pt x="65532" y="4572"/>
                  </a:lnTo>
                  <a:lnTo>
                    <a:pt x="65532" y="0"/>
                  </a:lnTo>
                  <a:close/>
                </a:path>
                <a:path w="9052560" h="483235">
                  <a:moveTo>
                    <a:pt x="79248" y="0"/>
                  </a:moveTo>
                  <a:lnTo>
                    <a:pt x="68580" y="0"/>
                  </a:lnTo>
                  <a:lnTo>
                    <a:pt x="68580" y="4572"/>
                  </a:lnTo>
                  <a:lnTo>
                    <a:pt x="79248" y="4572"/>
                  </a:lnTo>
                  <a:lnTo>
                    <a:pt x="79248" y="0"/>
                  </a:lnTo>
                  <a:close/>
                </a:path>
                <a:path w="9052560" h="483235">
                  <a:moveTo>
                    <a:pt x="92964" y="0"/>
                  </a:moveTo>
                  <a:lnTo>
                    <a:pt x="82296" y="0"/>
                  </a:lnTo>
                  <a:lnTo>
                    <a:pt x="82296" y="4572"/>
                  </a:lnTo>
                  <a:lnTo>
                    <a:pt x="92964" y="4572"/>
                  </a:lnTo>
                  <a:lnTo>
                    <a:pt x="92964" y="0"/>
                  </a:lnTo>
                  <a:close/>
                </a:path>
                <a:path w="9052560" h="483235">
                  <a:moveTo>
                    <a:pt x="106680" y="0"/>
                  </a:moveTo>
                  <a:lnTo>
                    <a:pt x="96012" y="0"/>
                  </a:lnTo>
                  <a:lnTo>
                    <a:pt x="96012" y="4572"/>
                  </a:lnTo>
                  <a:lnTo>
                    <a:pt x="106680" y="4572"/>
                  </a:lnTo>
                  <a:lnTo>
                    <a:pt x="106680" y="0"/>
                  </a:lnTo>
                  <a:close/>
                </a:path>
                <a:path w="9052560" h="483235">
                  <a:moveTo>
                    <a:pt x="120396" y="0"/>
                  </a:moveTo>
                  <a:lnTo>
                    <a:pt x="109728" y="0"/>
                  </a:lnTo>
                  <a:lnTo>
                    <a:pt x="109728" y="4572"/>
                  </a:lnTo>
                  <a:lnTo>
                    <a:pt x="120396" y="4572"/>
                  </a:lnTo>
                  <a:lnTo>
                    <a:pt x="120396" y="0"/>
                  </a:lnTo>
                  <a:close/>
                </a:path>
                <a:path w="9052560" h="483235">
                  <a:moveTo>
                    <a:pt x="8221980" y="478536"/>
                  </a:moveTo>
                  <a:lnTo>
                    <a:pt x="8211312" y="478536"/>
                  </a:lnTo>
                  <a:lnTo>
                    <a:pt x="8211312" y="483108"/>
                  </a:lnTo>
                  <a:lnTo>
                    <a:pt x="8221980" y="483108"/>
                  </a:lnTo>
                  <a:lnTo>
                    <a:pt x="8221980" y="478536"/>
                  </a:lnTo>
                  <a:close/>
                </a:path>
                <a:path w="9052560" h="483235">
                  <a:moveTo>
                    <a:pt x="8235696" y="478536"/>
                  </a:moveTo>
                  <a:lnTo>
                    <a:pt x="8225028" y="478536"/>
                  </a:lnTo>
                  <a:lnTo>
                    <a:pt x="8225028" y="483108"/>
                  </a:lnTo>
                  <a:lnTo>
                    <a:pt x="8235696" y="483108"/>
                  </a:lnTo>
                  <a:lnTo>
                    <a:pt x="8235696" y="478536"/>
                  </a:lnTo>
                  <a:close/>
                </a:path>
                <a:path w="9052560" h="483235">
                  <a:moveTo>
                    <a:pt x="8249412" y="478536"/>
                  </a:moveTo>
                  <a:lnTo>
                    <a:pt x="8238744" y="478536"/>
                  </a:lnTo>
                  <a:lnTo>
                    <a:pt x="8238744" y="483108"/>
                  </a:lnTo>
                  <a:lnTo>
                    <a:pt x="8249412" y="483108"/>
                  </a:lnTo>
                  <a:lnTo>
                    <a:pt x="8249412" y="478536"/>
                  </a:lnTo>
                  <a:close/>
                </a:path>
                <a:path w="9052560" h="483235">
                  <a:moveTo>
                    <a:pt x="8263128" y="478536"/>
                  </a:moveTo>
                  <a:lnTo>
                    <a:pt x="8252460" y="478536"/>
                  </a:lnTo>
                  <a:lnTo>
                    <a:pt x="8252460" y="483108"/>
                  </a:lnTo>
                  <a:lnTo>
                    <a:pt x="8263128" y="483108"/>
                  </a:lnTo>
                  <a:lnTo>
                    <a:pt x="8263128" y="478536"/>
                  </a:lnTo>
                  <a:close/>
                </a:path>
                <a:path w="9052560" h="483235">
                  <a:moveTo>
                    <a:pt x="8276844" y="478536"/>
                  </a:moveTo>
                  <a:lnTo>
                    <a:pt x="8266176" y="478536"/>
                  </a:lnTo>
                  <a:lnTo>
                    <a:pt x="8266176" y="483108"/>
                  </a:lnTo>
                  <a:lnTo>
                    <a:pt x="8276844" y="483108"/>
                  </a:lnTo>
                  <a:lnTo>
                    <a:pt x="8276844" y="478536"/>
                  </a:lnTo>
                  <a:close/>
                </a:path>
                <a:path w="9052560" h="483235">
                  <a:moveTo>
                    <a:pt x="8290560" y="478536"/>
                  </a:moveTo>
                  <a:lnTo>
                    <a:pt x="8279892" y="478536"/>
                  </a:lnTo>
                  <a:lnTo>
                    <a:pt x="8279892" y="483108"/>
                  </a:lnTo>
                  <a:lnTo>
                    <a:pt x="8290560" y="483108"/>
                  </a:lnTo>
                  <a:lnTo>
                    <a:pt x="8290560" y="478536"/>
                  </a:lnTo>
                  <a:close/>
                </a:path>
                <a:path w="9052560" h="483235">
                  <a:moveTo>
                    <a:pt x="8304276" y="478536"/>
                  </a:moveTo>
                  <a:lnTo>
                    <a:pt x="8293608" y="478536"/>
                  </a:lnTo>
                  <a:lnTo>
                    <a:pt x="8293608" y="483108"/>
                  </a:lnTo>
                  <a:lnTo>
                    <a:pt x="8304276" y="483108"/>
                  </a:lnTo>
                  <a:lnTo>
                    <a:pt x="8304276" y="478536"/>
                  </a:lnTo>
                  <a:close/>
                </a:path>
                <a:path w="9052560" h="483235">
                  <a:moveTo>
                    <a:pt x="8317992" y="478536"/>
                  </a:moveTo>
                  <a:lnTo>
                    <a:pt x="8307324" y="478536"/>
                  </a:lnTo>
                  <a:lnTo>
                    <a:pt x="8307324" y="483108"/>
                  </a:lnTo>
                  <a:lnTo>
                    <a:pt x="8317992" y="483108"/>
                  </a:lnTo>
                  <a:lnTo>
                    <a:pt x="8317992" y="478536"/>
                  </a:lnTo>
                  <a:close/>
                </a:path>
                <a:path w="9052560" h="483235">
                  <a:moveTo>
                    <a:pt x="8331708" y="478536"/>
                  </a:moveTo>
                  <a:lnTo>
                    <a:pt x="8321040" y="478536"/>
                  </a:lnTo>
                  <a:lnTo>
                    <a:pt x="8321040" y="483108"/>
                  </a:lnTo>
                  <a:lnTo>
                    <a:pt x="8331708" y="483108"/>
                  </a:lnTo>
                  <a:lnTo>
                    <a:pt x="8331708" y="478536"/>
                  </a:lnTo>
                  <a:close/>
                </a:path>
                <a:path w="9052560" h="483235">
                  <a:moveTo>
                    <a:pt x="8345424" y="478536"/>
                  </a:moveTo>
                  <a:lnTo>
                    <a:pt x="8334756" y="478536"/>
                  </a:lnTo>
                  <a:lnTo>
                    <a:pt x="8334756" y="483108"/>
                  </a:lnTo>
                  <a:lnTo>
                    <a:pt x="8345424" y="483108"/>
                  </a:lnTo>
                  <a:lnTo>
                    <a:pt x="8345424" y="478536"/>
                  </a:lnTo>
                  <a:close/>
                </a:path>
                <a:path w="9052560" h="483235">
                  <a:moveTo>
                    <a:pt x="8359140" y="478536"/>
                  </a:moveTo>
                  <a:lnTo>
                    <a:pt x="8348472" y="478536"/>
                  </a:lnTo>
                  <a:lnTo>
                    <a:pt x="8348472" y="483108"/>
                  </a:lnTo>
                  <a:lnTo>
                    <a:pt x="8359140" y="483108"/>
                  </a:lnTo>
                  <a:lnTo>
                    <a:pt x="8359140" y="478536"/>
                  </a:lnTo>
                  <a:close/>
                </a:path>
                <a:path w="9052560" h="483235">
                  <a:moveTo>
                    <a:pt x="8372856" y="478536"/>
                  </a:moveTo>
                  <a:lnTo>
                    <a:pt x="8362188" y="478536"/>
                  </a:lnTo>
                  <a:lnTo>
                    <a:pt x="8362188" y="483108"/>
                  </a:lnTo>
                  <a:lnTo>
                    <a:pt x="8372856" y="483108"/>
                  </a:lnTo>
                  <a:lnTo>
                    <a:pt x="8372856" y="478536"/>
                  </a:lnTo>
                  <a:close/>
                </a:path>
                <a:path w="9052560" h="483235">
                  <a:moveTo>
                    <a:pt x="8386572" y="478536"/>
                  </a:moveTo>
                  <a:lnTo>
                    <a:pt x="8375904" y="478536"/>
                  </a:lnTo>
                  <a:lnTo>
                    <a:pt x="8375904" y="483108"/>
                  </a:lnTo>
                  <a:lnTo>
                    <a:pt x="8386572" y="483108"/>
                  </a:lnTo>
                  <a:lnTo>
                    <a:pt x="8386572" y="478536"/>
                  </a:lnTo>
                  <a:close/>
                </a:path>
                <a:path w="9052560" h="483235">
                  <a:moveTo>
                    <a:pt x="8400288" y="478536"/>
                  </a:moveTo>
                  <a:lnTo>
                    <a:pt x="8389620" y="478536"/>
                  </a:lnTo>
                  <a:lnTo>
                    <a:pt x="8389620" y="483108"/>
                  </a:lnTo>
                  <a:lnTo>
                    <a:pt x="8400288" y="483108"/>
                  </a:lnTo>
                  <a:lnTo>
                    <a:pt x="8400288" y="478536"/>
                  </a:lnTo>
                  <a:close/>
                </a:path>
                <a:path w="9052560" h="483235">
                  <a:moveTo>
                    <a:pt x="8414004" y="478536"/>
                  </a:moveTo>
                  <a:lnTo>
                    <a:pt x="8403336" y="478536"/>
                  </a:lnTo>
                  <a:lnTo>
                    <a:pt x="8403336" y="483108"/>
                  </a:lnTo>
                  <a:lnTo>
                    <a:pt x="8414004" y="483108"/>
                  </a:lnTo>
                  <a:lnTo>
                    <a:pt x="8414004" y="478536"/>
                  </a:lnTo>
                  <a:close/>
                </a:path>
                <a:path w="9052560" h="483235">
                  <a:moveTo>
                    <a:pt x="8427720" y="478536"/>
                  </a:moveTo>
                  <a:lnTo>
                    <a:pt x="8417052" y="478536"/>
                  </a:lnTo>
                  <a:lnTo>
                    <a:pt x="8417052" y="483108"/>
                  </a:lnTo>
                  <a:lnTo>
                    <a:pt x="8427720" y="483108"/>
                  </a:lnTo>
                  <a:lnTo>
                    <a:pt x="8427720" y="478536"/>
                  </a:lnTo>
                  <a:close/>
                </a:path>
                <a:path w="9052560" h="483235">
                  <a:moveTo>
                    <a:pt x="8441436" y="478536"/>
                  </a:moveTo>
                  <a:lnTo>
                    <a:pt x="8430768" y="478536"/>
                  </a:lnTo>
                  <a:lnTo>
                    <a:pt x="8430768" y="483108"/>
                  </a:lnTo>
                  <a:lnTo>
                    <a:pt x="8441436" y="483108"/>
                  </a:lnTo>
                  <a:lnTo>
                    <a:pt x="8441436" y="478536"/>
                  </a:lnTo>
                  <a:close/>
                </a:path>
                <a:path w="9052560" h="483235">
                  <a:moveTo>
                    <a:pt x="8455152" y="478536"/>
                  </a:moveTo>
                  <a:lnTo>
                    <a:pt x="8444484" y="478536"/>
                  </a:lnTo>
                  <a:lnTo>
                    <a:pt x="8444484" y="483108"/>
                  </a:lnTo>
                  <a:lnTo>
                    <a:pt x="8455152" y="483108"/>
                  </a:lnTo>
                  <a:lnTo>
                    <a:pt x="8455152" y="478536"/>
                  </a:lnTo>
                  <a:close/>
                </a:path>
                <a:path w="9052560" h="483235">
                  <a:moveTo>
                    <a:pt x="8467344" y="478536"/>
                  </a:moveTo>
                  <a:lnTo>
                    <a:pt x="8458200" y="478536"/>
                  </a:lnTo>
                  <a:lnTo>
                    <a:pt x="8458200" y="483108"/>
                  </a:lnTo>
                  <a:lnTo>
                    <a:pt x="8467344" y="483108"/>
                  </a:lnTo>
                  <a:lnTo>
                    <a:pt x="8467344" y="478536"/>
                  </a:lnTo>
                  <a:close/>
                </a:path>
                <a:path w="9052560" h="483235">
                  <a:moveTo>
                    <a:pt x="8481060" y="478536"/>
                  </a:moveTo>
                  <a:lnTo>
                    <a:pt x="8471916" y="478536"/>
                  </a:lnTo>
                  <a:lnTo>
                    <a:pt x="8471916" y="483108"/>
                  </a:lnTo>
                  <a:lnTo>
                    <a:pt x="8481060" y="483108"/>
                  </a:lnTo>
                  <a:lnTo>
                    <a:pt x="8481060" y="478536"/>
                  </a:lnTo>
                  <a:close/>
                </a:path>
                <a:path w="9052560" h="483235">
                  <a:moveTo>
                    <a:pt x="8494776" y="478536"/>
                  </a:moveTo>
                  <a:lnTo>
                    <a:pt x="8485632" y="478536"/>
                  </a:lnTo>
                  <a:lnTo>
                    <a:pt x="8485632" y="483108"/>
                  </a:lnTo>
                  <a:lnTo>
                    <a:pt x="8494776" y="483108"/>
                  </a:lnTo>
                  <a:lnTo>
                    <a:pt x="8494776" y="478536"/>
                  </a:lnTo>
                  <a:close/>
                </a:path>
                <a:path w="9052560" h="483235">
                  <a:moveTo>
                    <a:pt x="8508492" y="478536"/>
                  </a:moveTo>
                  <a:lnTo>
                    <a:pt x="8499348" y="478536"/>
                  </a:lnTo>
                  <a:lnTo>
                    <a:pt x="8499348" y="483108"/>
                  </a:lnTo>
                  <a:lnTo>
                    <a:pt x="8508492" y="483108"/>
                  </a:lnTo>
                  <a:lnTo>
                    <a:pt x="8508492" y="478536"/>
                  </a:lnTo>
                  <a:close/>
                </a:path>
                <a:path w="9052560" h="483235">
                  <a:moveTo>
                    <a:pt x="8522208" y="478536"/>
                  </a:moveTo>
                  <a:lnTo>
                    <a:pt x="8513064" y="478536"/>
                  </a:lnTo>
                  <a:lnTo>
                    <a:pt x="8513064" y="483108"/>
                  </a:lnTo>
                  <a:lnTo>
                    <a:pt x="8522208" y="483108"/>
                  </a:lnTo>
                  <a:lnTo>
                    <a:pt x="8522208" y="478536"/>
                  </a:lnTo>
                  <a:close/>
                </a:path>
                <a:path w="9052560" h="483235">
                  <a:moveTo>
                    <a:pt x="8535924" y="478536"/>
                  </a:moveTo>
                  <a:lnTo>
                    <a:pt x="8526780" y="478536"/>
                  </a:lnTo>
                  <a:lnTo>
                    <a:pt x="8526780" y="483108"/>
                  </a:lnTo>
                  <a:lnTo>
                    <a:pt x="8535924" y="483108"/>
                  </a:lnTo>
                  <a:lnTo>
                    <a:pt x="8535924" y="478536"/>
                  </a:lnTo>
                  <a:close/>
                </a:path>
                <a:path w="9052560" h="483235">
                  <a:moveTo>
                    <a:pt x="8549640" y="478536"/>
                  </a:moveTo>
                  <a:lnTo>
                    <a:pt x="8540496" y="478536"/>
                  </a:lnTo>
                  <a:lnTo>
                    <a:pt x="8540496" y="483108"/>
                  </a:lnTo>
                  <a:lnTo>
                    <a:pt x="8549640" y="483108"/>
                  </a:lnTo>
                  <a:lnTo>
                    <a:pt x="8549640" y="478536"/>
                  </a:lnTo>
                  <a:close/>
                </a:path>
                <a:path w="9052560" h="483235">
                  <a:moveTo>
                    <a:pt x="8563356" y="478536"/>
                  </a:moveTo>
                  <a:lnTo>
                    <a:pt x="8554212" y="478536"/>
                  </a:lnTo>
                  <a:lnTo>
                    <a:pt x="8554212" y="483108"/>
                  </a:lnTo>
                  <a:lnTo>
                    <a:pt x="8563356" y="483108"/>
                  </a:lnTo>
                  <a:lnTo>
                    <a:pt x="8563356" y="478536"/>
                  </a:lnTo>
                  <a:close/>
                </a:path>
                <a:path w="9052560" h="483235">
                  <a:moveTo>
                    <a:pt x="8577072" y="478536"/>
                  </a:moveTo>
                  <a:lnTo>
                    <a:pt x="8567928" y="478536"/>
                  </a:lnTo>
                  <a:lnTo>
                    <a:pt x="8567928" y="483108"/>
                  </a:lnTo>
                  <a:lnTo>
                    <a:pt x="8577072" y="483108"/>
                  </a:lnTo>
                  <a:lnTo>
                    <a:pt x="8577072" y="478536"/>
                  </a:lnTo>
                  <a:close/>
                </a:path>
                <a:path w="9052560" h="483235">
                  <a:moveTo>
                    <a:pt x="8590788" y="478536"/>
                  </a:moveTo>
                  <a:lnTo>
                    <a:pt x="8581644" y="478536"/>
                  </a:lnTo>
                  <a:lnTo>
                    <a:pt x="8581644" y="483108"/>
                  </a:lnTo>
                  <a:lnTo>
                    <a:pt x="8590788" y="483108"/>
                  </a:lnTo>
                  <a:lnTo>
                    <a:pt x="8590788" y="478536"/>
                  </a:lnTo>
                  <a:close/>
                </a:path>
                <a:path w="9052560" h="483235">
                  <a:moveTo>
                    <a:pt x="8604504" y="478536"/>
                  </a:moveTo>
                  <a:lnTo>
                    <a:pt x="8595360" y="478536"/>
                  </a:lnTo>
                  <a:lnTo>
                    <a:pt x="8595360" y="483108"/>
                  </a:lnTo>
                  <a:lnTo>
                    <a:pt x="8604504" y="483108"/>
                  </a:lnTo>
                  <a:lnTo>
                    <a:pt x="8604504" y="478536"/>
                  </a:lnTo>
                  <a:close/>
                </a:path>
                <a:path w="9052560" h="483235">
                  <a:moveTo>
                    <a:pt x="8618220" y="478536"/>
                  </a:moveTo>
                  <a:lnTo>
                    <a:pt x="8609076" y="478536"/>
                  </a:lnTo>
                  <a:lnTo>
                    <a:pt x="8609076" y="483108"/>
                  </a:lnTo>
                  <a:lnTo>
                    <a:pt x="8618220" y="483108"/>
                  </a:lnTo>
                  <a:lnTo>
                    <a:pt x="8618220" y="478536"/>
                  </a:lnTo>
                  <a:close/>
                </a:path>
                <a:path w="9052560" h="483235">
                  <a:moveTo>
                    <a:pt x="8631936" y="478536"/>
                  </a:moveTo>
                  <a:lnTo>
                    <a:pt x="8622792" y="478536"/>
                  </a:lnTo>
                  <a:lnTo>
                    <a:pt x="8622792" y="483108"/>
                  </a:lnTo>
                  <a:lnTo>
                    <a:pt x="8631936" y="483108"/>
                  </a:lnTo>
                  <a:lnTo>
                    <a:pt x="8631936" y="478536"/>
                  </a:lnTo>
                  <a:close/>
                </a:path>
                <a:path w="9052560" h="483235">
                  <a:moveTo>
                    <a:pt x="8645652" y="478536"/>
                  </a:moveTo>
                  <a:lnTo>
                    <a:pt x="8636508" y="478536"/>
                  </a:lnTo>
                  <a:lnTo>
                    <a:pt x="8636508" y="483108"/>
                  </a:lnTo>
                  <a:lnTo>
                    <a:pt x="8645652" y="483108"/>
                  </a:lnTo>
                  <a:lnTo>
                    <a:pt x="8645652" y="478536"/>
                  </a:lnTo>
                  <a:close/>
                </a:path>
                <a:path w="9052560" h="483235">
                  <a:moveTo>
                    <a:pt x="8659368" y="478536"/>
                  </a:moveTo>
                  <a:lnTo>
                    <a:pt x="8650224" y="478536"/>
                  </a:lnTo>
                  <a:lnTo>
                    <a:pt x="8650224" y="483108"/>
                  </a:lnTo>
                  <a:lnTo>
                    <a:pt x="8659368" y="483108"/>
                  </a:lnTo>
                  <a:lnTo>
                    <a:pt x="8659368" y="478536"/>
                  </a:lnTo>
                  <a:close/>
                </a:path>
                <a:path w="9052560" h="483235">
                  <a:moveTo>
                    <a:pt x="8673084" y="478536"/>
                  </a:moveTo>
                  <a:lnTo>
                    <a:pt x="8663940" y="478536"/>
                  </a:lnTo>
                  <a:lnTo>
                    <a:pt x="8663940" y="483108"/>
                  </a:lnTo>
                  <a:lnTo>
                    <a:pt x="8673084" y="483108"/>
                  </a:lnTo>
                  <a:lnTo>
                    <a:pt x="8673084" y="478536"/>
                  </a:lnTo>
                  <a:close/>
                </a:path>
                <a:path w="9052560" h="483235">
                  <a:moveTo>
                    <a:pt x="8686800" y="478536"/>
                  </a:moveTo>
                  <a:lnTo>
                    <a:pt x="8677656" y="478536"/>
                  </a:lnTo>
                  <a:lnTo>
                    <a:pt x="8677656" y="483108"/>
                  </a:lnTo>
                  <a:lnTo>
                    <a:pt x="8686800" y="483108"/>
                  </a:lnTo>
                  <a:lnTo>
                    <a:pt x="8686800" y="478536"/>
                  </a:lnTo>
                  <a:close/>
                </a:path>
                <a:path w="9052560" h="483235">
                  <a:moveTo>
                    <a:pt x="8700516" y="478536"/>
                  </a:moveTo>
                  <a:lnTo>
                    <a:pt x="8691372" y="478536"/>
                  </a:lnTo>
                  <a:lnTo>
                    <a:pt x="8691372" y="483108"/>
                  </a:lnTo>
                  <a:lnTo>
                    <a:pt x="8700516" y="483108"/>
                  </a:lnTo>
                  <a:lnTo>
                    <a:pt x="8700516" y="478536"/>
                  </a:lnTo>
                  <a:close/>
                </a:path>
                <a:path w="9052560" h="483235">
                  <a:moveTo>
                    <a:pt x="8714232" y="478536"/>
                  </a:moveTo>
                  <a:lnTo>
                    <a:pt x="8705088" y="478536"/>
                  </a:lnTo>
                  <a:lnTo>
                    <a:pt x="8705088" y="483108"/>
                  </a:lnTo>
                  <a:lnTo>
                    <a:pt x="8714232" y="483108"/>
                  </a:lnTo>
                  <a:lnTo>
                    <a:pt x="8714232" y="478536"/>
                  </a:lnTo>
                  <a:close/>
                </a:path>
                <a:path w="9052560" h="483235">
                  <a:moveTo>
                    <a:pt x="8727948" y="478536"/>
                  </a:moveTo>
                  <a:lnTo>
                    <a:pt x="8718804" y="478536"/>
                  </a:lnTo>
                  <a:lnTo>
                    <a:pt x="8718804" y="483108"/>
                  </a:lnTo>
                  <a:lnTo>
                    <a:pt x="8727948" y="483108"/>
                  </a:lnTo>
                  <a:lnTo>
                    <a:pt x="8727948" y="478536"/>
                  </a:lnTo>
                  <a:close/>
                </a:path>
                <a:path w="9052560" h="483235">
                  <a:moveTo>
                    <a:pt x="8741664" y="478536"/>
                  </a:moveTo>
                  <a:lnTo>
                    <a:pt x="8732520" y="478536"/>
                  </a:lnTo>
                  <a:lnTo>
                    <a:pt x="8732520" y="483108"/>
                  </a:lnTo>
                  <a:lnTo>
                    <a:pt x="8741664" y="483108"/>
                  </a:lnTo>
                  <a:lnTo>
                    <a:pt x="8741664" y="478536"/>
                  </a:lnTo>
                  <a:close/>
                </a:path>
                <a:path w="9052560" h="483235">
                  <a:moveTo>
                    <a:pt x="8755380" y="478536"/>
                  </a:moveTo>
                  <a:lnTo>
                    <a:pt x="8746236" y="478536"/>
                  </a:lnTo>
                  <a:lnTo>
                    <a:pt x="8746236" y="483108"/>
                  </a:lnTo>
                  <a:lnTo>
                    <a:pt x="8755380" y="483108"/>
                  </a:lnTo>
                  <a:lnTo>
                    <a:pt x="8755380" y="478536"/>
                  </a:lnTo>
                  <a:close/>
                </a:path>
                <a:path w="9052560" h="483235">
                  <a:moveTo>
                    <a:pt x="8769096" y="478536"/>
                  </a:moveTo>
                  <a:lnTo>
                    <a:pt x="8759952" y="478536"/>
                  </a:lnTo>
                  <a:lnTo>
                    <a:pt x="8759952" y="483108"/>
                  </a:lnTo>
                  <a:lnTo>
                    <a:pt x="8769096" y="483108"/>
                  </a:lnTo>
                  <a:lnTo>
                    <a:pt x="8769096" y="478536"/>
                  </a:lnTo>
                  <a:close/>
                </a:path>
                <a:path w="9052560" h="483235">
                  <a:moveTo>
                    <a:pt x="8782812" y="478536"/>
                  </a:moveTo>
                  <a:lnTo>
                    <a:pt x="8773668" y="478536"/>
                  </a:lnTo>
                  <a:lnTo>
                    <a:pt x="8773668" y="483108"/>
                  </a:lnTo>
                  <a:lnTo>
                    <a:pt x="8782812" y="483108"/>
                  </a:lnTo>
                  <a:lnTo>
                    <a:pt x="8782812" y="478536"/>
                  </a:lnTo>
                  <a:close/>
                </a:path>
                <a:path w="9052560" h="483235">
                  <a:moveTo>
                    <a:pt x="8796528" y="478536"/>
                  </a:moveTo>
                  <a:lnTo>
                    <a:pt x="8787384" y="478536"/>
                  </a:lnTo>
                  <a:lnTo>
                    <a:pt x="8787384" y="483108"/>
                  </a:lnTo>
                  <a:lnTo>
                    <a:pt x="8796528" y="483108"/>
                  </a:lnTo>
                  <a:lnTo>
                    <a:pt x="8796528" y="478536"/>
                  </a:lnTo>
                  <a:close/>
                </a:path>
                <a:path w="9052560" h="483235">
                  <a:moveTo>
                    <a:pt x="8810244" y="478536"/>
                  </a:moveTo>
                  <a:lnTo>
                    <a:pt x="8801100" y="478536"/>
                  </a:lnTo>
                  <a:lnTo>
                    <a:pt x="8801100" y="483108"/>
                  </a:lnTo>
                  <a:lnTo>
                    <a:pt x="8810244" y="483108"/>
                  </a:lnTo>
                  <a:lnTo>
                    <a:pt x="8810244" y="478536"/>
                  </a:lnTo>
                  <a:close/>
                </a:path>
                <a:path w="9052560" h="483235">
                  <a:moveTo>
                    <a:pt x="8823960" y="478536"/>
                  </a:moveTo>
                  <a:lnTo>
                    <a:pt x="8814816" y="478536"/>
                  </a:lnTo>
                  <a:lnTo>
                    <a:pt x="8814816" y="483108"/>
                  </a:lnTo>
                  <a:lnTo>
                    <a:pt x="8823960" y="483108"/>
                  </a:lnTo>
                  <a:lnTo>
                    <a:pt x="8823960" y="478536"/>
                  </a:lnTo>
                  <a:close/>
                </a:path>
                <a:path w="9052560" h="483235">
                  <a:moveTo>
                    <a:pt x="8837676" y="478536"/>
                  </a:moveTo>
                  <a:lnTo>
                    <a:pt x="8828532" y="478536"/>
                  </a:lnTo>
                  <a:lnTo>
                    <a:pt x="8828532" y="483108"/>
                  </a:lnTo>
                  <a:lnTo>
                    <a:pt x="8837676" y="483108"/>
                  </a:lnTo>
                  <a:lnTo>
                    <a:pt x="8837676" y="478536"/>
                  </a:lnTo>
                  <a:close/>
                </a:path>
                <a:path w="9052560" h="483235">
                  <a:moveTo>
                    <a:pt x="8851392" y="478536"/>
                  </a:moveTo>
                  <a:lnTo>
                    <a:pt x="8842248" y="478536"/>
                  </a:lnTo>
                  <a:lnTo>
                    <a:pt x="8842248" y="483108"/>
                  </a:lnTo>
                  <a:lnTo>
                    <a:pt x="8851392" y="483108"/>
                  </a:lnTo>
                  <a:lnTo>
                    <a:pt x="8851392" y="478536"/>
                  </a:lnTo>
                  <a:close/>
                </a:path>
                <a:path w="9052560" h="483235">
                  <a:moveTo>
                    <a:pt x="8865108" y="478536"/>
                  </a:moveTo>
                  <a:lnTo>
                    <a:pt x="8855964" y="478536"/>
                  </a:lnTo>
                  <a:lnTo>
                    <a:pt x="8855964" y="483108"/>
                  </a:lnTo>
                  <a:lnTo>
                    <a:pt x="8865108" y="483108"/>
                  </a:lnTo>
                  <a:lnTo>
                    <a:pt x="8865108" y="478536"/>
                  </a:lnTo>
                  <a:close/>
                </a:path>
                <a:path w="9052560" h="483235">
                  <a:moveTo>
                    <a:pt x="8878824" y="478536"/>
                  </a:moveTo>
                  <a:lnTo>
                    <a:pt x="8869680" y="478536"/>
                  </a:lnTo>
                  <a:lnTo>
                    <a:pt x="8869680" y="483108"/>
                  </a:lnTo>
                  <a:lnTo>
                    <a:pt x="8878824" y="483108"/>
                  </a:lnTo>
                  <a:lnTo>
                    <a:pt x="8878824" y="478536"/>
                  </a:lnTo>
                  <a:close/>
                </a:path>
                <a:path w="9052560" h="483235">
                  <a:moveTo>
                    <a:pt x="8892540" y="478536"/>
                  </a:moveTo>
                  <a:lnTo>
                    <a:pt x="8883396" y="478536"/>
                  </a:lnTo>
                  <a:lnTo>
                    <a:pt x="8883396" y="483108"/>
                  </a:lnTo>
                  <a:lnTo>
                    <a:pt x="8892540" y="483108"/>
                  </a:lnTo>
                  <a:lnTo>
                    <a:pt x="8892540" y="478536"/>
                  </a:lnTo>
                  <a:close/>
                </a:path>
                <a:path w="9052560" h="483235">
                  <a:moveTo>
                    <a:pt x="8906256" y="478536"/>
                  </a:moveTo>
                  <a:lnTo>
                    <a:pt x="8897112" y="478536"/>
                  </a:lnTo>
                  <a:lnTo>
                    <a:pt x="8897112" y="483108"/>
                  </a:lnTo>
                  <a:lnTo>
                    <a:pt x="8906256" y="483108"/>
                  </a:lnTo>
                  <a:lnTo>
                    <a:pt x="8906256" y="478536"/>
                  </a:lnTo>
                  <a:close/>
                </a:path>
                <a:path w="9052560" h="483235">
                  <a:moveTo>
                    <a:pt x="8919972" y="478536"/>
                  </a:moveTo>
                  <a:lnTo>
                    <a:pt x="8910828" y="478536"/>
                  </a:lnTo>
                  <a:lnTo>
                    <a:pt x="8910828" y="483108"/>
                  </a:lnTo>
                  <a:lnTo>
                    <a:pt x="8919972" y="483108"/>
                  </a:lnTo>
                  <a:lnTo>
                    <a:pt x="8919972" y="478536"/>
                  </a:lnTo>
                  <a:close/>
                </a:path>
                <a:path w="9052560" h="483235">
                  <a:moveTo>
                    <a:pt x="8933688" y="478536"/>
                  </a:moveTo>
                  <a:lnTo>
                    <a:pt x="8924544" y="478536"/>
                  </a:lnTo>
                  <a:lnTo>
                    <a:pt x="8924544" y="483108"/>
                  </a:lnTo>
                  <a:lnTo>
                    <a:pt x="8933688" y="483108"/>
                  </a:lnTo>
                  <a:lnTo>
                    <a:pt x="8933688" y="478536"/>
                  </a:lnTo>
                  <a:close/>
                </a:path>
                <a:path w="9052560" h="483235">
                  <a:moveTo>
                    <a:pt x="8947404" y="478536"/>
                  </a:moveTo>
                  <a:lnTo>
                    <a:pt x="8938260" y="478536"/>
                  </a:lnTo>
                  <a:lnTo>
                    <a:pt x="8938260" y="483108"/>
                  </a:lnTo>
                  <a:lnTo>
                    <a:pt x="8947404" y="483108"/>
                  </a:lnTo>
                  <a:lnTo>
                    <a:pt x="8947404" y="478536"/>
                  </a:lnTo>
                  <a:close/>
                </a:path>
                <a:path w="9052560" h="483235">
                  <a:moveTo>
                    <a:pt x="8961120" y="478536"/>
                  </a:moveTo>
                  <a:lnTo>
                    <a:pt x="8951976" y="478536"/>
                  </a:lnTo>
                  <a:lnTo>
                    <a:pt x="8951976" y="483108"/>
                  </a:lnTo>
                  <a:lnTo>
                    <a:pt x="8961120" y="483108"/>
                  </a:lnTo>
                  <a:lnTo>
                    <a:pt x="8961120" y="478536"/>
                  </a:lnTo>
                  <a:close/>
                </a:path>
                <a:path w="9052560" h="483235">
                  <a:moveTo>
                    <a:pt x="8974836" y="478536"/>
                  </a:moveTo>
                  <a:lnTo>
                    <a:pt x="8965692" y="478536"/>
                  </a:lnTo>
                  <a:lnTo>
                    <a:pt x="8965692" y="483108"/>
                  </a:lnTo>
                  <a:lnTo>
                    <a:pt x="8974836" y="483108"/>
                  </a:lnTo>
                  <a:lnTo>
                    <a:pt x="8974836" y="478536"/>
                  </a:lnTo>
                  <a:close/>
                </a:path>
                <a:path w="9052560" h="483235">
                  <a:moveTo>
                    <a:pt x="8988552" y="478536"/>
                  </a:moveTo>
                  <a:lnTo>
                    <a:pt x="8979408" y="478536"/>
                  </a:lnTo>
                  <a:lnTo>
                    <a:pt x="8979408" y="483108"/>
                  </a:lnTo>
                  <a:lnTo>
                    <a:pt x="8988552" y="483108"/>
                  </a:lnTo>
                  <a:lnTo>
                    <a:pt x="8988552" y="478536"/>
                  </a:lnTo>
                  <a:close/>
                </a:path>
                <a:path w="9052560" h="483235">
                  <a:moveTo>
                    <a:pt x="9002268" y="478536"/>
                  </a:moveTo>
                  <a:lnTo>
                    <a:pt x="8993124" y="478536"/>
                  </a:lnTo>
                  <a:lnTo>
                    <a:pt x="8993124" y="483108"/>
                  </a:lnTo>
                  <a:lnTo>
                    <a:pt x="9002268" y="483108"/>
                  </a:lnTo>
                  <a:lnTo>
                    <a:pt x="9002268" y="478536"/>
                  </a:lnTo>
                  <a:close/>
                </a:path>
                <a:path w="9052560" h="483235">
                  <a:moveTo>
                    <a:pt x="9015984" y="478536"/>
                  </a:moveTo>
                  <a:lnTo>
                    <a:pt x="9006840" y="478536"/>
                  </a:lnTo>
                  <a:lnTo>
                    <a:pt x="9006840" y="483108"/>
                  </a:lnTo>
                  <a:lnTo>
                    <a:pt x="9015984" y="483108"/>
                  </a:lnTo>
                  <a:lnTo>
                    <a:pt x="9015984" y="478536"/>
                  </a:lnTo>
                  <a:close/>
                </a:path>
                <a:path w="9052560" h="483235">
                  <a:moveTo>
                    <a:pt x="9029700" y="478536"/>
                  </a:moveTo>
                  <a:lnTo>
                    <a:pt x="9020556" y="478536"/>
                  </a:lnTo>
                  <a:lnTo>
                    <a:pt x="9020556" y="483108"/>
                  </a:lnTo>
                  <a:lnTo>
                    <a:pt x="9029700" y="483108"/>
                  </a:lnTo>
                  <a:lnTo>
                    <a:pt x="9029700" y="478536"/>
                  </a:lnTo>
                  <a:close/>
                </a:path>
                <a:path w="9052560" h="483235">
                  <a:moveTo>
                    <a:pt x="9043416" y="478536"/>
                  </a:moveTo>
                  <a:lnTo>
                    <a:pt x="9034272" y="478536"/>
                  </a:lnTo>
                  <a:lnTo>
                    <a:pt x="9034272" y="483108"/>
                  </a:lnTo>
                  <a:lnTo>
                    <a:pt x="9043416" y="483108"/>
                  </a:lnTo>
                  <a:lnTo>
                    <a:pt x="9043416" y="478536"/>
                  </a:lnTo>
                  <a:close/>
                </a:path>
                <a:path w="9052560" h="483235">
                  <a:moveTo>
                    <a:pt x="9052560" y="478536"/>
                  </a:moveTo>
                  <a:lnTo>
                    <a:pt x="9047988" y="478536"/>
                  </a:lnTo>
                  <a:lnTo>
                    <a:pt x="9047988" y="483108"/>
                  </a:lnTo>
                  <a:lnTo>
                    <a:pt x="9052560" y="483108"/>
                  </a:lnTo>
                  <a:lnTo>
                    <a:pt x="9052560" y="478536"/>
                  </a:lnTo>
                  <a:close/>
                </a:path>
              </a:pathLst>
            </a:custGeom>
            <a:solidFill>
              <a:srgbClr val="000000"/>
            </a:solidFill>
          </p:spPr>
          <p:txBody>
            <a:bodyPr wrap="square" lIns="0" tIns="0" rIns="0" bIns="0" rtlCol="0"/>
            <a:lstStyle/>
            <a:p>
              <a:endParaRPr sz="1539"/>
            </a:p>
          </p:txBody>
        </p:sp>
        <p:sp>
          <p:nvSpPr>
            <p:cNvPr id="30" name="object 30"/>
            <p:cNvSpPr/>
            <p:nvPr/>
          </p:nvSpPr>
          <p:spPr>
            <a:xfrm>
              <a:off x="516636" y="5017007"/>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55" y="0"/>
                  </a:lnTo>
                  <a:lnTo>
                    <a:pt x="315455"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31" name="object 31"/>
            <p:cNvSpPr/>
            <p:nvPr/>
          </p:nvSpPr>
          <p:spPr>
            <a:xfrm>
              <a:off x="1476756" y="5017007"/>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4008" y="0"/>
                  </a:moveTo>
                  <a:lnTo>
                    <a:pt x="54864" y="0"/>
                  </a:lnTo>
                  <a:lnTo>
                    <a:pt x="54864" y="4572"/>
                  </a:lnTo>
                  <a:lnTo>
                    <a:pt x="64008" y="4572"/>
                  </a:lnTo>
                  <a:lnTo>
                    <a:pt x="64008" y="0"/>
                  </a:lnTo>
                  <a:close/>
                </a:path>
                <a:path w="969644" h="5079">
                  <a:moveTo>
                    <a:pt x="77724" y="0"/>
                  </a:moveTo>
                  <a:lnTo>
                    <a:pt x="68580" y="0"/>
                  </a:lnTo>
                  <a:lnTo>
                    <a:pt x="68580" y="4572"/>
                  </a:lnTo>
                  <a:lnTo>
                    <a:pt x="77724" y="4572"/>
                  </a:lnTo>
                  <a:lnTo>
                    <a:pt x="77724" y="0"/>
                  </a:lnTo>
                  <a:close/>
                </a:path>
                <a:path w="969644" h="5079">
                  <a:moveTo>
                    <a:pt x="91440" y="0"/>
                  </a:moveTo>
                  <a:lnTo>
                    <a:pt x="82296" y="0"/>
                  </a:lnTo>
                  <a:lnTo>
                    <a:pt x="82296" y="4572"/>
                  </a:lnTo>
                  <a:lnTo>
                    <a:pt x="91440" y="4572"/>
                  </a:lnTo>
                  <a:lnTo>
                    <a:pt x="91440" y="0"/>
                  </a:lnTo>
                  <a:close/>
                </a:path>
                <a:path w="969644" h="5079">
                  <a:moveTo>
                    <a:pt x="105156" y="0"/>
                  </a:moveTo>
                  <a:lnTo>
                    <a:pt x="96012" y="0"/>
                  </a:lnTo>
                  <a:lnTo>
                    <a:pt x="96012" y="4572"/>
                  </a:lnTo>
                  <a:lnTo>
                    <a:pt x="105156" y="4572"/>
                  </a:lnTo>
                  <a:lnTo>
                    <a:pt x="105156" y="0"/>
                  </a:lnTo>
                  <a:close/>
                </a:path>
                <a:path w="969644" h="5079">
                  <a:moveTo>
                    <a:pt x="118872" y="0"/>
                  </a:moveTo>
                  <a:lnTo>
                    <a:pt x="109728" y="0"/>
                  </a:lnTo>
                  <a:lnTo>
                    <a:pt x="109728" y="4572"/>
                  </a:lnTo>
                  <a:lnTo>
                    <a:pt x="118872" y="4572"/>
                  </a:lnTo>
                  <a:lnTo>
                    <a:pt x="118872" y="0"/>
                  </a:lnTo>
                  <a:close/>
                </a:path>
                <a:path w="969644" h="5079">
                  <a:moveTo>
                    <a:pt x="132588" y="0"/>
                  </a:moveTo>
                  <a:lnTo>
                    <a:pt x="123444" y="0"/>
                  </a:lnTo>
                  <a:lnTo>
                    <a:pt x="123444" y="4572"/>
                  </a:lnTo>
                  <a:lnTo>
                    <a:pt x="132588" y="4572"/>
                  </a:lnTo>
                  <a:lnTo>
                    <a:pt x="132588" y="0"/>
                  </a:lnTo>
                  <a:close/>
                </a:path>
                <a:path w="969644" h="5079">
                  <a:moveTo>
                    <a:pt x="146304" y="0"/>
                  </a:moveTo>
                  <a:lnTo>
                    <a:pt x="137160" y="0"/>
                  </a:lnTo>
                  <a:lnTo>
                    <a:pt x="137160" y="4572"/>
                  </a:lnTo>
                  <a:lnTo>
                    <a:pt x="146304" y="4572"/>
                  </a:lnTo>
                  <a:lnTo>
                    <a:pt x="146304" y="0"/>
                  </a:lnTo>
                  <a:close/>
                </a:path>
                <a:path w="969644" h="5079">
                  <a:moveTo>
                    <a:pt x="160020" y="0"/>
                  </a:moveTo>
                  <a:lnTo>
                    <a:pt x="150876" y="0"/>
                  </a:lnTo>
                  <a:lnTo>
                    <a:pt x="150876" y="4572"/>
                  </a:lnTo>
                  <a:lnTo>
                    <a:pt x="160020" y="4572"/>
                  </a:lnTo>
                  <a:lnTo>
                    <a:pt x="160020" y="0"/>
                  </a:lnTo>
                  <a:close/>
                </a:path>
                <a:path w="969644" h="5079">
                  <a:moveTo>
                    <a:pt x="173736" y="0"/>
                  </a:moveTo>
                  <a:lnTo>
                    <a:pt x="164592" y="0"/>
                  </a:lnTo>
                  <a:lnTo>
                    <a:pt x="164592" y="4572"/>
                  </a:lnTo>
                  <a:lnTo>
                    <a:pt x="173736" y="4572"/>
                  </a:lnTo>
                  <a:lnTo>
                    <a:pt x="173736" y="0"/>
                  </a:lnTo>
                  <a:close/>
                </a:path>
                <a:path w="969644" h="5079">
                  <a:moveTo>
                    <a:pt x="187439" y="0"/>
                  </a:moveTo>
                  <a:lnTo>
                    <a:pt x="178308" y="0"/>
                  </a:lnTo>
                  <a:lnTo>
                    <a:pt x="178308" y="4572"/>
                  </a:lnTo>
                  <a:lnTo>
                    <a:pt x="187439" y="4572"/>
                  </a:lnTo>
                  <a:lnTo>
                    <a:pt x="187439" y="0"/>
                  </a:lnTo>
                  <a:close/>
                </a:path>
                <a:path w="969644" h="5079">
                  <a:moveTo>
                    <a:pt x="201168" y="0"/>
                  </a:moveTo>
                  <a:lnTo>
                    <a:pt x="192024" y="0"/>
                  </a:lnTo>
                  <a:lnTo>
                    <a:pt x="192024" y="4572"/>
                  </a:lnTo>
                  <a:lnTo>
                    <a:pt x="201168" y="4572"/>
                  </a:lnTo>
                  <a:lnTo>
                    <a:pt x="201168" y="0"/>
                  </a:lnTo>
                  <a:close/>
                </a:path>
                <a:path w="969644" h="5079">
                  <a:moveTo>
                    <a:pt x="214884" y="0"/>
                  </a:moveTo>
                  <a:lnTo>
                    <a:pt x="205740" y="0"/>
                  </a:lnTo>
                  <a:lnTo>
                    <a:pt x="205740" y="4572"/>
                  </a:lnTo>
                  <a:lnTo>
                    <a:pt x="214884" y="4572"/>
                  </a:lnTo>
                  <a:lnTo>
                    <a:pt x="214884" y="0"/>
                  </a:lnTo>
                  <a:close/>
                </a:path>
                <a:path w="969644" h="5079">
                  <a:moveTo>
                    <a:pt x="228600" y="0"/>
                  </a:moveTo>
                  <a:lnTo>
                    <a:pt x="219456" y="0"/>
                  </a:lnTo>
                  <a:lnTo>
                    <a:pt x="219456" y="4572"/>
                  </a:lnTo>
                  <a:lnTo>
                    <a:pt x="228600" y="4572"/>
                  </a:lnTo>
                  <a:lnTo>
                    <a:pt x="228600" y="0"/>
                  </a:lnTo>
                  <a:close/>
                </a:path>
                <a:path w="969644" h="5079">
                  <a:moveTo>
                    <a:pt x="242316" y="0"/>
                  </a:moveTo>
                  <a:lnTo>
                    <a:pt x="233172" y="0"/>
                  </a:lnTo>
                  <a:lnTo>
                    <a:pt x="233172" y="4572"/>
                  </a:lnTo>
                  <a:lnTo>
                    <a:pt x="242316" y="4572"/>
                  </a:lnTo>
                  <a:lnTo>
                    <a:pt x="242316" y="0"/>
                  </a:lnTo>
                  <a:close/>
                </a:path>
                <a:path w="969644" h="5079">
                  <a:moveTo>
                    <a:pt x="256032" y="0"/>
                  </a:moveTo>
                  <a:lnTo>
                    <a:pt x="246888" y="0"/>
                  </a:lnTo>
                  <a:lnTo>
                    <a:pt x="246888" y="4572"/>
                  </a:lnTo>
                  <a:lnTo>
                    <a:pt x="256032" y="4572"/>
                  </a:lnTo>
                  <a:lnTo>
                    <a:pt x="256032" y="0"/>
                  </a:lnTo>
                  <a:close/>
                </a:path>
                <a:path w="969644" h="5079">
                  <a:moveTo>
                    <a:pt x="269748" y="0"/>
                  </a:moveTo>
                  <a:lnTo>
                    <a:pt x="260604" y="0"/>
                  </a:lnTo>
                  <a:lnTo>
                    <a:pt x="260604" y="4572"/>
                  </a:lnTo>
                  <a:lnTo>
                    <a:pt x="269748" y="4572"/>
                  </a:lnTo>
                  <a:lnTo>
                    <a:pt x="269748" y="0"/>
                  </a:lnTo>
                  <a:close/>
                </a:path>
                <a:path w="969644" h="5079">
                  <a:moveTo>
                    <a:pt x="283464" y="0"/>
                  </a:moveTo>
                  <a:lnTo>
                    <a:pt x="274320" y="0"/>
                  </a:lnTo>
                  <a:lnTo>
                    <a:pt x="274320" y="4572"/>
                  </a:lnTo>
                  <a:lnTo>
                    <a:pt x="283464" y="4572"/>
                  </a:lnTo>
                  <a:lnTo>
                    <a:pt x="283464" y="0"/>
                  </a:lnTo>
                  <a:close/>
                </a:path>
                <a:path w="969644" h="5079">
                  <a:moveTo>
                    <a:pt x="297180" y="0"/>
                  </a:moveTo>
                  <a:lnTo>
                    <a:pt x="288036" y="0"/>
                  </a:lnTo>
                  <a:lnTo>
                    <a:pt x="288036" y="4572"/>
                  </a:lnTo>
                  <a:lnTo>
                    <a:pt x="297180" y="4572"/>
                  </a:lnTo>
                  <a:lnTo>
                    <a:pt x="297180" y="0"/>
                  </a:lnTo>
                  <a:close/>
                </a:path>
                <a:path w="969644" h="5079">
                  <a:moveTo>
                    <a:pt x="310896" y="0"/>
                  </a:moveTo>
                  <a:lnTo>
                    <a:pt x="301752" y="0"/>
                  </a:lnTo>
                  <a:lnTo>
                    <a:pt x="301752" y="4572"/>
                  </a:lnTo>
                  <a:lnTo>
                    <a:pt x="310896" y="4572"/>
                  </a:lnTo>
                  <a:lnTo>
                    <a:pt x="310896" y="0"/>
                  </a:lnTo>
                  <a:close/>
                </a:path>
                <a:path w="969644" h="5079">
                  <a:moveTo>
                    <a:pt x="324612" y="0"/>
                  </a:moveTo>
                  <a:lnTo>
                    <a:pt x="315468" y="0"/>
                  </a:lnTo>
                  <a:lnTo>
                    <a:pt x="315468" y="4572"/>
                  </a:lnTo>
                  <a:lnTo>
                    <a:pt x="324612" y="4572"/>
                  </a:lnTo>
                  <a:lnTo>
                    <a:pt x="324612" y="0"/>
                  </a:lnTo>
                  <a:close/>
                </a:path>
                <a:path w="969644" h="5079">
                  <a:moveTo>
                    <a:pt x="338328" y="0"/>
                  </a:moveTo>
                  <a:lnTo>
                    <a:pt x="329184" y="0"/>
                  </a:lnTo>
                  <a:lnTo>
                    <a:pt x="329184" y="4572"/>
                  </a:lnTo>
                  <a:lnTo>
                    <a:pt x="338328" y="4572"/>
                  </a:lnTo>
                  <a:lnTo>
                    <a:pt x="338328" y="0"/>
                  </a:lnTo>
                  <a:close/>
                </a:path>
                <a:path w="969644" h="5079">
                  <a:moveTo>
                    <a:pt x="352044" y="0"/>
                  </a:moveTo>
                  <a:lnTo>
                    <a:pt x="342900" y="0"/>
                  </a:lnTo>
                  <a:lnTo>
                    <a:pt x="342900" y="4572"/>
                  </a:lnTo>
                  <a:lnTo>
                    <a:pt x="352044" y="4572"/>
                  </a:lnTo>
                  <a:lnTo>
                    <a:pt x="352044" y="0"/>
                  </a:lnTo>
                  <a:close/>
                </a:path>
                <a:path w="969644" h="5079">
                  <a:moveTo>
                    <a:pt x="365760" y="0"/>
                  </a:moveTo>
                  <a:lnTo>
                    <a:pt x="356616" y="0"/>
                  </a:lnTo>
                  <a:lnTo>
                    <a:pt x="356616" y="4572"/>
                  </a:lnTo>
                  <a:lnTo>
                    <a:pt x="365760" y="4572"/>
                  </a:lnTo>
                  <a:lnTo>
                    <a:pt x="365760" y="0"/>
                  </a:lnTo>
                  <a:close/>
                </a:path>
                <a:path w="969644" h="5079">
                  <a:moveTo>
                    <a:pt x="379476" y="0"/>
                  </a:moveTo>
                  <a:lnTo>
                    <a:pt x="370332" y="0"/>
                  </a:lnTo>
                  <a:lnTo>
                    <a:pt x="370332" y="4572"/>
                  </a:lnTo>
                  <a:lnTo>
                    <a:pt x="379476" y="4572"/>
                  </a:lnTo>
                  <a:lnTo>
                    <a:pt x="379476" y="0"/>
                  </a:lnTo>
                  <a:close/>
                </a:path>
                <a:path w="969644" h="5079">
                  <a:moveTo>
                    <a:pt x="393192" y="0"/>
                  </a:moveTo>
                  <a:lnTo>
                    <a:pt x="384048" y="0"/>
                  </a:lnTo>
                  <a:lnTo>
                    <a:pt x="384048" y="4572"/>
                  </a:lnTo>
                  <a:lnTo>
                    <a:pt x="393192" y="4572"/>
                  </a:lnTo>
                  <a:lnTo>
                    <a:pt x="393192" y="0"/>
                  </a:lnTo>
                  <a:close/>
                </a:path>
                <a:path w="969644" h="5079">
                  <a:moveTo>
                    <a:pt x="406908" y="0"/>
                  </a:moveTo>
                  <a:lnTo>
                    <a:pt x="397764" y="0"/>
                  </a:lnTo>
                  <a:lnTo>
                    <a:pt x="397764" y="4572"/>
                  </a:lnTo>
                  <a:lnTo>
                    <a:pt x="406908" y="4572"/>
                  </a:lnTo>
                  <a:lnTo>
                    <a:pt x="406908" y="0"/>
                  </a:lnTo>
                  <a:close/>
                </a:path>
                <a:path w="969644" h="5079">
                  <a:moveTo>
                    <a:pt x="420624" y="0"/>
                  </a:moveTo>
                  <a:lnTo>
                    <a:pt x="411480" y="0"/>
                  </a:lnTo>
                  <a:lnTo>
                    <a:pt x="411480" y="4572"/>
                  </a:lnTo>
                  <a:lnTo>
                    <a:pt x="420624" y="4572"/>
                  </a:lnTo>
                  <a:lnTo>
                    <a:pt x="420624" y="0"/>
                  </a:lnTo>
                  <a:close/>
                </a:path>
                <a:path w="969644" h="5079">
                  <a:moveTo>
                    <a:pt x="434340" y="0"/>
                  </a:moveTo>
                  <a:lnTo>
                    <a:pt x="425196" y="0"/>
                  </a:lnTo>
                  <a:lnTo>
                    <a:pt x="425196" y="4572"/>
                  </a:lnTo>
                  <a:lnTo>
                    <a:pt x="434340" y="4572"/>
                  </a:lnTo>
                  <a:lnTo>
                    <a:pt x="434340" y="0"/>
                  </a:lnTo>
                  <a:close/>
                </a:path>
                <a:path w="969644" h="5079">
                  <a:moveTo>
                    <a:pt x="448056" y="0"/>
                  </a:moveTo>
                  <a:lnTo>
                    <a:pt x="438912" y="0"/>
                  </a:lnTo>
                  <a:lnTo>
                    <a:pt x="438912" y="4572"/>
                  </a:lnTo>
                  <a:lnTo>
                    <a:pt x="448056" y="4572"/>
                  </a:lnTo>
                  <a:lnTo>
                    <a:pt x="448056" y="0"/>
                  </a:lnTo>
                  <a:close/>
                </a:path>
                <a:path w="969644" h="5079">
                  <a:moveTo>
                    <a:pt x="461772" y="0"/>
                  </a:moveTo>
                  <a:lnTo>
                    <a:pt x="452628" y="0"/>
                  </a:lnTo>
                  <a:lnTo>
                    <a:pt x="452628" y="4572"/>
                  </a:lnTo>
                  <a:lnTo>
                    <a:pt x="461772" y="4572"/>
                  </a:lnTo>
                  <a:lnTo>
                    <a:pt x="461772" y="0"/>
                  </a:lnTo>
                  <a:close/>
                </a:path>
                <a:path w="969644" h="5079">
                  <a:moveTo>
                    <a:pt x="475488" y="0"/>
                  </a:moveTo>
                  <a:lnTo>
                    <a:pt x="466344" y="0"/>
                  </a:lnTo>
                  <a:lnTo>
                    <a:pt x="466344" y="4572"/>
                  </a:lnTo>
                  <a:lnTo>
                    <a:pt x="475488" y="4572"/>
                  </a:lnTo>
                  <a:lnTo>
                    <a:pt x="475488" y="0"/>
                  </a:lnTo>
                  <a:close/>
                </a:path>
                <a:path w="969644" h="5079">
                  <a:moveTo>
                    <a:pt x="489204" y="0"/>
                  </a:moveTo>
                  <a:lnTo>
                    <a:pt x="480060" y="0"/>
                  </a:lnTo>
                  <a:lnTo>
                    <a:pt x="480060" y="4572"/>
                  </a:lnTo>
                  <a:lnTo>
                    <a:pt x="489204" y="4572"/>
                  </a:lnTo>
                  <a:lnTo>
                    <a:pt x="489204" y="0"/>
                  </a:lnTo>
                  <a:close/>
                </a:path>
                <a:path w="969644" h="5079">
                  <a:moveTo>
                    <a:pt x="502920" y="0"/>
                  </a:moveTo>
                  <a:lnTo>
                    <a:pt x="493776" y="0"/>
                  </a:lnTo>
                  <a:lnTo>
                    <a:pt x="493776" y="4572"/>
                  </a:lnTo>
                  <a:lnTo>
                    <a:pt x="502920" y="4572"/>
                  </a:lnTo>
                  <a:lnTo>
                    <a:pt x="502920" y="0"/>
                  </a:lnTo>
                  <a:close/>
                </a:path>
                <a:path w="969644" h="5079">
                  <a:moveTo>
                    <a:pt x="516636" y="0"/>
                  </a:moveTo>
                  <a:lnTo>
                    <a:pt x="507492" y="0"/>
                  </a:lnTo>
                  <a:lnTo>
                    <a:pt x="507492" y="4572"/>
                  </a:lnTo>
                  <a:lnTo>
                    <a:pt x="516636" y="4572"/>
                  </a:lnTo>
                  <a:lnTo>
                    <a:pt x="516636" y="0"/>
                  </a:lnTo>
                  <a:close/>
                </a:path>
                <a:path w="969644" h="5079">
                  <a:moveTo>
                    <a:pt x="530352" y="0"/>
                  </a:moveTo>
                  <a:lnTo>
                    <a:pt x="521208" y="0"/>
                  </a:lnTo>
                  <a:lnTo>
                    <a:pt x="521208" y="4572"/>
                  </a:lnTo>
                  <a:lnTo>
                    <a:pt x="530352" y="4572"/>
                  </a:lnTo>
                  <a:lnTo>
                    <a:pt x="530352" y="0"/>
                  </a:lnTo>
                  <a:close/>
                </a:path>
                <a:path w="969644" h="5079">
                  <a:moveTo>
                    <a:pt x="544068" y="0"/>
                  </a:moveTo>
                  <a:lnTo>
                    <a:pt x="534924" y="0"/>
                  </a:lnTo>
                  <a:lnTo>
                    <a:pt x="534924" y="4572"/>
                  </a:lnTo>
                  <a:lnTo>
                    <a:pt x="544068" y="4572"/>
                  </a:lnTo>
                  <a:lnTo>
                    <a:pt x="544068" y="0"/>
                  </a:lnTo>
                  <a:close/>
                </a:path>
                <a:path w="969644" h="5079">
                  <a:moveTo>
                    <a:pt x="557784" y="0"/>
                  </a:moveTo>
                  <a:lnTo>
                    <a:pt x="548640" y="0"/>
                  </a:lnTo>
                  <a:lnTo>
                    <a:pt x="548640" y="4572"/>
                  </a:lnTo>
                  <a:lnTo>
                    <a:pt x="557784" y="4572"/>
                  </a:lnTo>
                  <a:lnTo>
                    <a:pt x="557784" y="0"/>
                  </a:lnTo>
                  <a:close/>
                </a:path>
                <a:path w="969644" h="5079">
                  <a:moveTo>
                    <a:pt x="571500" y="0"/>
                  </a:moveTo>
                  <a:lnTo>
                    <a:pt x="562356" y="0"/>
                  </a:lnTo>
                  <a:lnTo>
                    <a:pt x="562356" y="4572"/>
                  </a:lnTo>
                  <a:lnTo>
                    <a:pt x="571500" y="4572"/>
                  </a:lnTo>
                  <a:lnTo>
                    <a:pt x="571500" y="0"/>
                  </a:lnTo>
                  <a:close/>
                </a:path>
                <a:path w="969644" h="5079">
                  <a:moveTo>
                    <a:pt x="585216" y="0"/>
                  </a:moveTo>
                  <a:lnTo>
                    <a:pt x="576072" y="0"/>
                  </a:lnTo>
                  <a:lnTo>
                    <a:pt x="576072" y="4572"/>
                  </a:lnTo>
                  <a:lnTo>
                    <a:pt x="585216" y="4572"/>
                  </a:lnTo>
                  <a:lnTo>
                    <a:pt x="585216" y="0"/>
                  </a:lnTo>
                  <a:close/>
                </a:path>
                <a:path w="969644" h="5079">
                  <a:moveTo>
                    <a:pt x="598932" y="0"/>
                  </a:moveTo>
                  <a:lnTo>
                    <a:pt x="589788" y="0"/>
                  </a:lnTo>
                  <a:lnTo>
                    <a:pt x="589788" y="4572"/>
                  </a:lnTo>
                  <a:lnTo>
                    <a:pt x="598932" y="4572"/>
                  </a:lnTo>
                  <a:lnTo>
                    <a:pt x="598932" y="0"/>
                  </a:lnTo>
                  <a:close/>
                </a:path>
                <a:path w="969644" h="5079">
                  <a:moveTo>
                    <a:pt x="612648" y="0"/>
                  </a:moveTo>
                  <a:lnTo>
                    <a:pt x="603504" y="0"/>
                  </a:lnTo>
                  <a:lnTo>
                    <a:pt x="603504" y="4572"/>
                  </a:lnTo>
                  <a:lnTo>
                    <a:pt x="612648" y="4572"/>
                  </a:lnTo>
                  <a:lnTo>
                    <a:pt x="612648" y="0"/>
                  </a:lnTo>
                  <a:close/>
                </a:path>
                <a:path w="969644" h="5079">
                  <a:moveTo>
                    <a:pt x="626364" y="0"/>
                  </a:moveTo>
                  <a:lnTo>
                    <a:pt x="617220" y="0"/>
                  </a:lnTo>
                  <a:lnTo>
                    <a:pt x="617220" y="4572"/>
                  </a:lnTo>
                  <a:lnTo>
                    <a:pt x="626364" y="4572"/>
                  </a:lnTo>
                  <a:lnTo>
                    <a:pt x="626364" y="0"/>
                  </a:lnTo>
                  <a:close/>
                </a:path>
                <a:path w="969644" h="5079">
                  <a:moveTo>
                    <a:pt x="640080" y="0"/>
                  </a:moveTo>
                  <a:lnTo>
                    <a:pt x="630936" y="0"/>
                  </a:lnTo>
                  <a:lnTo>
                    <a:pt x="630936" y="4572"/>
                  </a:lnTo>
                  <a:lnTo>
                    <a:pt x="640080" y="4572"/>
                  </a:lnTo>
                  <a:lnTo>
                    <a:pt x="640080" y="0"/>
                  </a:lnTo>
                  <a:close/>
                </a:path>
                <a:path w="969644" h="5079">
                  <a:moveTo>
                    <a:pt x="653796" y="0"/>
                  </a:moveTo>
                  <a:lnTo>
                    <a:pt x="644652" y="0"/>
                  </a:lnTo>
                  <a:lnTo>
                    <a:pt x="644652" y="4572"/>
                  </a:lnTo>
                  <a:lnTo>
                    <a:pt x="653796" y="4572"/>
                  </a:lnTo>
                  <a:lnTo>
                    <a:pt x="653796" y="0"/>
                  </a:lnTo>
                  <a:close/>
                </a:path>
                <a:path w="969644" h="5079">
                  <a:moveTo>
                    <a:pt x="667512" y="0"/>
                  </a:moveTo>
                  <a:lnTo>
                    <a:pt x="658368" y="0"/>
                  </a:lnTo>
                  <a:lnTo>
                    <a:pt x="658368" y="4572"/>
                  </a:lnTo>
                  <a:lnTo>
                    <a:pt x="667512" y="4572"/>
                  </a:lnTo>
                  <a:lnTo>
                    <a:pt x="667512" y="0"/>
                  </a:lnTo>
                  <a:close/>
                </a:path>
                <a:path w="969644" h="5079">
                  <a:moveTo>
                    <a:pt x="681228" y="0"/>
                  </a:moveTo>
                  <a:lnTo>
                    <a:pt x="672084" y="0"/>
                  </a:lnTo>
                  <a:lnTo>
                    <a:pt x="672084" y="4572"/>
                  </a:lnTo>
                  <a:lnTo>
                    <a:pt x="681228" y="4572"/>
                  </a:lnTo>
                  <a:lnTo>
                    <a:pt x="681228" y="0"/>
                  </a:lnTo>
                  <a:close/>
                </a:path>
                <a:path w="969644" h="5079">
                  <a:moveTo>
                    <a:pt x="694944" y="0"/>
                  </a:moveTo>
                  <a:lnTo>
                    <a:pt x="684276" y="0"/>
                  </a:lnTo>
                  <a:lnTo>
                    <a:pt x="684276" y="4572"/>
                  </a:lnTo>
                  <a:lnTo>
                    <a:pt x="694944" y="4572"/>
                  </a:lnTo>
                  <a:lnTo>
                    <a:pt x="694944" y="0"/>
                  </a:lnTo>
                  <a:close/>
                </a:path>
                <a:path w="969644" h="5079">
                  <a:moveTo>
                    <a:pt x="708660" y="0"/>
                  </a:moveTo>
                  <a:lnTo>
                    <a:pt x="697992" y="0"/>
                  </a:lnTo>
                  <a:lnTo>
                    <a:pt x="697992" y="4572"/>
                  </a:lnTo>
                  <a:lnTo>
                    <a:pt x="708660" y="4572"/>
                  </a:lnTo>
                  <a:lnTo>
                    <a:pt x="708660" y="0"/>
                  </a:lnTo>
                  <a:close/>
                </a:path>
                <a:path w="969644" h="5079">
                  <a:moveTo>
                    <a:pt x="722376" y="0"/>
                  </a:moveTo>
                  <a:lnTo>
                    <a:pt x="711708" y="0"/>
                  </a:lnTo>
                  <a:lnTo>
                    <a:pt x="711708" y="4572"/>
                  </a:lnTo>
                  <a:lnTo>
                    <a:pt x="722376" y="4572"/>
                  </a:lnTo>
                  <a:lnTo>
                    <a:pt x="722376" y="0"/>
                  </a:lnTo>
                  <a:close/>
                </a:path>
                <a:path w="969644" h="5079">
                  <a:moveTo>
                    <a:pt x="736092" y="0"/>
                  </a:moveTo>
                  <a:lnTo>
                    <a:pt x="725424" y="0"/>
                  </a:lnTo>
                  <a:lnTo>
                    <a:pt x="725424" y="4572"/>
                  </a:lnTo>
                  <a:lnTo>
                    <a:pt x="736092" y="4572"/>
                  </a:lnTo>
                  <a:lnTo>
                    <a:pt x="736092" y="0"/>
                  </a:lnTo>
                  <a:close/>
                </a:path>
                <a:path w="969644" h="5079">
                  <a:moveTo>
                    <a:pt x="749808" y="0"/>
                  </a:moveTo>
                  <a:lnTo>
                    <a:pt x="739140" y="0"/>
                  </a:lnTo>
                  <a:lnTo>
                    <a:pt x="739140" y="4572"/>
                  </a:lnTo>
                  <a:lnTo>
                    <a:pt x="749808" y="4572"/>
                  </a:lnTo>
                  <a:lnTo>
                    <a:pt x="749808" y="0"/>
                  </a:lnTo>
                  <a:close/>
                </a:path>
                <a:path w="969644" h="5079">
                  <a:moveTo>
                    <a:pt x="763524" y="0"/>
                  </a:moveTo>
                  <a:lnTo>
                    <a:pt x="752856" y="0"/>
                  </a:lnTo>
                  <a:lnTo>
                    <a:pt x="752856" y="4572"/>
                  </a:lnTo>
                  <a:lnTo>
                    <a:pt x="763524" y="4572"/>
                  </a:lnTo>
                  <a:lnTo>
                    <a:pt x="763524" y="0"/>
                  </a:lnTo>
                  <a:close/>
                </a:path>
                <a:path w="969644" h="5079">
                  <a:moveTo>
                    <a:pt x="777240" y="0"/>
                  </a:moveTo>
                  <a:lnTo>
                    <a:pt x="766572" y="0"/>
                  </a:lnTo>
                  <a:lnTo>
                    <a:pt x="766572" y="4572"/>
                  </a:lnTo>
                  <a:lnTo>
                    <a:pt x="777240" y="4572"/>
                  </a:lnTo>
                  <a:lnTo>
                    <a:pt x="777240" y="0"/>
                  </a:lnTo>
                  <a:close/>
                </a:path>
                <a:path w="969644" h="5079">
                  <a:moveTo>
                    <a:pt x="790956" y="0"/>
                  </a:moveTo>
                  <a:lnTo>
                    <a:pt x="780288" y="0"/>
                  </a:lnTo>
                  <a:lnTo>
                    <a:pt x="780288"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32" name="object 32"/>
            <p:cNvSpPr/>
            <p:nvPr/>
          </p:nvSpPr>
          <p:spPr>
            <a:xfrm>
              <a:off x="2435352" y="501700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15" y="0"/>
                  </a:moveTo>
                  <a:lnTo>
                    <a:pt x="822960" y="0"/>
                  </a:lnTo>
                  <a:lnTo>
                    <a:pt x="822960" y="4572"/>
                  </a:lnTo>
                  <a:lnTo>
                    <a:pt x="833615" y="4572"/>
                  </a:lnTo>
                  <a:lnTo>
                    <a:pt x="833615"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27" y="0"/>
                  </a:lnTo>
                  <a:lnTo>
                    <a:pt x="891527"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33" name="object 33"/>
            <p:cNvSpPr/>
            <p:nvPr/>
          </p:nvSpPr>
          <p:spPr>
            <a:xfrm>
              <a:off x="3395472" y="501700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34" name="object 34"/>
            <p:cNvSpPr/>
            <p:nvPr/>
          </p:nvSpPr>
          <p:spPr>
            <a:xfrm>
              <a:off x="4355592" y="5017007"/>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5364" y="0"/>
                  </a:lnTo>
                  <a:lnTo>
                    <a:pt x="245364" y="4572"/>
                  </a:lnTo>
                  <a:lnTo>
                    <a:pt x="256032" y="4572"/>
                  </a:lnTo>
                  <a:lnTo>
                    <a:pt x="256032" y="0"/>
                  </a:lnTo>
                  <a:close/>
                </a:path>
                <a:path w="969645" h="5079">
                  <a:moveTo>
                    <a:pt x="269748" y="0"/>
                  </a:moveTo>
                  <a:lnTo>
                    <a:pt x="259080" y="0"/>
                  </a:lnTo>
                  <a:lnTo>
                    <a:pt x="259080" y="4572"/>
                  </a:lnTo>
                  <a:lnTo>
                    <a:pt x="269748" y="4572"/>
                  </a:lnTo>
                  <a:lnTo>
                    <a:pt x="269748" y="0"/>
                  </a:lnTo>
                  <a:close/>
                </a:path>
                <a:path w="969645" h="5079">
                  <a:moveTo>
                    <a:pt x="283464" y="0"/>
                  </a:moveTo>
                  <a:lnTo>
                    <a:pt x="272796" y="0"/>
                  </a:lnTo>
                  <a:lnTo>
                    <a:pt x="272796" y="4572"/>
                  </a:lnTo>
                  <a:lnTo>
                    <a:pt x="283464" y="4572"/>
                  </a:lnTo>
                  <a:lnTo>
                    <a:pt x="283464" y="0"/>
                  </a:lnTo>
                  <a:close/>
                </a:path>
                <a:path w="969645" h="5079">
                  <a:moveTo>
                    <a:pt x="297180" y="0"/>
                  </a:moveTo>
                  <a:lnTo>
                    <a:pt x="286512" y="0"/>
                  </a:lnTo>
                  <a:lnTo>
                    <a:pt x="286512" y="4572"/>
                  </a:lnTo>
                  <a:lnTo>
                    <a:pt x="297180" y="4572"/>
                  </a:lnTo>
                  <a:lnTo>
                    <a:pt x="297180" y="0"/>
                  </a:lnTo>
                  <a:close/>
                </a:path>
                <a:path w="969645" h="5079">
                  <a:moveTo>
                    <a:pt x="310896" y="0"/>
                  </a:moveTo>
                  <a:lnTo>
                    <a:pt x="300228" y="0"/>
                  </a:lnTo>
                  <a:lnTo>
                    <a:pt x="300228" y="4572"/>
                  </a:lnTo>
                  <a:lnTo>
                    <a:pt x="310896" y="4572"/>
                  </a:lnTo>
                  <a:lnTo>
                    <a:pt x="310896" y="0"/>
                  </a:lnTo>
                  <a:close/>
                </a:path>
                <a:path w="969645" h="5079">
                  <a:moveTo>
                    <a:pt x="324612" y="0"/>
                  </a:moveTo>
                  <a:lnTo>
                    <a:pt x="313944" y="0"/>
                  </a:lnTo>
                  <a:lnTo>
                    <a:pt x="313944" y="4572"/>
                  </a:lnTo>
                  <a:lnTo>
                    <a:pt x="324612" y="4572"/>
                  </a:lnTo>
                  <a:lnTo>
                    <a:pt x="324612" y="0"/>
                  </a:lnTo>
                  <a:close/>
                </a:path>
                <a:path w="969645" h="5079">
                  <a:moveTo>
                    <a:pt x="338328" y="0"/>
                  </a:moveTo>
                  <a:lnTo>
                    <a:pt x="327660" y="0"/>
                  </a:lnTo>
                  <a:lnTo>
                    <a:pt x="327660" y="4572"/>
                  </a:lnTo>
                  <a:lnTo>
                    <a:pt x="338328" y="4572"/>
                  </a:lnTo>
                  <a:lnTo>
                    <a:pt x="338328" y="0"/>
                  </a:lnTo>
                  <a:close/>
                </a:path>
                <a:path w="969645" h="5079">
                  <a:moveTo>
                    <a:pt x="352044" y="0"/>
                  </a:moveTo>
                  <a:lnTo>
                    <a:pt x="341376" y="0"/>
                  </a:lnTo>
                  <a:lnTo>
                    <a:pt x="341376"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35" name="object 35"/>
            <p:cNvSpPr/>
            <p:nvPr/>
          </p:nvSpPr>
          <p:spPr>
            <a:xfrm>
              <a:off x="5314188" y="501700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36" name="object 36"/>
            <p:cNvSpPr/>
            <p:nvPr/>
          </p:nvSpPr>
          <p:spPr>
            <a:xfrm>
              <a:off x="6274308" y="501700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587" y="0"/>
                  </a:moveTo>
                  <a:lnTo>
                    <a:pt x="219456" y="0"/>
                  </a:lnTo>
                  <a:lnTo>
                    <a:pt x="219456" y="4572"/>
                  </a:lnTo>
                  <a:lnTo>
                    <a:pt x="228587" y="4572"/>
                  </a:lnTo>
                  <a:lnTo>
                    <a:pt x="228587"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591" y="0"/>
                  </a:lnTo>
                  <a:lnTo>
                    <a:pt x="260591"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39" y="0"/>
                  </a:lnTo>
                  <a:lnTo>
                    <a:pt x="301739"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15" y="0"/>
                  </a:moveTo>
                  <a:lnTo>
                    <a:pt x="329184" y="0"/>
                  </a:lnTo>
                  <a:lnTo>
                    <a:pt x="329184" y="4572"/>
                  </a:lnTo>
                  <a:lnTo>
                    <a:pt x="338315" y="4572"/>
                  </a:lnTo>
                  <a:lnTo>
                    <a:pt x="338315" y="0"/>
                  </a:lnTo>
                  <a:close/>
                </a:path>
                <a:path w="969645" h="5079">
                  <a:moveTo>
                    <a:pt x="352044" y="0"/>
                  </a:moveTo>
                  <a:lnTo>
                    <a:pt x="342887" y="0"/>
                  </a:lnTo>
                  <a:lnTo>
                    <a:pt x="342887"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63" y="0"/>
                  </a:moveTo>
                  <a:lnTo>
                    <a:pt x="370332" y="0"/>
                  </a:lnTo>
                  <a:lnTo>
                    <a:pt x="370332" y="4572"/>
                  </a:lnTo>
                  <a:lnTo>
                    <a:pt x="379463" y="4572"/>
                  </a:lnTo>
                  <a:lnTo>
                    <a:pt x="379463"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80" y="0"/>
                  </a:lnTo>
                  <a:lnTo>
                    <a:pt x="411480"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56" y="0"/>
                  </a:moveTo>
                  <a:lnTo>
                    <a:pt x="438912" y="0"/>
                  </a:lnTo>
                  <a:lnTo>
                    <a:pt x="438912" y="4572"/>
                  </a:lnTo>
                  <a:lnTo>
                    <a:pt x="448056" y="4572"/>
                  </a:lnTo>
                  <a:lnTo>
                    <a:pt x="448056" y="0"/>
                  </a:lnTo>
                  <a:close/>
                </a:path>
                <a:path w="969645" h="5079">
                  <a:moveTo>
                    <a:pt x="461772" y="0"/>
                  </a:moveTo>
                  <a:lnTo>
                    <a:pt x="452628" y="0"/>
                  </a:lnTo>
                  <a:lnTo>
                    <a:pt x="452628"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37" name="object 37"/>
            <p:cNvSpPr/>
            <p:nvPr/>
          </p:nvSpPr>
          <p:spPr>
            <a:xfrm>
              <a:off x="7232904" y="5017007"/>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38" name="object 38"/>
            <p:cNvSpPr/>
            <p:nvPr/>
          </p:nvSpPr>
          <p:spPr>
            <a:xfrm>
              <a:off x="8193024" y="501700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600456" y="0"/>
                  </a:moveTo>
                  <a:lnTo>
                    <a:pt x="589788" y="0"/>
                  </a:lnTo>
                  <a:lnTo>
                    <a:pt x="589788" y="4572"/>
                  </a:lnTo>
                  <a:lnTo>
                    <a:pt x="600456" y="4572"/>
                  </a:lnTo>
                  <a:lnTo>
                    <a:pt x="600456" y="0"/>
                  </a:lnTo>
                  <a:close/>
                </a:path>
                <a:path w="969645" h="5079">
                  <a:moveTo>
                    <a:pt x="614172" y="0"/>
                  </a:moveTo>
                  <a:lnTo>
                    <a:pt x="603504" y="0"/>
                  </a:lnTo>
                  <a:lnTo>
                    <a:pt x="603504" y="4572"/>
                  </a:lnTo>
                  <a:lnTo>
                    <a:pt x="614172" y="4572"/>
                  </a:lnTo>
                  <a:lnTo>
                    <a:pt x="614172" y="0"/>
                  </a:lnTo>
                  <a:close/>
                </a:path>
                <a:path w="969645" h="5079">
                  <a:moveTo>
                    <a:pt x="627888" y="0"/>
                  </a:moveTo>
                  <a:lnTo>
                    <a:pt x="617220" y="0"/>
                  </a:lnTo>
                  <a:lnTo>
                    <a:pt x="617220" y="4572"/>
                  </a:lnTo>
                  <a:lnTo>
                    <a:pt x="627888" y="4572"/>
                  </a:lnTo>
                  <a:lnTo>
                    <a:pt x="627888" y="0"/>
                  </a:lnTo>
                  <a:close/>
                </a:path>
                <a:path w="969645" h="5079">
                  <a:moveTo>
                    <a:pt x="641604" y="0"/>
                  </a:moveTo>
                  <a:lnTo>
                    <a:pt x="630936" y="0"/>
                  </a:lnTo>
                  <a:lnTo>
                    <a:pt x="630936" y="4572"/>
                  </a:lnTo>
                  <a:lnTo>
                    <a:pt x="641604" y="4572"/>
                  </a:lnTo>
                  <a:lnTo>
                    <a:pt x="641604" y="0"/>
                  </a:lnTo>
                  <a:close/>
                </a:path>
                <a:path w="969645" h="5079">
                  <a:moveTo>
                    <a:pt x="655320" y="0"/>
                  </a:moveTo>
                  <a:lnTo>
                    <a:pt x="644652" y="0"/>
                  </a:lnTo>
                  <a:lnTo>
                    <a:pt x="644652" y="4572"/>
                  </a:lnTo>
                  <a:lnTo>
                    <a:pt x="655320" y="4572"/>
                  </a:lnTo>
                  <a:lnTo>
                    <a:pt x="655320" y="0"/>
                  </a:lnTo>
                  <a:close/>
                </a:path>
                <a:path w="969645" h="5079">
                  <a:moveTo>
                    <a:pt x="669036" y="0"/>
                  </a:moveTo>
                  <a:lnTo>
                    <a:pt x="658368" y="0"/>
                  </a:lnTo>
                  <a:lnTo>
                    <a:pt x="658368" y="4572"/>
                  </a:lnTo>
                  <a:lnTo>
                    <a:pt x="669036" y="4572"/>
                  </a:lnTo>
                  <a:lnTo>
                    <a:pt x="669036"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39" name="object 39"/>
            <p:cNvSpPr/>
            <p:nvPr/>
          </p:nvSpPr>
          <p:spPr>
            <a:xfrm>
              <a:off x="406908" y="4536947"/>
              <a:ext cx="9052560" cy="485140"/>
            </a:xfrm>
            <a:custGeom>
              <a:avLst/>
              <a:gdLst/>
              <a:ahLst/>
              <a:cxnLst/>
              <a:rect l="l" t="t" r="r" b="b"/>
              <a:pathLst>
                <a:path w="9052560" h="485139">
                  <a:moveTo>
                    <a:pt x="10668" y="0"/>
                  </a:moveTo>
                  <a:lnTo>
                    <a:pt x="0" y="0"/>
                  </a:lnTo>
                  <a:lnTo>
                    <a:pt x="0" y="4572"/>
                  </a:lnTo>
                  <a:lnTo>
                    <a:pt x="10668" y="4572"/>
                  </a:lnTo>
                  <a:lnTo>
                    <a:pt x="10668" y="0"/>
                  </a:lnTo>
                  <a:close/>
                </a:path>
                <a:path w="9052560" h="485139">
                  <a:moveTo>
                    <a:pt x="24384" y="0"/>
                  </a:moveTo>
                  <a:lnTo>
                    <a:pt x="13716" y="0"/>
                  </a:lnTo>
                  <a:lnTo>
                    <a:pt x="13716" y="4572"/>
                  </a:lnTo>
                  <a:lnTo>
                    <a:pt x="24384" y="4572"/>
                  </a:lnTo>
                  <a:lnTo>
                    <a:pt x="24384" y="0"/>
                  </a:lnTo>
                  <a:close/>
                </a:path>
                <a:path w="9052560" h="485139">
                  <a:moveTo>
                    <a:pt x="38100" y="0"/>
                  </a:moveTo>
                  <a:lnTo>
                    <a:pt x="27432" y="0"/>
                  </a:lnTo>
                  <a:lnTo>
                    <a:pt x="27432" y="4572"/>
                  </a:lnTo>
                  <a:lnTo>
                    <a:pt x="38100" y="4572"/>
                  </a:lnTo>
                  <a:lnTo>
                    <a:pt x="38100" y="0"/>
                  </a:lnTo>
                  <a:close/>
                </a:path>
                <a:path w="9052560" h="485139">
                  <a:moveTo>
                    <a:pt x="51816" y="0"/>
                  </a:moveTo>
                  <a:lnTo>
                    <a:pt x="41148" y="0"/>
                  </a:lnTo>
                  <a:lnTo>
                    <a:pt x="41148" y="4572"/>
                  </a:lnTo>
                  <a:lnTo>
                    <a:pt x="51816" y="4572"/>
                  </a:lnTo>
                  <a:lnTo>
                    <a:pt x="51816" y="0"/>
                  </a:lnTo>
                  <a:close/>
                </a:path>
                <a:path w="9052560" h="485139">
                  <a:moveTo>
                    <a:pt x="65532" y="0"/>
                  </a:moveTo>
                  <a:lnTo>
                    <a:pt x="54864" y="0"/>
                  </a:lnTo>
                  <a:lnTo>
                    <a:pt x="54864" y="4572"/>
                  </a:lnTo>
                  <a:lnTo>
                    <a:pt x="65532" y="4572"/>
                  </a:lnTo>
                  <a:lnTo>
                    <a:pt x="65532" y="0"/>
                  </a:lnTo>
                  <a:close/>
                </a:path>
                <a:path w="9052560" h="485139">
                  <a:moveTo>
                    <a:pt x="79248" y="0"/>
                  </a:moveTo>
                  <a:lnTo>
                    <a:pt x="68580" y="0"/>
                  </a:lnTo>
                  <a:lnTo>
                    <a:pt x="68580" y="4572"/>
                  </a:lnTo>
                  <a:lnTo>
                    <a:pt x="79248" y="4572"/>
                  </a:lnTo>
                  <a:lnTo>
                    <a:pt x="79248" y="0"/>
                  </a:lnTo>
                  <a:close/>
                </a:path>
                <a:path w="9052560" h="485139">
                  <a:moveTo>
                    <a:pt x="92964" y="0"/>
                  </a:moveTo>
                  <a:lnTo>
                    <a:pt x="82296" y="0"/>
                  </a:lnTo>
                  <a:lnTo>
                    <a:pt x="82296" y="4572"/>
                  </a:lnTo>
                  <a:lnTo>
                    <a:pt x="92964" y="4572"/>
                  </a:lnTo>
                  <a:lnTo>
                    <a:pt x="92964" y="0"/>
                  </a:lnTo>
                  <a:close/>
                </a:path>
                <a:path w="9052560" h="485139">
                  <a:moveTo>
                    <a:pt x="106680" y="0"/>
                  </a:moveTo>
                  <a:lnTo>
                    <a:pt x="96012" y="0"/>
                  </a:lnTo>
                  <a:lnTo>
                    <a:pt x="96012" y="4572"/>
                  </a:lnTo>
                  <a:lnTo>
                    <a:pt x="106680" y="4572"/>
                  </a:lnTo>
                  <a:lnTo>
                    <a:pt x="106680" y="0"/>
                  </a:lnTo>
                  <a:close/>
                </a:path>
                <a:path w="9052560" h="485139">
                  <a:moveTo>
                    <a:pt x="120396" y="0"/>
                  </a:moveTo>
                  <a:lnTo>
                    <a:pt x="109728" y="0"/>
                  </a:lnTo>
                  <a:lnTo>
                    <a:pt x="109728" y="4572"/>
                  </a:lnTo>
                  <a:lnTo>
                    <a:pt x="120396" y="4572"/>
                  </a:lnTo>
                  <a:lnTo>
                    <a:pt x="120396" y="0"/>
                  </a:lnTo>
                  <a:close/>
                </a:path>
                <a:path w="9052560" h="485139">
                  <a:moveTo>
                    <a:pt x="134112" y="0"/>
                  </a:moveTo>
                  <a:lnTo>
                    <a:pt x="123444" y="0"/>
                  </a:lnTo>
                  <a:lnTo>
                    <a:pt x="123444" y="4572"/>
                  </a:lnTo>
                  <a:lnTo>
                    <a:pt x="134112" y="4572"/>
                  </a:lnTo>
                  <a:lnTo>
                    <a:pt x="134112" y="0"/>
                  </a:lnTo>
                  <a:close/>
                </a:path>
                <a:path w="9052560" h="485139">
                  <a:moveTo>
                    <a:pt x="147828" y="0"/>
                  </a:moveTo>
                  <a:lnTo>
                    <a:pt x="137160" y="0"/>
                  </a:lnTo>
                  <a:lnTo>
                    <a:pt x="137160" y="4572"/>
                  </a:lnTo>
                  <a:lnTo>
                    <a:pt x="147828" y="4572"/>
                  </a:lnTo>
                  <a:lnTo>
                    <a:pt x="147828" y="0"/>
                  </a:lnTo>
                  <a:close/>
                </a:path>
                <a:path w="9052560" h="485139">
                  <a:moveTo>
                    <a:pt x="161544" y="0"/>
                  </a:moveTo>
                  <a:lnTo>
                    <a:pt x="150876" y="0"/>
                  </a:lnTo>
                  <a:lnTo>
                    <a:pt x="150876" y="4572"/>
                  </a:lnTo>
                  <a:lnTo>
                    <a:pt x="161544" y="4572"/>
                  </a:lnTo>
                  <a:lnTo>
                    <a:pt x="161544" y="0"/>
                  </a:lnTo>
                  <a:close/>
                </a:path>
                <a:path w="9052560" h="485139">
                  <a:moveTo>
                    <a:pt x="175260" y="0"/>
                  </a:moveTo>
                  <a:lnTo>
                    <a:pt x="164592" y="0"/>
                  </a:lnTo>
                  <a:lnTo>
                    <a:pt x="164592" y="4572"/>
                  </a:lnTo>
                  <a:lnTo>
                    <a:pt x="175260" y="4572"/>
                  </a:lnTo>
                  <a:lnTo>
                    <a:pt x="175260" y="0"/>
                  </a:lnTo>
                  <a:close/>
                </a:path>
                <a:path w="9052560" h="485139">
                  <a:moveTo>
                    <a:pt x="188976" y="0"/>
                  </a:moveTo>
                  <a:lnTo>
                    <a:pt x="178308" y="0"/>
                  </a:lnTo>
                  <a:lnTo>
                    <a:pt x="178308" y="4572"/>
                  </a:lnTo>
                  <a:lnTo>
                    <a:pt x="188976" y="4572"/>
                  </a:lnTo>
                  <a:lnTo>
                    <a:pt x="188976" y="0"/>
                  </a:lnTo>
                  <a:close/>
                </a:path>
                <a:path w="9052560" h="485139">
                  <a:moveTo>
                    <a:pt x="202692" y="0"/>
                  </a:moveTo>
                  <a:lnTo>
                    <a:pt x="192024" y="0"/>
                  </a:lnTo>
                  <a:lnTo>
                    <a:pt x="192024" y="4572"/>
                  </a:lnTo>
                  <a:lnTo>
                    <a:pt x="202692" y="4572"/>
                  </a:lnTo>
                  <a:lnTo>
                    <a:pt x="202692" y="0"/>
                  </a:lnTo>
                  <a:close/>
                </a:path>
                <a:path w="9052560" h="485139">
                  <a:moveTo>
                    <a:pt x="216408" y="0"/>
                  </a:moveTo>
                  <a:lnTo>
                    <a:pt x="205740" y="0"/>
                  </a:lnTo>
                  <a:lnTo>
                    <a:pt x="205740" y="4572"/>
                  </a:lnTo>
                  <a:lnTo>
                    <a:pt x="216408" y="4572"/>
                  </a:lnTo>
                  <a:lnTo>
                    <a:pt x="216408" y="0"/>
                  </a:lnTo>
                  <a:close/>
                </a:path>
                <a:path w="9052560" h="485139">
                  <a:moveTo>
                    <a:pt x="230124" y="0"/>
                  </a:moveTo>
                  <a:lnTo>
                    <a:pt x="219456" y="0"/>
                  </a:lnTo>
                  <a:lnTo>
                    <a:pt x="219456" y="4572"/>
                  </a:lnTo>
                  <a:lnTo>
                    <a:pt x="230124" y="4572"/>
                  </a:lnTo>
                  <a:lnTo>
                    <a:pt x="230124" y="0"/>
                  </a:lnTo>
                  <a:close/>
                </a:path>
                <a:path w="9052560" h="485139">
                  <a:moveTo>
                    <a:pt x="243840" y="0"/>
                  </a:moveTo>
                  <a:lnTo>
                    <a:pt x="233172" y="0"/>
                  </a:lnTo>
                  <a:lnTo>
                    <a:pt x="233172" y="4572"/>
                  </a:lnTo>
                  <a:lnTo>
                    <a:pt x="243840" y="4572"/>
                  </a:lnTo>
                  <a:lnTo>
                    <a:pt x="243840" y="0"/>
                  </a:lnTo>
                  <a:close/>
                </a:path>
                <a:path w="9052560" h="485139">
                  <a:moveTo>
                    <a:pt x="257556" y="0"/>
                  </a:moveTo>
                  <a:lnTo>
                    <a:pt x="246888" y="0"/>
                  </a:lnTo>
                  <a:lnTo>
                    <a:pt x="246888" y="4572"/>
                  </a:lnTo>
                  <a:lnTo>
                    <a:pt x="257556" y="4572"/>
                  </a:lnTo>
                  <a:lnTo>
                    <a:pt x="257556" y="0"/>
                  </a:lnTo>
                  <a:close/>
                </a:path>
                <a:path w="9052560" h="485139">
                  <a:moveTo>
                    <a:pt x="271272" y="0"/>
                  </a:moveTo>
                  <a:lnTo>
                    <a:pt x="260604" y="0"/>
                  </a:lnTo>
                  <a:lnTo>
                    <a:pt x="260604" y="4572"/>
                  </a:lnTo>
                  <a:lnTo>
                    <a:pt x="271272" y="4572"/>
                  </a:lnTo>
                  <a:lnTo>
                    <a:pt x="271272" y="0"/>
                  </a:lnTo>
                  <a:close/>
                </a:path>
                <a:path w="9052560" h="485139">
                  <a:moveTo>
                    <a:pt x="284988" y="0"/>
                  </a:moveTo>
                  <a:lnTo>
                    <a:pt x="274320" y="0"/>
                  </a:lnTo>
                  <a:lnTo>
                    <a:pt x="274320" y="4572"/>
                  </a:lnTo>
                  <a:lnTo>
                    <a:pt x="284988" y="4572"/>
                  </a:lnTo>
                  <a:lnTo>
                    <a:pt x="284988" y="0"/>
                  </a:lnTo>
                  <a:close/>
                </a:path>
                <a:path w="9052560" h="485139">
                  <a:moveTo>
                    <a:pt x="298704" y="0"/>
                  </a:moveTo>
                  <a:lnTo>
                    <a:pt x="288036" y="0"/>
                  </a:lnTo>
                  <a:lnTo>
                    <a:pt x="288036" y="4572"/>
                  </a:lnTo>
                  <a:lnTo>
                    <a:pt x="298704" y="4572"/>
                  </a:lnTo>
                  <a:lnTo>
                    <a:pt x="298704" y="0"/>
                  </a:lnTo>
                  <a:close/>
                </a:path>
                <a:path w="9052560" h="485139">
                  <a:moveTo>
                    <a:pt x="312420" y="0"/>
                  </a:moveTo>
                  <a:lnTo>
                    <a:pt x="301752" y="0"/>
                  </a:lnTo>
                  <a:lnTo>
                    <a:pt x="301752" y="4572"/>
                  </a:lnTo>
                  <a:lnTo>
                    <a:pt x="312420" y="4572"/>
                  </a:lnTo>
                  <a:lnTo>
                    <a:pt x="312420" y="0"/>
                  </a:lnTo>
                  <a:close/>
                </a:path>
                <a:path w="9052560" h="485139">
                  <a:moveTo>
                    <a:pt x="326136" y="0"/>
                  </a:moveTo>
                  <a:lnTo>
                    <a:pt x="315468" y="0"/>
                  </a:lnTo>
                  <a:lnTo>
                    <a:pt x="315468" y="4572"/>
                  </a:lnTo>
                  <a:lnTo>
                    <a:pt x="326136" y="4572"/>
                  </a:lnTo>
                  <a:lnTo>
                    <a:pt x="326136" y="0"/>
                  </a:lnTo>
                  <a:close/>
                </a:path>
                <a:path w="9052560" h="485139">
                  <a:moveTo>
                    <a:pt x="339852" y="0"/>
                  </a:moveTo>
                  <a:lnTo>
                    <a:pt x="329184" y="0"/>
                  </a:lnTo>
                  <a:lnTo>
                    <a:pt x="329184" y="4572"/>
                  </a:lnTo>
                  <a:lnTo>
                    <a:pt x="339852" y="4572"/>
                  </a:lnTo>
                  <a:lnTo>
                    <a:pt x="339852" y="0"/>
                  </a:lnTo>
                  <a:close/>
                </a:path>
                <a:path w="9052560" h="485139">
                  <a:moveTo>
                    <a:pt x="353568" y="0"/>
                  </a:moveTo>
                  <a:lnTo>
                    <a:pt x="342900" y="0"/>
                  </a:lnTo>
                  <a:lnTo>
                    <a:pt x="342900" y="4572"/>
                  </a:lnTo>
                  <a:lnTo>
                    <a:pt x="353568" y="4572"/>
                  </a:lnTo>
                  <a:lnTo>
                    <a:pt x="353568" y="0"/>
                  </a:lnTo>
                  <a:close/>
                </a:path>
                <a:path w="9052560" h="485139">
                  <a:moveTo>
                    <a:pt x="367284" y="0"/>
                  </a:moveTo>
                  <a:lnTo>
                    <a:pt x="356616" y="0"/>
                  </a:lnTo>
                  <a:lnTo>
                    <a:pt x="356616" y="4572"/>
                  </a:lnTo>
                  <a:lnTo>
                    <a:pt x="367284" y="4572"/>
                  </a:lnTo>
                  <a:lnTo>
                    <a:pt x="367284" y="0"/>
                  </a:lnTo>
                  <a:close/>
                </a:path>
                <a:path w="9052560" h="485139">
                  <a:moveTo>
                    <a:pt x="381000" y="0"/>
                  </a:moveTo>
                  <a:lnTo>
                    <a:pt x="370332" y="0"/>
                  </a:lnTo>
                  <a:lnTo>
                    <a:pt x="370332" y="4572"/>
                  </a:lnTo>
                  <a:lnTo>
                    <a:pt x="381000" y="4572"/>
                  </a:lnTo>
                  <a:lnTo>
                    <a:pt x="381000" y="0"/>
                  </a:lnTo>
                  <a:close/>
                </a:path>
                <a:path w="9052560" h="485139">
                  <a:moveTo>
                    <a:pt x="394716" y="0"/>
                  </a:moveTo>
                  <a:lnTo>
                    <a:pt x="384048" y="0"/>
                  </a:lnTo>
                  <a:lnTo>
                    <a:pt x="384048" y="4572"/>
                  </a:lnTo>
                  <a:lnTo>
                    <a:pt x="394716" y="4572"/>
                  </a:lnTo>
                  <a:lnTo>
                    <a:pt x="394716" y="0"/>
                  </a:lnTo>
                  <a:close/>
                </a:path>
                <a:path w="9052560" h="485139">
                  <a:moveTo>
                    <a:pt x="408432" y="0"/>
                  </a:moveTo>
                  <a:lnTo>
                    <a:pt x="397764" y="0"/>
                  </a:lnTo>
                  <a:lnTo>
                    <a:pt x="397764" y="4572"/>
                  </a:lnTo>
                  <a:lnTo>
                    <a:pt x="408432" y="4572"/>
                  </a:lnTo>
                  <a:lnTo>
                    <a:pt x="408432" y="0"/>
                  </a:lnTo>
                  <a:close/>
                </a:path>
                <a:path w="9052560" h="485139">
                  <a:moveTo>
                    <a:pt x="422148" y="0"/>
                  </a:moveTo>
                  <a:lnTo>
                    <a:pt x="411480" y="0"/>
                  </a:lnTo>
                  <a:lnTo>
                    <a:pt x="411480" y="4572"/>
                  </a:lnTo>
                  <a:lnTo>
                    <a:pt x="422148" y="4572"/>
                  </a:lnTo>
                  <a:lnTo>
                    <a:pt x="422148" y="0"/>
                  </a:lnTo>
                  <a:close/>
                </a:path>
                <a:path w="9052560" h="485139">
                  <a:moveTo>
                    <a:pt x="435864" y="0"/>
                  </a:moveTo>
                  <a:lnTo>
                    <a:pt x="425183" y="0"/>
                  </a:lnTo>
                  <a:lnTo>
                    <a:pt x="425183" y="4572"/>
                  </a:lnTo>
                  <a:lnTo>
                    <a:pt x="435864" y="4572"/>
                  </a:lnTo>
                  <a:lnTo>
                    <a:pt x="435864" y="0"/>
                  </a:lnTo>
                  <a:close/>
                </a:path>
                <a:path w="9052560" h="485139">
                  <a:moveTo>
                    <a:pt x="449580" y="0"/>
                  </a:moveTo>
                  <a:lnTo>
                    <a:pt x="438912" y="0"/>
                  </a:lnTo>
                  <a:lnTo>
                    <a:pt x="438912" y="4572"/>
                  </a:lnTo>
                  <a:lnTo>
                    <a:pt x="449580" y="4572"/>
                  </a:lnTo>
                  <a:lnTo>
                    <a:pt x="449580" y="0"/>
                  </a:lnTo>
                  <a:close/>
                </a:path>
                <a:path w="9052560" h="485139">
                  <a:moveTo>
                    <a:pt x="463296" y="0"/>
                  </a:moveTo>
                  <a:lnTo>
                    <a:pt x="452628" y="0"/>
                  </a:lnTo>
                  <a:lnTo>
                    <a:pt x="452628" y="4572"/>
                  </a:lnTo>
                  <a:lnTo>
                    <a:pt x="463296" y="4572"/>
                  </a:lnTo>
                  <a:lnTo>
                    <a:pt x="463296" y="0"/>
                  </a:lnTo>
                  <a:close/>
                </a:path>
                <a:path w="9052560" h="485139">
                  <a:moveTo>
                    <a:pt x="477012" y="0"/>
                  </a:moveTo>
                  <a:lnTo>
                    <a:pt x="466344" y="0"/>
                  </a:lnTo>
                  <a:lnTo>
                    <a:pt x="466344" y="4572"/>
                  </a:lnTo>
                  <a:lnTo>
                    <a:pt x="477012" y="4572"/>
                  </a:lnTo>
                  <a:lnTo>
                    <a:pt x="477012" y="0"/>
                  </a:lnTo>
                  <a:close/>
                </a:path>
                <a:path w="9052560" h="485139">
                  <a:moveTo>
                    <a:pt x="490728" y="0"/>
                  </a:moveTo>
                  <a:lnTo>
                    <a:pt x="480060" y="0"/>
                  </a:lnTo>
                  <a:lnTo>
                    <a:pt x="480060" y="4572"/>
                  </a:lnTo>
                  <a:lnTo>
                    <a:pt x="490728" y="4572"/>
                  </a:lnTo>
                  <a:lnTo>
                    <a:pt x="490728" y="0"/>
                  </a:lnTo>
                  <a:close/>
                </a:path>
                <a:path w="9052560" h="485139">
                  <a:moveTo>
                    <a:pt x="504444" y="0"/>
                  </a:moveTo>
                  <a:lnTo>
                    <a:pt x="493776" y="0"/>
                  </a:lnTo>
                  <a:lnTo>
                    <a:pt x="493776" y="4572"/>
                  </a:lnTo>
                  <a:lnTo>
                    <a:pt x="504444" y="4572"/>
                  </a:lnTo>
                  <a:lnTo>
                    <a:pt x="504444" y="0"/>
                  </a:lnTo>
                  <a:close/>
                </a:path>
                <a:path w="9052560" h="485139">
                  <a:moveTo>
                    <a:pt x="518160" y="0"/>
                  </a:moveTo>
                  <a:lnTo>
                    <a:pt x="507492" y="0"/>
                  </a:lnTo>
                  <a:lnTo>
                    <a:pt x="507492" y="4572"/>
                  </a:lnTo>
                  <a:lnTo>
                    <a:pt x="518160" y="4572"/>
                  </a:lnTo>
                  <a:lnTo>
                    <a:pt x="518160" y="0"/>
                  </a:lnTo>
                  <a:close/>
                </a:path>
                <a:path w="9052560" h="485139">
                  <a:moveTo>
                    <a:pt x="531876" y="0"/>
                  </a:moveTo>
                  <a:lnTo>
                    <a:pt x="521208" y="0"/>
                  </a:lnTo>
                  <a:lnTo>
                    <a:pt x="521208" y="4572"/>
                  </a:lnTo>
                  <a:lnTo>
                    <a:pt x="531876" y="4572"/>
                  </a:lnTo>
                  <a:lnTo>
                    <a:pt x="531876" y="0"/>
                  </a:lnTo>
                  <a:close/>
                </a:path>
                <a:path w="9052560" h="485139">
                  <a:moveTo>
                    <a:pt x="545592" y="0"/>
                  </a:moveTo>
                  <a:lnTo>
                    <a:pt x="534924" y="0"/>
                  </a:lnTo>
                  <a:lnTo>
                    <a:pt x="534924" y="4572"/>
                  </a:lnTo>
                  <a:lnTo>
                    <a:pt x="545592" y="4572"/>
                  </a:lnTo>
                  <a:lnTo>
                    <a:pt x="545592" y="0"/>
                  </a:lnTo>
                  <a:close/>
                </a:path>
                <a:path w="9052560" h="485139">
                  <a:moveTo>
                    <a:pt x="559308" y="0"/>
                  </a:moveTo>
                  <a:lnTo>
                    <a:pt x="548640" y="0"/>
                  </a:lnTo>
                  <a:lnTo>
                    <a:pt x="548640" y="4572"/>
                  </a:lnTo>
                  <a:lnTo>
                    <a:pt x="559308" y="4572"/>
                  </a:lnTo>
                  <a:lnTo>
                    <a:pt x="559308" y="0"/>
                  </a:lnTo>
                  <a:close/>
                </a:path>
                <a:path w="9052560" h="485139">
                  <a:moveTo>
                    <a:pt x="573024" y="0"/>
                  </a:moveTo>
                  <a:lnTo>
                    <a:pt x="562356" y="0"/>
                  </a:lnTo>
                  <a:lnTo>
                    <a:pt x="562356" y="4572"/>
                  </a:lnTo>
                  <a:lnTo>
                    <a:pt x="573024" y="4572"/>
                  </a:lnTo>
                  <a:lnTo>
                    <a:pt x="573024" y="0"/>
                  </a:lnTo>
                  <a:close/>
                </a:path>
                <a:path w="9052560" h="485139">
                  <a:moveTo>
                    <a:pt x="586740" y="0"/>
                  </a:moveTo>
                  <a:lnTo>
                    <a:pt x="576072" y="0"/>
                  </a:lnTo>
                  <a:lnTo>
                    <a:pt x="576072" y="4572"/>
                  </a:lnTo>
                  <a:lnTo>
                    <a:pt x="586740" y="4572"/>
                  </a:lnTo>
                  <a:lnTo>
                    <a:pt x="586740" y="0"/>
                  </a:lnTo>
                  <a:close/>
                </a:path>
                <a:path w="9052560" h="485139">
                  <a:moveTo>
                    <a:pt x="600456" y="0"/>
                  </a:moveTo>
                  <a:lnTo>
                    <a:pt x="589788" y="0"/>
                  </a:lnTo>
                  <a:lnTo>
                    <a:pt x="589788" y="4572"/>
                  </a:lnTo>
                  <a:lnTo>
                    <a:pt x="600456" y="4572"/>
                  </a:lnTo>
                  <a:lnTo>
                    <a:pt x="600456" y="0"/>
                  </a:lnTo>
                  <a:close/>
                </a:path>
                <a:path w="9052560" h="485139">
                  <a:moveTo>
                    <a:pt x="614172" y="0"/>
                  </a:moveTo>
                  <a:lnTo>
                    <a:pt x="603504" y="0"/>
                  </a:lnTo>
                  <a:lnTo>
                    <a:pt x="603504" y="4572"/>
                  </a:lnTo>
                  <a:lnTo>
                    <a:pt x="614172" y="4572"/>
                  </a:lnTo>
                  <a:lnTo>
                    <a:pt x="614172" y="0"/>
                  </a:lnTo>
                  <a:close/>
                </a:path>
                <a:path w="9052560" h="485139">
                  <a:moveTo>
                    <a:pt x="627888" y="0"/>
                  </a:moveTo>
                  <a:lnTo>
                    <a:pt x="617220" y="0"/>
                  </a:lnTo>
                  <a:lnTo>
                    <a:pt x="617220" y="4572"/>
                  </a:lnTo>
                  <a:lnTo>
                    <a:pt x="627888" y="4572"/>
                  </a:lnTo>
                  <a:lnTo>
                    <a:pt x="627888" y="0"/>
                  </a:lnTo>
                  <a:close/>
                </a:path>
                <a:path w="9052560" h="485139">
                  <a:moveTo>
                    <a:pt x="641604" y="0"/>
                  </a:moveTo>
                  <a:lnTo>
                    <a:pt x="630936" y="0"/>
                  </a:lnTo>
                  <a:lnTo>
                    <a:pt x="630936" y="4572"/>
                  </a:lnTo>
                  <a:lnTo>
                    <a:pt x="641604" y="4572"/>
                  </a:lnTo>
                  <a:lnTo>
                    <a:pt x="641604" y="0"/>
                  </a:lnTo>
                  <a:close/>
                </a:path>
                <a:path w="9052560" h="485139">
                  <a:moveTo>
                    <a:pt x="655320" y="0"/>
                  </a:moveTo>
                  <a:lnTo>
                    <a:pt x="644652" y="0"/>
                  </a:lnTo>
                  <a:lnTo>
                    <a:pt x="644652" y="4572"/>
                  </a:lnTo>
                  <a:lnTo>
                    <a:pt x="655320" y="4572"/>
                  </a:lnTo>
                  <a:lnTo>
                    <a:pt x="655320" y="0"/>
                  </a:lnTo>
                  <a:close/>
                </a:path>
                <a:path w="9052560" h="485139">
                  <a:moveTo>
                    <a:pt x="8755380" y="480060"/>
                  </a:moveTo>
                  <a:lnTo>
                    <a:pt x="8746236" y="480060"/>
                  </a:lnTo>
                  <a:lnTo>
                    <a:pt x="8746236" y="484632"/>
                  </a:lnTo>
                  <a:lnTo>
                    <a:pt x="8755380" y="484632"/>
                  </a:lnTo>
                  <a:lnTo>
                    <a:pt x="8755380" y="480060"/>
                  </a:lnTo>
                  <a:close/>
                </a:path>
                <a:path w="9052560" h="485139">
                  <a:moveTo>
                    <a:pt x="8769096" y="480060"/>
                  </a:moveTo>
                  <a:lnTo>
                    <a:pt x="8759952" y="480060"/>
                  </a:lnTo>
                  <a:lnTo>
                    <a:pt x="8759952" y="484632"/>
                  </a:lnTo>
                  <a:lnTo>
                    <a:pt x="8769096" y="484632"/>
                  </a:lnTo>
                  <a:lnTo>
                    <a:pt x="8769096" y="480060"/>
                  </a:lnTo>
                  <a:close/>
                </a:path>
                <a:path w="9052560" h="485139">
                  <a:moveTo>
                    <a:pt x="8782812" y="480060"/>
                  </a:moveTo>
                  <a:lnTo>
                    <a:pt x="8773668" y="480060"/>
                  </a:lnTo>
                  <a:lnTo>
                    <a:pt x="8773668" y="484632"/>
                  </a:lnTo>
                  <a:lnTo>
                    <a:pt x="8782812" y="484632"/>
                  </a:lnTo>
                  <a:lnTo>
                    <a:pt x="8782812" y="480060"/>
                  </a:lnTo>
                  <a:close/>
                </a:path>
                <a:path w="9052560" h="485139">
                  <a:moveTo>
                    <a:pt x="8796528" y="480060"/>
                  </a:moveTo>
                  <a:lnTo>
                    <a:pt x="8787384" y="480060"/>
                  </a:lnTo>
                  <a:lnTo>
                    <a:pt x="8787384" y="484632"/>
                  </a:lnTo>
                  <a:lnTo>
                    <a:pt x="8796528" y="484632"/>
                  </a:lnTo>
                  <a:lnTo>
                    <a:pt x="8796528" y="480060"/>
                  </a:lnTo>
                  <a:close/>
                </a:path>
                <a:path w="9052560" h="485139">
                  <a:moveTo>
                    <a:pt x="8810244" y="480060"/>
                  </a:moveTo>
                  <a:lnTo>
                    <a:pt x="8801100" y="480060"/>
                  </a:lnTo>
                  <a:lnTo>
                    <a:pt x="8801100" y="484632"/>
                  </a:lnTo>
                  <a:lnTo>
                    <a:pt x="8810244" y="484632"/>
                  </a:lnTo>
                  <a:lnTo>
                    <a:pt x="8810244" y="480060"/>
                  </a:lnTo>
                  <a:close/>
                </a:path>
                <a:path w="9052560" h="485139">
                  <a:moveTo>
                    <a:pt x="8823960" y="480060"/>
                  </a:moveTo>
                  <a:lnTo>
                    <a:pt x="8814816" y="480060"/>
                  </a:lnTo>
                  <a:lnTo>
                    <a:pt x="8814816" y="484632"/>
                  </a:lnTo>
                  <a:lnTo>
                    <a:pt x="8823960" y="484632"/>
                  </a:lnTo>
                  <a:lnTo>
                    <a:pt x="8823960" y="480060"/>
                  </a:lnTo>
                  <a:close/>
                </a:path>
                <a:path w="9052560" h="485139">
                  <a:moveTo>
                    <a:pt x="8837676" y="480060"/>
                  </a:moveTo>
                  <a:lnTo>
                    <a:pt x="8828532" y="480060"/>
                  </a:lnTo>
                  <a:lnTo>
                    <a:pt x="8828532" y="484632"/>
                  </a:lnTo>
                  <a:lnTo>
                    <a:pt x="8837676" y="484632"/>
                  </a:lnTo>
                  <a:lnTo>
                    <a:pt x="8837676" y="480060"/>
                  </a:lnTo>
                  <a:close/>
                </a:path>
                <a:path w="9052560" h="485139">
                  <a:moveTo>
                    <a:pt x="8851392" y="480060"/>
                  </a:moveTo>
                  <a:lnTo>
                    <a:pt x="8842248" y="480060"/>
                  </a:lnTo>
                  <a:lnTo>
                    <a:pt x="8842248" y="484632"/>
                  </a:lnTo>
                  <a:lnTo>
                    <a:pt x="8851392" y="484632"/>
                  </a:lnTo>
                  <a:lnTo>
                    <a:pt x="8851392" y="480060"/>
                  </a:lnTo>
                  <a:close/>
                </a:path>
                <a:path w="9052560" h="485139">
                  <a:moveTo>
                    <a:pt x="8865108" y="480060"/>
                  </a:moveTo>
                  <a:lnTo>
                    <a:pt x="8855964" y="480060"/>
                  </a:lnTo>
                  <a:lnTo>
                    <a:pt x="8855964" y="484632"/>
                  </a:lnTo>
                  <a:lnTo>
                    <a:pt x="8865108" y="484632"/>
                  </a:lnTo>
                  <a:lnTo>
                    <a:pt x="8865108" y="480060"/>
                  </a:lnTo>
                  <a:close/>
                </a:path>
                <a:path w="9052560" h="485139">
                  <a:moveTo>
                    <a:pt x="8878824" y="480060"/>
                  </a:moveTo>
                  <a:lnTo>
                    <a:pt x="8869680" y="480060"/>
                  </a:lnTo>
                  <a:lnTo>
                    <a:pt x="8869680" y="484632"/>
                  </a:lnTo>
                  <a:lnTo>
                    <a:pt x="8878824" y="484632"/>
                  </a:lnTo>
                  <a:lnTo>
                    <a:pt x="8878824" y="480060"/>
                  </a:lnTo>
                  <a:close/>
                </a:path>
                <a:path w="9052560" h="485139">
                  <a:moveTo>
                    <a:pt x="8892540" y="480060"/>
                  </a:moveTo>
                  <a:lnTo>
                    <a:pt x="8883396" y="480060"/>
                  </a:lnTo>
                  <a:lnTo>
                    <a:pt x="8883396" y="484632"/>
                  </a:lnTo>
                  <a:lnTo>
                    <a:pt x="8892540" y="484632"/>
                  </a:lnTo>
                  <a:lnTo>
                    <a:pt x="8892540" y="480060"/>
                  </a:lnTo>
                  <a:close/>
                </a:path>
                <a:path w="9052560" h="485139">
                  <a:moveTo>
                    <a:pt x="8906256" y="480060"/>
                  </a:moveTo>
                  <a:lnTo>
                    <a:pt x="8897112" y="480060"/>
                  </a:lnTo>
                  <a:lnTo>
                    <a:pt x="8897112" y="484632"/>
                  </a:lnTo>
                  <a:lnTo>
                    <a:pt x="8906256" y="484632"/>
                  </a:lnTo>
                  <a:lnTo>
                    <a:pt x="8906256" y="480060"/>
                  </a:lnTo>
                  <a:close/>
                </a:path>
                <a:path w="9052560" h="485139">
                  <a:moveTo>
                    <a:pt x="8919972" y="480060"/>
                  </a:moveTo>
                  <a:lnTo>
                    <a:pt x="8910828" y="480060"/>
                  </a:lnTo>
                  <a:lnTo>
                    <a:pt x="8910828" y="484632"/>
                  </a:lnTo>
                  <a:lnTo>
                    <a:pt x="8919972" y="484632"/>
                  </a:lnTo>
                  <a:lnTo>
                    <a:pt x="8919972" y="480060"/>
                  </a:lnTo>
                  <a:close/>
                </a:path>
                <a:path w="9052560" h="485139">
                  <a:moveTo>
                    <a:pt x="8933688" y="480060"/>
                  </a:moveTo>
                  <a:lnTo>
                    <a:pt x="8924544" y="480060"/>
                  </a:lnTo>
                  <a:lnTo>
                    <a:pt x="8924544" y="484632"/>
                  </a:lnTo>
                  <a:lnTo>
                    <a:pt x="8933688" y="484632"/>
                  </a:lnTo>
                  <a:lnTo>
                    <a:pt x="8933688" y="480060"/>
                  </a:lnTo>
                  <a:close/>
                </a:path>
                <a:path w="9052560" h="485139">
                  <a:moveTo>
                    <a:pt x="8947404" y="480060"/>
                  </a:moveTo>
                  <a:lnTo>
                    <a:pt x="8938260" y="480060"/>
                  </a:lnTo>
                  <a:lnTo>
                    <a:pt x="8938260" y="484632"/>
                  </a:lnTo>
                  <a:lnTo>
                    <a:pt x="8947404" y="484632"/>
                  </a:lnTo>
                  <a:lnTo>
                    <a:pt x="8947404" y="480060"/>
                  </a:lnTo>
                  <a:close/>
                </a:path>
                <a:path w="9052560" h="485139">
                  <a:moveTo>
                    <a:pt x="8961120" y="480060"/>
                  </a:moveTo>
                  <a:lnTo>
                    <a:pt x="8951976" y="480060"/>
                  </a:lnTo>
                  <a:lnTo>
                    <a:pt x="8951976" y="484632"/>
                  </a:lnTo>
                  <a:lnTo>
                    <a:pt x="8961120" y="484632"/>
                  </a:lnTo>
                  <a:lnTo>
                    <a:pt x="8961120" y="480060"/>
                  </a:lnTo>
                  <a:close/>
                </a:path>
                <a:path w="9052560" h="485139">
                  <a:moveTo>
                    <a:pt x="8974836" y="480060"/>
                  </a:moveTo>
                  <a:lnTo>
                    <a:pt x="8965692" y="480060"/>
                  </a:lnTo>
                  <a:lnTo>
                    <a:pt x="8965692" y="484632"/>
                  </a:lnTo>
                  <a:lnTo>
                    <a:pt x="8974836" y="484632"/>
                  </a:lnTo>
                  <a:lnTo>
                    <a:pt x="8974836" y="480060"/>
                  </a:lnTo>
                  <a:close/>
                </a:path>
                <a:path w="9052560" h="485139">
                  <a:moveTo>
                    <a:pt x="8988552" y="480060"/>
                  </a:moveTo>
                  <a:lnTo>
                    <a:pt x="8979408" y="480060"/>
                  </a:lnTo>
                  <a:lnTo>
                    <a:pt x="8979408" y="484632"/>
                  </a:lnTo>
                  <a:lnTo>
                    <a:pt x="8988552" y="484632"/>
                  </a:lnTo>
                  <a:lnTo>
                    <a:pt x="8988552" y="480060"/>
                  </a:lnTo>
                  <a:close/>
                </a:path>
                <a:path w="9052560" h="485139">
                  <a:moveTo>
                    <a:pt x="9002268" y="480060"/>
                  </a:moveTo>
                  <a:lnTo>
                    <a:pt x="8993124" y="480060"/>
                  </a:lnTo>
                  <a:lnTo>
                    <a:pt x="8993124" y="484632"/>
                  </a:lnTo>
                  <a:lnTo>
                    <a:pt x="9002268" y="484632"/>
                  </a:lnTo>
                  <a:lnTo>
                    <a:pt x="9002268" y="480060"/>
                  </a:lnTo>
                  <a:close/>
                </a:path>
                <a:path w="9052560" h="485139">
                  <a:moveTo>
                    <a:pt x="9015984" y="480060"/>
                  </a:moveTo>
                  <a:lnTo>
                    <a:pt x="9006840" y="480060"/>
                  </a:lnTo>
                  <a:lnTo>
                    <a:pt x="9006840" y="484632"/>
                  </a:lnTo>
                  <a:lnTo>
                    <a:pt x="9015984" y="484632"/>
                  </a:lnTo>
                  <a:lnTo>
                    <a:pt x="9015984" y="480060"/>
                  </a:lnTo>
                  <a:close/>
                </a:path>
                <a:path w="9052560" h="485139">
                  <a:moveTo>
                    <a:pt x="9029700" y="480060"/>
                  </a:moveTo>
                  <a:lnTo>
                    <a:pt x="9020556" y="480060"/>
                  </a:lnTo>
                  <a:lnTo>
                    <a:pt x="9020556" y="484632"/>
                  </a:lnTo>
                  <a:lnTo>
                    <a:pt x="9029700" y="484632"/>
                  </a:lnTo>
                  <a:lnTo>
                    <a:pt x="9029700" y="480060"/>
                  </a:lnTo>
                  <a:close/>
                </a:path>
                <a:path w="9052560" h="485139">
                  <a:moveTo>
                    <a:pt x="9043416" y="480060"/>
                  </a:moveTo>
                  <a:lnTo>
                    <a:pt x="9034272" y="480060"/>
                  </a:lnTo>
                  <a:lnTo>
                    <a:pt x="9034272" y="484632"/>
                  </a:lnTo>
                  <a:lnTo>
                    <a:pt x="9043416" y="484632"/>
                  </a:lnTo>
                  <a:lnTo>
                    <a:pt x="9043416" y="480060"/>
                  </a:lnTo>
                  <a:close/>
                </a:path>
                <a:path w="9052560" h="485139">
                  <a:moveTo>
                    <a:pt x="9052560" y="480060"/>
                  </a:moveTo>
                  <a:lnTo>
                    <a:pt x="9047988" y="480060"/>
                  </a:lnTo>
                  <a:lnTo>
                    <a:pt x="9047988" y="484632"/>
                  </a:lnTo>
                  <a:lnTo>
                    <a:pt x="9052560" y="484632"/>
                  </a:lnTo>
                  <a:lnTo>
                    <a:pt x="9052560" y="480060"/>
                  </a:lnTo>
                  <a:close/>
                </a:path>
              </a:pathLst>
            </a:custGeom>
            <a:solidFill>
              <a:srgbClr val="000000"/>
            </a:solidFill>
          </p:spPr>
          <p:txBody>
            <a:bodyPr wrap="square" lIns="0" tIns="0" rIns="0" bIns="0" rtlCol="0"/>
            <a:lstStyle/>
            <a:p>
              <a:endParaRPr sz="1539"/>
            </a:p>
          </p:txBody>
        </p:sp>
        <p:sp>
          <p:nvSpPr>
            <p:cNvPr id="40" name="object 40"/>
            <p:cNvSpPr/>
            <p:nvPr/>
          </p:nvSpPr>
          <p:spPr>
            <a:xfrm>
              <a:off x="1051560" y="4536947"/>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5532" y="0"/>
                  </a:moveTo>
                  <a:lnTo>
                    <a:pt x="54864" y="0"/>
                  </a:lnTo>
                  <a:lnTo>
                    <a:pt x="54864" y="4572"/>
                  </a:lnTo>
                  <a:lnTo>
                    <a:pt x="65532" y="4572"/>
                  </a:lnTo>
                  <a:lnTo>
                    <a:pt x="65532" y="0"/>
                  </a:lnTo>
                  <a:close/>
                </a:path>
                <a:path w="969644" h="5079">
                  <a:moveTo>
                    <a:pt x="79248" y="0"/>
                  </a:moveTo>
                  <a:lnTo>
                    <a:pt x="68580" y="0"/>
                  </a:lnTo>
                  <a:lnTo>
                    <a:pt x="68580" y="4572"/>
                  </a:lnTo>
                  <a:lnTo>
                    <a:pt x="79248" y="4572"/>
                  </a:lnTo>
                  <a:lnTo>
                    <a:pt x="79248" y="0"/>
                  </a:lnTo>
                  <a:close/>
                </a:path>
                <a:path w="969644" h="5079">
                  <a:moveTo>
                    <a:pt x="92964" y="0"/>
                  </a:moveTo>
                  <a:lnTo>
                    <a:pt x="82296" y="0"/>
                  </a:lnTo>
                  <a:lnTo>
                    <a:pt x="82296" y="4572"/>
                  </a:lnTo>
                  <a:lnTo>
                    <a:pt x="92964" y="4572"/>
                  </a:lnTo>
                  <a:lnTo>
                    <a:pt x="92964" y="0"/>
                  </a:lnTo>
                  <a:close/>
                </a:path>
                <a:path w="969644" h="5079">
                  <a:moveTo>
                    <a:pt x="106680" y="0"/>
                  </a:moveTo>
                  <a:lnTo>
                    <a:pt x="96012" y="0"/>
                  </a:lnTo>
                  <a:lnTo>
                    <a:pt x="96012" y="4572"/>
                  </a:lnTo>
                  <a:lnTo>
                    <a:pt x="106680" y="4572"/>
                  </a:lnTo>
                  <a:lnTo>
                    <a:pt x="106680" y="0"/>
                  </a:lnTo>
                  <a:close/>
                </a:path>
                <a:path w="969644" h="5079">
                  <a:moveTo>
                    <a:pt x="120396" y="0"/>
                  </a:moveTo>
                  <a:lnTo>
                    <a:pt x="109728" y="0"/>
                  </a:lnTo>
                  <a:lnTo>
                    <a:pt x="109728" y="4572"/>
                  </a:lnTo>
                  <a:lnTo>
                    <a:pt x="120396" y="4572"/>
                  </a:lnTo>
                  <a:lnTo>
                    <a:pt x="120396" y="0"/>
                  </a:lnTo>
                  <a:close/>
                </a:path>
                <a:path w="969644" h="5079">
                  <a:moveTo>
                    <a:pt x="134112" y="0"/>
                  </a:moveTo>
                  <a:lnTo>
                    <a:pt x="123444" y="0"/>
                  </a:lnTo>
                  <a:lnTo>
                    <a:pt x="123444" y="4572"/>
                  </a:lnTo>
                  <a:lnTo>
                    <a:pt x="134112" y="4572"/>
                  </a:lnTo>
                  <a:lnTo>
                    <a:pt x="134112" y="0"/>
                  </a:lnTo>
                  <a:close/>
                </a:path>
                <a:path w="969644" h="5079">
                  <a:moveTo>
                    <a:pt x="147828" y="0"/>
                  </a:moveTo>
                  <a:lnTo>
                    <a:pt x="137160" y="0"/>
                  </a:lnTo>
                  <a:lnTo>
                    <a:pt x="137160" y="4572"/>
                  </a:lnTo>
                  <a:lnTo>
                    <a:pt x="147828" y="4572"/>
                  </a:lnTo>
                  <a:lnTo>
                    <a:pt x="147828" y="0"/>
                  </a:lnTo>
                  <a:close/>
                </a:path>
                <a:path w="969644" h="5079">
                  <a:moveTo>
                    <a:pt x="161544" y="0"/>
                  </a:moveTo>
                  <a:lnTo>
                    <a:pt x="150876" y="0"/>
                  </a:lnTo>
                  <a:lnTo>
                    <a:pt x="150876" y="4572"/>
                  </a:lnTo>
                  <a:lnTo>
                    <a:pt x="161544" y="4572"/>
                  </a:lnTo>
                  <a:lnTo>
                    <a:pt x="161544" y="0"/>
                  </a:lnTo>
                  <a:close/>
                </a:path>
                <a:path w="969644" h="5079">
                  <a:moveTo>
                    <a:pt x="175260" y="0"/>
                  </a:moveTo>
                  <a:lnTo>
                    <a:pt x="164592" y="0"/>
                  </a:lnTo>
                  <a:lnTo>
                    <a:pt x="164592" y="4572"/>
                  </a:lnTo>
                  <a:lnTo>
                    <a:pt x="175260" y="4572"/>
                  </a:lnTo>
                  <a:lnTo>
                    <a:pt x="175260" y="0"/>
                  </a:lnTo>
                  <a:close/>
                </a:path>
                <a:path w="969644" h="5079">
                  <a:moveTo>
                    <a:pt x="188976" y="0"/>
                  </a:moveTo>
                  <a:lnTo>
                    <a:pt x="178308" y="0"/>
                  </a:lnTo>
                  <a:lnTo>
                    <a:pt x="178308" y="4572"/>
                  </a:lnTo>
                  <a:lnTo>
                    <a:pt x="188976" y="4572"/>
                  </a:lnTo>
                  <a:lnTo>
                    <a:pt x="188976" y="0"/>
                  </a:lnTo>
                  <a:close/>
                </a:path>
                <a:path w="969644" h="5079">
                  <a:moveTo>
                    <a:pt x="202692" y="0"/>
                  </a:moveTo>
                  <a:lnTo>
                    <a:pt x="192024" y="0"/>
                  </a:lnTo>
                  <a:lnTo>
                    <a:pt x="192024" y="4572"/>
                  </a:lnTo>
                  <a:lnTo>
                    <a:pt x="202692" y="4572"/>
                  </a:lnTo>
                  <a:lnTo>
                    <a:pt x="202692" y="0"/>
                  </a:lnTo>
                  <a:close/>
                </a:path>
                <a:path w="969644" h="5079">
                  <a:moveTo>
                    <a:pt x="216408" y="0"/>
                  </a:moveTo>
                  <a:lnTo>
                    <a:pt x="205740" y="0"/>
                  </a:lnTo>
                  <a:lnTo>
                    <a:pt x="205740" y="4572"/>
                  </a:lnTo>
                  <a:lnTo>
                    <a:pt x="216408" y="4572"/>
                  </a:lnTo>
                  <a:lnTo>
                    <a:pt x="216408" y="0"/>
                  </a:lnTo>
                  <a:close/>
                </a:path>
                <a:path w="969644" h="5079">
                  <a:moveTo>
                    <a:pt x="230124" y="0"/>
                  </a:moveTo>
                  <a:lnTo>
                    <a:pt x="219456" y="0"/>
                  </a:lnTo>
                  <a:lnTo>
                    <a:pt x="219456" y="4572"/>
                  </a:lnTo>
                  <a:lnTo>
                    <a:pt x="230124" y="4572"/>
                  </a:lnTo>
                  <a:lnTo>
                    <a:pt x="230124" y="0"/>
                  </a:lnTo>
                  <a:close/>
                </a:path>
                <a:path w="969644" h="5079">
                  <a:moveTo>
                    <a:pt x="243840" y="0"/>
                  </a:moveTo>
                  <a:lnTo>
                    <a:pt x="233172" y="0"/>
                  </a:lnTo>
                  <a:lnTo>
                    <a:pt x="233172" y="4572"/>
                  </a:lnTo>
                  <a:lnTo>
                    <a:pt x="243840" y="4572"/>
                  </a:lnTo>
                  <a:lnTo>
                    <a:pt x="243840" y="0"/>
                  </a:lnTo>
                  <a:close/>
                </a:path>
                <a:path w="969644" h="5079">
                  <a:moveTo>
                    <a:pt x="257556" y="0"/>
                  </a:moveTo>
                  <a:lnTo>
                    <a:pt x="246888" y="0"/>
                  </a:lnTo>
                  <a:lnTo>
                    <a:pt x="246888" y="4572"/>
                  </a:lnTo>
                  <a:lnTo>
                    <a:pt x="257556" y="4572"/>
                  </a:lnTo>
                  <a:lnTo>
                    <a:pt x="257556" y="0"/>
                  </a:lnTo>
                  <a:close/>
                </a:path>
                <a:path w="969644" h="5079">
                  <a:moveTo>
                    <a:pt x="271272" y="0"/>
                  </a:moveTo>
                  <a:lnTo>
                    <a:pt x="260604" y="0"/>
                  </a:lnTo>
                  <a:lnTo>
                    <a:pt x="260604" y="4572"/>
                  </a:lnTo>
                  <a:lnTo>
                    <a:pt x="271272" y="4572"/>
                  </a:lnTo>
                  <a:lnTo>
                    <a:pt x="271272" y="0"/>
                  </a:lnTo>
                  <a:close/>
                </a:path>
                <a:path w="969644" h="5079">
                  <a:moveTo>
                    <a:pt x="284988" y="0"/>
                  </a:moveTo>
                  <a:lnTo>
                    <a:pt x="274320" y="0"/>
                  </a:lnTo>
                  <a:lnTo>
                    <a:pt x="274320" y="4572"/>
                  </a:lnTo>
                  <a:lnTo>
                    <a:pt x="284988" y="4572"/>
                  </a:lnTo>
                  <a:lnTo>
                    <a:pt x="284988" y="0"/>
                  </a:lnTo>
                  <a:close/>
                </a:path>
                <a:path w="969644" h="5079">
                  <a:moveTo>
                    <a:pt x="298704" y="0"/>
                  </a:moveTo>
                  <a:lnTo>
                    <a:pt x="288036" y="0"/>
                  </a:lnTo>
                  <a:lnTo>
                    <a:pt x="288036" y="4572"/>
                  </a:lnTo>
                  <a:lnTo>
                    <a:pt x="298704" y="4572"/>
                  </a:lnTo>
                  <a:lnTo>
                    <a:pt x="298704" y="0"/>
                  </a:lnTo>
                  <a:close/>
                </a:path>
                <a:path w="969644" h="5079">
                  <a:moveTo>
                    <a:pt x="312420" y="0"/>
                  </a:moveTo>
                  <a:lnTo>
                    <a:pt x="301752" y="0"/>
                  </a:lnTo>
                  <a:lnTo>
                    <a:pt x="301752" y="4572"/>
                  </a:lnTo>
                  <a:lnTo>
                    <a:pt x="312420" y="4572"/>
                  </a:lnTo>
                  <a:lnTo>
                    <a:pt x="312420" y="0"/>
                  </a:lnTo>
                  <a:close/>
                </a:path>
                <a:path w="969644" h="5079">
                  <a:moveTo>
                    <a:pt x="326136" y="0"/>
                  </a:moveTo>
                  <a:lnTo>
                    <a:pt x="315468" y="0"/>
                  </a:lnTo>
                  <a:lnTo>
                    <a:pt x="315468" y="4572"/>
                  </a:lnTo>
                  <a:lnTo>
                    <a:pt x="326136" y="4572"/>
                  </a:lnTo>
                  <a:lnTo>
                    <a:pt x="326136" y="0"/>
                  </a:lnTo>
                  <a:close/>
                </a:path>
                <a:path w="969644" h="5079">
                  <a:moveTo>
                    <a:pt x="339852" y="0"/>
                  </a:moveTo>
                  <a:lnTo>
                    <a:pt x="329184" y="0"/>
                  </a:lnTo>
                  <a:lnTo>
                    <a:pt x="329184" y="4572"/>
                  </a:lnTo>
                  <a:lnTo>
                    <a:pt x="339852" y="4572"/>
                  </a:lnTo>
                  <a:lnTo>
                    <a:pt x="339852" y="0"/>
                  </a:lnTo>
                  <a:close/>
                </a:path>
                <a:path w="969644" h="5079">
                  <a:moveTo>
                    <a:pt x="353568" y="0"/>
                  </a:moveTo>
                  <a:lnTo>
                    <a:pt x="342900" y="0"/>
                  </a:lnTo>
                  <a:lnTo>
                    <a:pt x="342900" y="4572"/>
                  </a:lnTo>
                  <a:lnTo>
                    <a:pt x="353568" y="4572"/>
                  </a:lnTo>
                  <a:lnTo>
                    <a:pt x="353568" y="0"/>
                  </a:lnTo>
                  <a:close/>
                </a:path>
                <a:path w="969644" h="5079">
                  <a:moveTo>
                    <a:pt x="367284" y="0"/>
                  </a:moveTo>
                  <a:lnTo>
                    <a:pt x="356616" y="0"/>
                  </a:lnTo>
                  <a:lnTo>
                    <a:pt x="356616" y="4572"/>
                  </a:lnTo>
                  <a:lnTo>
                    <a:pt x="367284" y="4572"/>
                  </a:lnTo>
                  <a:lnTo>
                    <a:pt x="367284" y="0"/>
                  </a:lnTo>
                  <a:close/>
                </a:path>
                <a:path w="969644" h="5079">
                  <a:moveTo>
                    <a:pt x="381000" y="0"/>
                  </a:moveTo>
                  <a:lnTo>
                    <a:pt x="370332" y="0"/>
                  </a:lnTo>
                  <a:lnTo>
                    <a:pt x="370332" y="4572"/>
                  </a:lnTo>
                  <a:lnTo>
                    <a:pt x="381000" y="4572"/>
                  </a:lnTo>
                  <a:lnTo>
                    <a:pt x="381000" y="0"/>
                  </a:lnTo>
                  <a:close/>
                </a:path>
                <a:path w="969644" h="5079">
                  <a:moveTo>
                    <a:pt x="394716" y="0"/>
                  </a:moveTo>
                  <a:lnTo>
                    <a:pt x="384048" y="0"/>
                  </a:lnTo>
                  <a:lnTo>
                    <a:pt x="384048" y="4572"/>
                  </a:lnTo>
                  <a:lnTo>
                    <a:pt x="394716" y="4572"/>
                  </a:lnTo>
                  <a:lnTo>
                    <a:pt x="394716" y="0"/>
                  </a:lnTo>
                  <a:close/>
                </a:path>
                <a:path w="969644" h="5079">
                  <a:moveTo>
                    <a:pt x="408432" y="0"/>
                  </a:moveTo>
                  <a:lnTo>
                    <a:pt x="397764" y="0"/>
                  </a:lnTo>
                  <a:lnTo>
                    <a:pt x="397764" y="4572"/>
                  </a:lnTo>
                  <a:lnTo>
                    <a:pt x="408432" y="4572"/>
                  </a:lnTo>
                  <a:lnTo>
                    <a:pt x="408432" y="0"/>
                  </a:lnTo>
                  <a:close/>
                </a:path>
                <a:path w="969644" h="5079">
                  <a:moveTo>
                    <a:pt x="422148" y="0"/>
                  </a:moveTo>
                  <a:lnTo>
                    <a:pt x="411480" y="0"/>
                  </a:lnTo>
                  <a:lnTo>
                    <a:pt x="411480" y="4572"/>
                  </a:lnTo>
                  <a:lnTo>
                    <a:pt x="422148" y="4572"/>
                  </a:lnTo>
                  <a:lnTo>
                    <a:pt x="422148" y="0"/>
                  </a:lnTo>
                  <a:close/>
                </a:path>
                <a:path w="969644" h="5079">
                  <a:moveTo>
                    <a:pt x="435864" y="0"/>
                  </a:moveTo>
                  <a:lnTo>
                    <a:pt x="425196" y="0"/>
                  </a:lnTo>
                  <a:lnTo>
                    <a:pt x="425196" y="4572"/>
                  </a:lnTo>
                  <a:lnTo>
                    <a:pt x="435864" y="4572"/>
                  </a:lnTo>
                  <a:lnTo>
                    <a:pt x="435864" y="0"/>
                  </a:lnTo>
                  <a:close/>
                </a:path>
                <a:path w="969644" h="5079">
                  <a:moveTo>
                    <a:pt x="449580" y="0"/>
                  </a:moveTo>
                  <a:lnTo>
                    <a:pt x="438912" y="0"/>
                  </a:lnTo>
                  <a:lnTo>
                    <a:pt x="438912" y="4572"/>
                  </a:lnTo>
                  <a:lnTo>
                    <a:pt x="449580" y="4572"/>
                  </a:lnTo>
                  <a:lnTo>
                    <a:pt x="449580" y="0"/>
                  </a:lnTo>
                  <a:close/>
                </a:path>
                <a:path w="969644" h="5079">
                  <a:moveTo>
                    <a:pt x="463296" y="0"/>
                  </a:moveTo>
                  <a:lnTo>
                    <a:pt x="452628" y="0"/>
                  </a:lnTo>
                  <a:lnTo>
                    <a:pt x="452628" y="4572"/>
                  </a:lnTo>
                  <a:lnTo>
                    <a:pt x="463296" y="4572"/>
                  </a:lnTo>
                  <a:lnTo>
                    <a:pt x="463296" y="0"/>
                  </a:lnTo>
                  <a:close/>
                </a:path>
                <a:path w="969644" h="5079">
                  <a:moveTo>
                    <a:pt x="477012" y="0"/>
                  </a:moveTo>
                  <a:lnTo>
                    <a:pt x="466344" y="0"/>
                  </a:lnTo>
                  <a:lnTo>
                    <a:pt x="466344" y="4572"/>
                  </a:lnTo>
                  <a:lnTo>
                    <a:pt x="477012" y="4572"/>
                  </a:lnTo>
                  <a:lnTo>
                    <a:pt x="477012" y="0"/>
                  </a:lnTo>
                  <a:close/>
                </a:path>
                <a:path w="969644" h="5079">
                  <a:moveTo>
                    <a:pt x="489204" y="0"/>
                  </a:moveTo>
                  <a:lnTo>
                    <a:pt x="480060" y="0"/>
                  </a:lnTo>
                  <a:lnTo>
                    <a:pt x="480060" y="4572"/>
                  </a:lnTo>
                  <a:lnTo>
                    <a:pt x="489204" y="4572"/>
                  </a:lnTo>
                  <a:lnTo>
                    <a:pt x="489204" y="0"/>
                  </a:lnTo>
                  <a:close/>
                </a:path>
                <a:path w="969644" h="5079">
                  <a:moveTo>
                    <a:pt x="502920" y="0"/>
                  </a:moveTo>
                  <a:lnTo>
                    <a:pt x="493776" y="0"/>
                  </a:lnTo>
                  <a:lnTo>
                    <a:pt x="493776" y="4572"/>
                  </a:lnTo>
                  <a:lnTo>
                    <a:pt x="502920" y="4572"/>
                  </a:lnTo>
                  <a:lnTo>
                    <a:pt x="502920" y="0"/>
                  </a:lnTo>
                  <a:close/>
                </a:path>
                <a:path w="969644" h="5079">
                  <a:moveTo>
                    <a:pt x="516636" y="0"/>
                  </a:moveTo>
                  <a:lnTo>
                    <a:pt x="507492" y="0"/>
                  </a:lnTo>
                  <a:lnTo>
                    <a:pt x="507492" y="4572"/>
                  </a:lnTo>
                  <a:lnTo>
                    <a:pt x="516636" y="4572"/>
                  </a:lnTo>
                  <a:lnTo>
                    <a:pt x="516636" y="0"/>
                  </a:lnTo>
                  <a:close/>
                </a:path>
                <a:path w="969644" h="5079">
                  <a:moveTo>
                    <a:pt x="530352" y="0"/>
                  </a:moveTo>
                  <a:lnTo>
                    <a:pt x="521208" y="0"/>
                  </a:lnTo>
                  <a:lnTo>
                    <a:pt x="521208" y="4572"/>
                  </a:lnTo>
                  <a:lnTo>
                    <a:pt x="530352" y="4572"/>
                  </a:lnTo>
                  <a:lnTo>
                    <a:pt x="530352" y="0"/>
                  </a:lnTo>
                  <a:close/>
                </a:path>
                <a:path w="969644" h="5079">
                  <a:moveTo>
                    <a:pt x="544068" y="0"/>
                  </a:moveTo>
                  <a:lnTo>
                    <a:pt x="534924" y="0"/>
                  </a:lnTo>
                  <a:lnTo>
                    <a:pt x="534924" y="4572"/>
                  </a:lnTo>
                  <a:lnTo>
                    <a:pt x="544068" y="4572"/>
                  </a:lnTo>
                  <a:lnTo>
                    <a:pt x="544068" y="0"/>
                  </a:lnTo>
                  <a:close/>
                </a:path>
                <a:path w="969644" h="5079">
                  <a:moveTo>
                    <a:pt x="557784" y="0"/>
                  </a:moveTo>
                  <a:lnTo>
                    <a:pt x="548640" y="0"/>
                  </a:lnTo>
                  <a:lnTo>
                    <a:pt x="548640" y="4572"/>
                  </a:lnTo>
                  <a:lnTo>
                    <a:pt x="557784" y="4572"/>
                  </a:lnTo>
                  <a:lnTo>
                    <a:pt x="557784" y="0"/>
                  </a:lnTo>
                  <a:close/>
                </a:path>
                <a:path w="969644" h="5079">
                  <a:moveTo>
                    <a:pt x="571500" y="0"/>
                  </a:moveTo>
                  <a:lnTo>
                    <a:pt x="562356" y="0"/>
                  </a:lnTo>
                  <a:lnTo>
                    <a:pt x="562356" y="4572"/>
                  </a:lnTo>
                  <a:lnTo>
                    <a:pt x="571500" y="4572"/>
                  </a:lnTo>
                  <a:lnTo>
                    <a:pt x="571500" y="0"/>
                  </a:lnTo>
                  <a:close/>
                </a:path>
                <a:path w="969644" h="5079">
                  <a:moveTo>
                    <a:pt x="585216" y="0"/>
                  </a:moveTo>
                  <a:lnTo>
                    <a:pt x="576072" y="0"/>
                  </a:lnTo>
                  <a:lnTo>
                    <a:pt x="576072" y="4572"/>
                  </a:lnTo>
                  <a:lnTo>
                    <a:pt x="585216" y="4572"/>
                  </a:lnTo>
                  <a:lnTo>
                    <a:pt x="585216" y="0"/>
                  </a:lnTo>
                  <a:close/>
                </a:path>
                <a:path w="969644" h="5079">
                  <a:moveTo>
                    <a:pt x="598932" y="0"/>
                  </a:moveTo>
                  <a:lnTo>
                    <a:pt x="589788" y="0"/>
                  </a:lnTo>
                  <a:lnTo>
                    <a:pt x="589788" y="4572"/>
                  </a:lnTo>
                  <a:lnTo>
                    <a:pt x="598932" y="4572"/>
                  </a:lnTo>
                  <a:lnTo>
                    <a:pt x="598932" y="0"/>
                  </a:lnTo>
                  <a:close/>
                </a:path>
                <a:path w="969644" h="5079">
                  <a:moveTo>
                    <a:pt x="612635" y="0"/>
                  </a:moveTo>
                  <a:lnTo>
                    <a:pt x="603504" y="0"/>
                  </a:lnTo>
                  <a:lnTo>
                    <a:pt x="603504" y="4572"/>
                  </a:lnTo>
                  <a:lnTo>
                    <a:pt x="612635" y="4572"/>
                  </a:lnTo>
                  <a:lnTo>
                    <a:pt x="612635" y="0"/>
                  </a:lnTo>
                  <a:close/>
                </a:path>
                <a:path w="969644" h="5079">
                  <a:moveTo>
                    <a:pt x="626364" y="0"/>
                  </a:moveTo>
                  <a:lnTo>
                    <a:pt x="617220" y="0"/>
                  </a:lnTo>
                  <a:lnTo>
                    <a:pt x="617220" y="4572"/>
                  </a:lnTo>
                  <a:lnTo>
                    <a:pt x="626364" y="4572"/>
                  </a:lnTo>
                  <a:lnTo>
                    <a:pt x="626364" y="0"/>
                  </a:lnTo>
                  <a:close/>
                </a:path>
                <a:path w="969644" h="5079">
                  <a:moveTo>
                    <a:pt x="640080" y="0"/>
                  </a:moveTo>
                  <a:lnTo>
                    <a:pt x="630936" y="0"/>
                  </a:lnTo>
                  <a:lnTo>
                    <a:pt x="630936" y="4572"/>
                  </a:lnTo>
                  <a:lnTo>
                    <a:pt x="640080" y="4572"/>
                  </a:lnTo>
                  <a:lnTo>
                    <a:pt x="640080" y="0"/>
                  </a:lnTo>
                  <a:close/>
                </a:path>
                <a:path w="969644" h="5079">
                  <a:moveTo>
                    <a:pt x="653796" y="0"/>
                  </a:moveTo>
                  <a:lnTo>
                    <a:pt x="644652" y="0"/>
                  </a:lnTo>
                  <a:lnTo>
                    <a:pt x="644652" y="4572"/>
                  </a:lnTo>
                  <a:lnTo>
                    <a:pt x="653796" y="4572"/>
                  </a:lnTo>
                  <a:lnTo>
                    <a:pt x="653796" y="0"/>
                  </a:lnTo>
                  <a:close/>
                </a:path>
                <a:path w="969644" h="5079">
                  <a:moveTo>
                    <a:pt x="667512" y="0"/>
                  </a:moveTo>
                  <a:lnTo>
                    <a:pt x="658368" y="0"/>
                  </a:lnTo>
                  <a:lnTo>
                    <a:pt x="658368" y="4572"/>
                  </a:lnTo>
                  <a:lnTo>
                    <a:pt x="667512" y="4572"/>
                  </a:lnTo>
                  <a:lnTo>
                    <a:pt x="667512" y="0"/>
                  </a:lnTo>
                  <a:close/>
                </a:path>
                <a:path w="969644" h="5079">
                  <a:moveTo>
                    <a:pt x="681228" y="0"/>
                  </a:moveTo>
                  <a:lnTo>
                    <a:pt x="672084" y="0"/>
                  </a:lnTo>
                  <a:lnTo>
                    <a:pt x="672084" y="4572"/>
                  </a:lnTo>
                  <a:lnTo>
                    <a:pt x="681228" y="4572"/>
                  </a:lnTo>
                  <a:lnTo>
                    <a:pt x="681228" y="0"/>
                  </a:lnTo>
                  <a:close/>
                </a:path>
                <a:path w="969644" h="5079">
                  <a:moveTo>
                    <a:pt x="694944" y="0"/>
                  </a:moveTo>
                  <a:lnTo>
                    <a:pt x="685800" y="0"/>
                  </a:lnTo>
                  <a:lnTo>
                    <a:pt x="685800" y="4572"/>
                  </a:lnTo>
                  <a:lnTo>
                    <a:pt x="694944" y="4572"/>
                  </a:lnTo>
                  <a:lnTo>
                    <a:pt x="694944" y="0"/>
                  </a:lnTo>
                  <a:close/>
                </a:path>
                <a:path w="969644" h="5079">
                  <a:moveTo>
                    <a:pt x="708660" y="0"/>
                  </a:moveTo>
                  <a:lnTo>
                    <a:pt x="699516" y="0"/>
                  </a:lnTo>
                  <a:lnTo>
                    <a:pt x="699516" y="4572"/>
                  </a:lnTo>
                  <a:lnTo>
                    <a:pt x="708660" y="4572"/>
                  </a:lnTo>
                  <a:lnTo>
                    <a:pt x="708660" y="0"/>
                  </a:lnTo>
                  <a:close/>
                </a:path>
                <a:path w="969644" h="5079">
                  <a:moveTo>
                    <a:pt x="722376" y="0"/>
                  </a:moveTo>
                  <a:lnTo>
                    <a:pt x="713232" y="0"/>
                  </a:lnTo>
                  <a:lnTo>
                    <a:pt x="713232" y="4572"/>
                  </a:lnTo>
                  <a:lnTo>
                    <a:pt x="722376" y="4572"/>
                  </a:lnTo>
                  <a:lnTo>
                    <a:pt x="722376" y="0"/>
                  </a:lnTo>
                  <a:close/>
                </a:path>
                <a:path w="969644" h="5079">
                  <a:moveTo>
                    <a:pt x="736092" y="0"/>
                  </a:moveTo>
                  <a:lnTo>
                    <a:pt x="726948" y="0"/>
                  </a:lnTo>
                  <a:lnTo>
                    <a:pt x="726948" y="4572"/>
                  </a:lnTo>
                  <a:lnTo>
                    <a:pt x="736092" y="4572"/>
                  </a:lnTo>
                  <a:lnTo>
                    <a:pt x="736092" y="0"/>
                  </a:lnTo>
                  <a:close/>
                </a:path>
                <a:path w="969644" h="5079">
                  <a:moveTo>
                    <a:pt x="749808" y="0"/>
                  </a:moveTo>
                  <a:lnTo>
                    <a:pt x="740664" y="0"/>
                  </a:lnTo>
                  <a:lnTo>
                    <a:pt x="740664" y="4572"/>
                  </a:lnTo>
                  <a:lnTo>
                    <a:pt x="749808" y="4572"/>
                  </a:lnTo>
                  <a:lnTo>
                    <a:pt x="749808" y="0"/>
                  </a:lnTo>
                  <a:close/>
                </a:path>
                <a:path w="969644" h="5079">
                  <a:moveTo>
                    <a:pt x="763524" y="0"/>
                  </a:moveTo>
                  <a:lnTo>
                    <a:pt x="754380" y="0"/>
                  </a:lnTo>
                  <a:lnTo>
                    <a:pt x="754380" y="4572"/>
                  </a:lnTo>
                  <a:lnTo>
                    <a:pt x="763524" y="4572"/>
                  </a:lnTo>
                  <a:lnTo>
                    <a:pt x="763524" y="0"/>
                  </a:lnTo>
                  <a:close/>
                </a:path>
                <a:path w="969644" h="5079">
                  <a:moveTo>
                    <a:pt x="777240" y="0"/>
                  </a:moveTo>
                  <a:lnTo>
                    <a:pt x="768096" y="0"/>
                  </a:lnTo>
                  <a:lnTo>
                    <a:pt x="768096" y="4572"/>
                  </a:lnTo>
                  <a:lnTo>
                    <a:pt x="777240" y="4572"/>
                  </a:lnTo>
                  <a:lnTo>
                    <a:pt x="777240" y="0"/>
                  </a:lnTo>
                  <a:close/>
                </a:path>
                <a:path w="969644" h="5079">
                  <a:moveTo>
                    <a:pt x="790956" y="0"/>
                  </a:moveTo>
                  <a:lnTo>
                    <a:pt x="781812" y="0"/>
                  </a:lnTo>
                  <a:lnTo>
                    <a:pt x="781812" y="4572"/>
                  </a:lnTo>
                  <a:lnTo>
                    <a:pt x="790956" y="4572"/>
                  </a:lnTo>
                  <a:lnTo>
                    <a:pt x="790956" y="0"/>
                  </a:lnTo>
                  <a:close/>
                </a:path>
                <a:path w="969644" h="5079">
                  <a:moveTo>
                    <a:pt x="804672" y="0"/>
                  </a:moveTo>
                  <a:lnTo>
                    <a:pt x="795528" y="0"/>
                  </a:lnTo>
                  <a:lnTo>
                    <a:pt x="795528" y="4572"/>
                  </a:lnTo>
                  <a:lnTo>
                    <a:pt x="804672" y="4572"/>
                  </a:lnTo>
                  <a:lnTo>
                    <a:pt x="804672" y="0"/>
                  </a:lnTo>
                  <a:close/>
                </a:path>
                <a:path w="969644" h="5079">
                  <a:moveTo>
                    <a:pt x="818388" y="0"/>
                  </a:moveTo>
                  <a:lnTo>
                    <a:pt x="809244" y="0"/>
                  </a:lnTo>
                  <a:lnTo>
                    <a:pt x="809244" y="4572"/>
                  </a:lnTo>
                  <a:lnTo>
                    <a:pt x="818388" y="4572"/>
                  </a:lnTo>
                  <a:lnTo>
                    <a:pt x="818388" y="0"/>
                  </a:lnTo>
                  <a:close/>
                </a:path>
                <a:path w="969644" h="5079">
                  <a:moveTo>
                    <a:pt x="832104" y="0"/>
                  </a:moveTo>
                  <a:lnTo>
                    <a:pt x="822960" y="0"/>
                  </a:lnTo>
                  <a:lnTo>
                    <a:pt x="822960" y="4572"/>
                  </a:lnTo>
                  <a:lnTo>
                    <a:pt x="832104" y="4572"/>
                  </a:lnTo>
                  <a:lnTo>
                    <a:pt x="832104" y="0"/>
                  </a:lnTo>
                  <a:close/>
                </a:path>
                <a:path w="969644" h="5079">
                  <a:moveTo>
                    <a:pt x="845820" y="0"/>
                  </a:moveTo>
                  <a:lnTo>
                    <a:pt x="836676" y="0"/>
                  </a:lnTo>
                  <a:lnTo>
                    <a:pt x="836676" y="4572"/>
                  </a:lnTo>
                  <a:lnTo>
                    <a:pt x="845820" y="4572"/>
                  </a:lnTo>
                  <a:lnTo>
                    <a:pt x="845820" y="0"/>
                  </a:lnTo>
                  <a:close/>
                </a:path>
                <a:path w="969644" h="5079">
                  <a:moveTo>
                    <a:pt x="859536" y="0"/>
                  </a:moveTo>
                  <a:lnTo>
                    <a:pt x="850392" y="0"/>
                  </a:lnTo>
                  <a:lnTo>
                    <a:pt x="850392" y="4572"/>
                  </a:lnTo>
                  <a:lnTo>
                    <a:pt x="859536" y="4572"/>
                  </a:lnTo>
                  <a:lnTo>
                    <a:pt x="859536" y="0"/>
                  </a:lnTo>
                  <a:close/>
                </a:path>
                <a:path w="969644" h="5079">
                  <a:moveTo>
                    <a:pt x="873252" y="0"/>
                  </a:moveTo>
                  <a:lnTo>
                    <a:pt x="864108" y="0"/>
                  </a:lnTo>
                  <a:lnTo>
                    <a:pt x="864108" y="4572"/>
                  </a:lnTo>
                  <a:lnTo>
                    <a:pt x="873252" y="4572"/>
                  </a:lnTo>
                  <a:lnTo>
                    <a:pt x="873252" y="0"/>
                  </a:lnTo>
                  <a:close/>
                </a:path>
                <a:path w="969644" h="5079">
                  <a:moveTo>
                    <a:pt x="886968" y="0"/>
                  </a:moveTo>
                  <a:lnTo>
                    <a:pt x="877824" y="0"/>
                  </a:lnTo>
                  <a:lnTo>
                    <a:pt x="877824" y="4572"/>
                  </a:lnTo>
                  <a:lnTo>
                    <a:pt x="886968" y="4572"/>
                  </a:lnTo>
                  <a:lnTo>
                    <a:pt x="886968" y="0"/>
                  </a:lnTo>
                  <a:close/>
                </a:path>
                <a:path w="969644" h="5079">
                  <a:moveTo>
                    <a:pt x="900684" y="0"/>
                  </a:moveTo>
                  <a:lnTo>
                    <a:pt x="891540" y="0"/>
                  </a:lnTo>
                  <a:lnTo>
                    <a:pt x="891540" y="4572"/>
                  </a:lnTo>
                  <a:lnTo>
                    <a:pt x="900684" y="4572"/>
                  </a:lnTo>
                  <a:lnTo>
                    <a:pt x="900684" y="0"/>
                  </a:lnTo>
                  <a:close/>
                </a:path>
                <a:path w="969644" h="5079">
                  <a:moveTo>
                    <a:pt x="914400" y="0"/>
                  </a:moveTo>
                  <a:lnTo>
                    <a:pt x="905256" y="0"/>
                  </a:lnTo>
                  <a:lnTo>
                    <a:pt x="905256" y="4572"/>
                  </a:lnTo>
                  <a:lnTo>
                    <a:pt x="914400" y="4572"/>
                  </a:lnTo>
                  <a:lnTo>
                    <a:pt x="914400" y="0"/>
                  </a:lnTo>
                  <a:close/>
                </a:path>
                <a:path w="969644" h="5079">
                  <a:moveTo>
                    <a:pt x="928116" y="0"/>
                  </a:moveTo>
                  <a:lnTo>
                    <a:pt x="918972" y="0"/>
                  </a:lnTo>
                  <a:lnTo>
                    <a:pt x="918972" y="4572"/>
                  </a:lnTo>
                  <a:lnTo>
                    <a:pt x="928116" y="4572"/>
                  </a:lnTo>
                  <a:lnTo>
                    <a:pt x="928116" y="0"/>
                  </a:lnTo>
                  <a:close/>
                </a:path>
                <a:path w="969644" h="5079">
                  <a:moveTo>
                    <a:pt x="941832" y="0"/>
                  </a:moveTo>
                  <a:lnTo>
                    <a:pt x="932688" y="0"/>
                  </a:lnTo>
                  <a:lnTo>
                    <a:pt x="932688" y="4572"/>
                  </a:lnTo>
                  <a:lnTo>
                    <a:pt x="941832" y="4572"/>
                  </a:lnTo>
                  <a:lnTo>
                    <a:pt x="941832" y="0"/>
                  </a:lnTo>
                  <a:close/>
                </a:path>
                <a:path w="969644" h="5079">
                  <a:moveTo>
                    <a:pt x="955548" y="0"/>
                  </a:moveTo>
                  <a:lnTo>
                    <a:pt x="946404" y="0"/>
                  </a:lnTo>
                  <a:lnTo>
                    <a:pt x="946404" y="4572"/>
                  </a:lnTo>
                  <a:lnTo>
                    <a:pt x="955548" y="4572"/>
                  </a:lnTo>
                  <a:lnTo>
                    <a:pt x="955548" y="0"/>
                  </a:lnTo>
                  <a:close/>
                </a:path>
                <a:path w="969644"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41" name="object 41"/>
            <p:cNvSpPr/>
            <p:nvPr/>
          </p:nvSpPr>
          <p:spPr>
            <a:xfrm>
              <a:off x="2011680" y="4536947"/>
              <a:ext cx="969644" cy="5080"/>
            </a:xfrm>
            <a:custGeom>
              <a:avLst/>
              <a:gdLst/>
              <a:ahLst/>
              <a:cxnLst/>
              <a:rect l="l" t="t" r="r" b="b"/>
              <a:pathLst>
                <a:path w="969644" h="5079">
                  <a:moveTo>
                    <a:pt x="9144" y="0"/>
                  </a:moveTo>
                  <a:lnTo>
                    <a:pt x="0" y="0"/>
                  </a:lnTo>
                  <a:lnTo>
                    <a:pt x="0" y="4572"/>
                  </a:lnTo>
                  <a:lnTo>
                    <a:pt x="9144" y="4572"/>
                  </a:lnTo>
                  <a:lnTo>
                    <a:pt x="9144" y="0"/>
                  </a:lnTo>
                  <a:close/>
                </a:path>
                <a:path w="969644" h="5079">
                  <a:moveTo>
                    <a:pt x="22860" y="0"/>
                  </a:moveTo>
                  <a:lnTo>
                    <a:pt x="13716" y="0"/>
                  </a:lnTo>
                  <a:lnTo>
                    <a:pt x="13716" y="4572"/>
                  </a:lnTo>
                  <a:lnTo>
                    <a:pt x="22860" y="4572"/>
                  </a:lnTo>
                  <a:lnTo>
                    <a:pt x="22860" y="0"/>
                  </a:lnTo>
                  <a:close/>
                </a:path>
                <a:path w="969644" h="5079">
                  <a:moveTo>
                    <a:pt x="36576" y="0"/>
                  </a:moveTo>
                  <a:lnTo>
                    <a:pt x="27432" y="0"/>
                  </a:lnTo>
                  <a:lnTo>
                    <a:pt x="27432" y="4572"/>
                  </a:lnTo>
                  <a:lnTo>
                    <a:pt x="36576" y="4572"/>
                  </a:lnTo>
                  <a:lnTo>
                    <a:pt x="36576" y="0"/>
                  </a:lnTo>
                  <a:close/>
                </a:path>
                <a:path w="969644" h="5079">
                  <a:moveTo>
                    <a:pt x="50292" y="0"/>
                  </a:moveTo>
                  <a:lnTo>
                    <a:pt x="41148" y="0"/>
                  </a:lnTo>
                  <a:lnTo>
                    <a:pt x="41148" y="4572"/>
                  </a:lnTo>
                  <a:lnTo>
                    <a:pt x="50292" y="4572"/>
                  </a:lnTo>
                  <a:lnTo>
                    <a:pt x="50292" y="0"/>
                  </a:lnTo>
                  <a:close/>
                </a:path>
                <a:path w="969644" h="5079">
                  <a:moveTo>
                    <a:pt x="64008" y="0"/>
                  </a:moveTo>
                  <a:lnTo>
                    <a:pt x="54864" y="0"/>
                  </a:lnTo>
                  <a:lnTo>
                    <a:pt x="54864" y="4572"/>
                  </a:lnTo>
                  <a:lnTo>
                    <a:pt x="64008" y="4572"/>
                  </a:lnTo>
                  <a:lnTo>
                    <a:pt x="64008" y="0"/>
                  </a:lnTo>
                  <a:close/>
                </a:path>
                <a:path w="969644" h="5079">
                  <a:moveTo>
                    <a:pt x="77724" y="0"/>
                  </a:moveTo>
                  <a:lnTo>
                    <a:pt x="68580" y="0"/>
                  </a:lnTo>
                  <a:lnTo>
                    <a:pt x="68580" y="4572"/>
                  </a:lnTo>
                  <a:lnTo>
                    <a:pt x="77724" y="4572"/>
                  </a:lnTo>
                  <a:lnTo>
                    <a:pt x="77724" y="0"/>
                  </a:lnTo>
                  <a:close/>
                </a:path>
                <a:path w="969644" h="5079">
                  <a:moveTo>
                    <a:pt x="91440" y="0"/>
                  </a:moveTo>
                  <a:lnTo>
                    <a:pt x="82296" y="0"/>
                  </a:lnTo>
                  <a:lnTo>
                    <a:pt x="82296" y="4572"/>
                  </a:lnTo>
                  <a:lnTo>
                    <a:pt x="91440" y="4572"/>
                  </a:lnTo>
                  <a:lnTo>
                    <a:pt x="91440" y="0"/>
                  </a:lnTo>
                  <a:close/>
                </a:path>
                <a:path w="969644" h="5079">
                  <a:moveTo>
                    <a:pt x="105156" y="0"/>
                  </a:moveTo>
                  <a:lnTo>
                    <a:pt x="96012" y="0"/>
                  </a:lnTo>
                  <a:lnTo>
                    <a:pt x="96012" y="4572"/>
                  </a:lnTo>
                  <a:lnTo>
                    <a:pt x="105156" y="4572"/>
                  </a:lnTo>
                  <a:lnTo>
                    <a:pt x="105156" y="0"/>
                  </a:lnTo>
                  <a:close/>
                </a:path>
                <a:path w="969644" h="5079">
                  <a:moveTo>
                    <a:pt x="118872" y="0"/>
                  </a:moveTo>
                  <a:lnTo>
                    <a:pt x="109728" y="0"/>
                  </a:lnTo>
                  <a:lnTo>
                    <a:pt x="109728" y="4572"/>
                  </a:lnTo>
                  <a:lnTo>
                    <a:pt x="118872" y="4572"/>
                  </a:lnTo>
                  <a:lnTo>
                    <a:pt x="118872" y="0"/>
                  </a:lnTo>
                  <a:close/>
                </a:path>
                <a:path w="969644" h="5079">
                  <a:moveTo>
                    <a:pt x="132588" y="0"/>
                  </a:moveTo>
                  <a:lnTo>
                    <a:pt x="123444" y="0"/>
                  </a:lnTo>
                  <a:lnTo>
                    <a:pt x="123444" y="4572"/>
                  </a:lnTo>
                  <a:lnTo>
                    <a:pt x="132588" y="4572"/>
                  </a:lnTo>
                  <a:lnTo>
                    <a:pt x="132588" y="0"/>
                  </a:lnTo>
                  <a:close/>
                </a:path>
                <a:path w="969644" h="5079">
                  <a:moveTo>
                    <a:pt x="146304" y="0"/>
                  </a:moveTo>
                  <a:lnTo>
                    <a:pt x="137160" y="0"/>
                  </a:lnTo>
                  <a:lnTo>
                    <a:pt x="137160" y="4572"/>
                  </a:lnTo>
                  <a:lnTo>
                    <a:pt x="146304" y="4572"/>
                  </a:lnTo>
                  <a:lnTo>
                    <a:pt x="146304" y="0"/>
                  </a:lnTo>
                  <a:close/>
                </a:path>
                <a:path w="969644" h="5079">
                  <a:moveTo>
                    <a:pt x="160020" y="0"/>
                  </a:moveTo>
                  <a:lnTo>
                    <a:pt x="149352" y="0"/>
                  </a:lnTo>
                  <a:lnTo>
                    <a:pt x="149352" y="4572"/>
                  </a:lnTo>
                  <a:lnTo>
                    <a:pt x="160020" y="4572"/>
                  </a:lnTo>
                  <a:lnTo>
                    <a:pt x="160020" y="0"/>
                  </a:lnTo>
                  <a:close/>
                </a:path>
                <a:path w="969644" h="5079">
                  <a:moveTo>
                    <a:pt x="173736" y="0"/>
                  </a:moveTo>
                  <a:lnTo>
                    <a:pt x="163068" y="0"/>
                  </a:lnTo>
                  <a:lnTo>
                    <a:pt x="163068" y="4572"/>
                  </a:lnTo>
                  <a:lnTo>
                    <a:pt x="173736" y="4572"/>
                  </a:lnTo>
                  <a:lnTo>
                    <a:pt x="173736" y="0"/>
                  </a:lnTo>
                  <a:close/>
                </a:path>
                <a:path w="969644" h="5079">
                  <a:moveTo>
                    <a:pt x="187452" y="0"/>
                  </a:moveTo>
                  <a:lnTo>
                    <a:pt x="176784" y="0"/>
                  </a:lnTo>
                  <a:lnTo>
                    <a:pt x="176784" y="4572"/>
                  </a:lnTo>
                  <a:lnTo>
                    <a:pt x="187452" y="4572"/>
                  </a:lnTo>
                  <a:lnTo>
                    <a:pt x="187452" y="0"/>
                  </a:lnTo>
                  <a:close/>
                </a:path>
                <a:path w="969644" h="5079">
                  <a:moveTo>
                    <a:pt x="201168" y="0"/>
                  </a:moveTo>
                  <a:lnTo>
                    <a:pt x="190500" y="0"/>
                  </a:lnTo>
                  <a:lnTo>
                    <a:pt x="190500" y="4572"/>
                  </a:lnTo>
                  <a:lnTo>
                    <a:pt x="201168" y="4572"/>
                  </a:lnTo>
                  <a:lnTo>
                    <a:pt x="201168" y="0"/>
                  </a:lnTo>
                  <a:close/>
                </a:path>
                <a:path w="969644" h="5079">
                  <a:moveTo>
                    <a:pt x="214884" y="0"/>
                  </a:moveTo>
                  <a:lnTo>
                    <a:pt x="204216" y="0"/>
                  </a:lnTo>
                  <a:lnTo>
                    <a:pt x="204216" y="4572"/>
                  </a:lnTo>
                  <a:lnTo>
                    <a:pt x="214884" y="4572"/>
                  </a:lnTo>
                  <a:lnTo>
                    <a:pt x="214884" y="0"/>
                  </a:lnTo>
                  <a:close/>
                </a:path>
                <a:path w="969644" h="5079">
                  <a:moveTo>
                    <a:pt x="228600" y="0"/>
                  </a:moveTo>
                  <a:lnTo>
                    <a:pt x="217932" y="0"/>
                  </a:lnTo>
                  <a:lnTo>
                    <a:pt x="217932" y="4572"/>
                  </a:lnTo>
                  <a:lnTo>
                    <a:pt x="228600" y="4572"/>
                  </a:lnTo>
                  <a:lnTo>
                    <a:pt x="228600" y="0"/>
                  </a:lnTo>
                  <a:close/>
                </a:path>
                <a:path w="969644" h="5079">
                  <a:moveTo>
                    <a:pt x="242316" y="0"/>
                  </a:moveTo>
                  <a:lnTo>
                    <a:pt x="231648" y="0"/>
                  </a:lnTo>
                  <a:lnTo>
                    <a:pt x="231648" y="4572"/>
                  </a:lnTo>
                  <a:lnTo>
                    <a:pt x="242316" y="4572"/>
                  </a:lnTo>
                  <a:lnTo>
                    <a:pt x="242316" y="0"/>
                  </a:lnTo>
                  <a:close/>
                </a:path>
                <a:path w="969644" h="5079">
                  <a:moveTo>
                    <a:pt x="256032" y="0"/>
                  </a:moveTo>
                  <a:lnTo>
                    <a:pt x="245364" y="0"/>
                  </a:lnTo>
                  <a:lnTo>
                    <a:pt x="245364" y="4572"/>
                  </a:lnTo>
                  <a:lnTo>
                    <a:pt x="256032" y="4572"/>
                  </a:lnTo>
                  <a:lnTo>
                    <a:pt x="256032" y="0"/>
                  </a:lnTo>
                  <a:close/>
                </a:path>
                <a:path w="969644" h="5079">
                  <a:moveTo>
                    <a:pt x="269748" y="0"/>
                  </a:moveTo>
                  <a:lnTo>
                    <a:pt x="259080" y="0"/>
                  </a:lnTo>
                  <a:lnTo>
                    <a:pt x="259080" y="4572"/>
                  </a:lnTo>
                  <a:lnTo>
                    <a:pt x="269748" y="4572"/>
                  </a:lnTo>
                  <a:lnTo>
                    <a:pt x="269748" y="0"/>
                  </a:lnTo>
                  <a:close/>
                </a:path>
                <a:path w="969644" h="5079">
                  <a:moveTo>
                    <a:pt x="283464" y="0"/>
                  </a:moveTo>
                  <a:lnTo>
                    <a:pt x="272796" y="0"/>
                  </a:lnTo>
                  <a:lnTo>
                    <a:pt x="272796" y="4572"/>
                  </a:lnTo>
                  <a:lnTo>
                    <a:pt x="283464" y="4572"/>
                  </a:lnTo>
                  <a:lnTo>
                    <a:pt x="283464" y="0"/>
                  </a:lnTo>
                  <a:close/>
                </a:path>
                <a:path w="969644" h="5079">
                  <a:moveTo>
                    <a:pt x="297180" y="0"/>
                  </a:moveTo>
                  <a:lnTo>
                    <a:pt x="286512" y="0"/>
                  </a:lnTo>
                  <a:lnTo>
                    <a:pt x="286512" y="4572"/>
                  </a:lnTo>
                  <a:lnTo>
                    <a:pt x="297180" y="4572"/>
                  </a:lnTo>
                  <a:lnTo>
                    <a:pt x="297180" y="0"/>
                  </a:lnTo>
                  <a:close/>
                </a:path>
                <a:path w="969644" h="5079">
                  <a:moveTo>
                    <a:pt x="310896" y="0"/>
                  </a:moveTo>
                  <a:lnTo>
                    <a:pt x="300228" y="0"/>
                  </a:lnTo>
                  <a:lnTo>
                    <a:pt x="300228" y="4572"/>
                  </a:lnTo>
                  <a:lnTo>
                    <a:pt x="310896" y="4572"/>
                  </a:lnTo>
                  <a:lnTo>
                    <a:pt x="310896" y="0"/>
                  </a:lnTo>
                  <a:close/>
                </a:path>
                <a:path w="969644" h="5079">
                  <a:moveTo>
                    <a:pt x="324612" y="0"/>
                  </a:moveTo>
                  <a:lnTo>
                    <a:pt x="313944" y="0"/>
                  </a:lnTo>
                  <a:lnTo>
                    <a:pt x="313944" y="4572"/>
                  </a:lnTo>
                  <a:lnTo>
                    <a:pt x="324612" y="4572"/>
                  </a:lnTo>
                  <a:lnTo>
                    <a:pt x="324612" y="0"/>
                  </a:lnTo>
                  <a:close/>
                </a:path>
                <a:path w="969644" h="5079">
                  <a:moveTo>
                    <a:pt x="338328" y="0"/>
                  </a:moveTo>
                  <a:lnTo>
                    <a:pt x="327660" y="0"/>
                  </a:lnTo>
                  <a:lnTo>
                    <a:pt x="327660" y="4572"/>
                  </a:lnTo>
                  <a:lnTo>
                    <a:pt x="338328" y="4572"/>
                  </a:lnTo>
                  <a:lnTo>
                    <a:pt x="338328" y="0"/>
                  </a:lnTo>
                  <a:close/>
                </a:path>
                <a:path w="969644" h="5079">
                  <a:moveTo>
                    <a:pt x="352044" y="0"/>
                  </a:moveTo>
                  <a:lnTo>
                    <a:pt x="341376" y="0"/>
                  </a:lnTo>
                  <a:lnTo>
                    <a:pt x="341376" y="4572"/>
                  </a:lnTo>
                  <a:lnTo>
                    <a:pt x="352044" y="4572"/>
                  </a:lnTo>
                  <a:lnTo>
                    <a:pt x="352044" y="0"/>
                  </a:lnTo>
                  <a:close/>
                </a:path>
                <a:path w="969644" h="5079">
                  <a:moveTo>
                    <a:pt x="365760" y="0"/>
                  </a:moveTo>
                  <a:lnTo>
                    <a:pt x="355092" y="0"/>
                  </a:lnTo>
                  <a:lnTo>
                    <a:pt x="355092" y="4572"/>
                  </a:lnTo>
                  <a:lnTo>
                    <a:pt x="365760" y="4572"/>
                  </a:lnTo>
                  <a:lnTo>
                    <a:pt x="365760" y="0"/>
                  </a:lnTo>
                  <a:close/>
                </a:path>
                <a:path w="969644" h="5079">
                  <a:moveTo>
                    <a:pt x="379476" y="0"/>
                  </a:moveTo>
                  <a:lnTo>
                    <a:pt x="368808" y="0"/>
                  </a:lnTo>
                  <a:lnTo>
                    <a:pt x="368808" y="4572"/>
                  </a:lnTo>
                  <a:lnTo>
                    <a:pt x="379476" y="4572"/>
                  </a:lnTo>
                  <a:lnTo>
                    <a:pt x="379476" y="0"/>
                  </a:lnTo>
                  <a:close/>
                </a:path>
                <a:path w="969644" h="5079">
                  <a:moveTo>
                    <a:pt x="393192" y="0"/>
                  </a:moveTo>
                  <a:lnTo>
                    <a:pt x="382524" y="0"/>
                  </a:lnTo>
                  <a:lnTo>
                    <a:pt x="382524" y="4572"/>
                  </a:lnTo>
                  <a:lnTo>
                    <a:pt x="393192" y="4572"/>
                  </a:lnTo>
                  <a:lnTo>
                    <a:pt x="393192" y="0"/>
                  </a:lnTo>
                  <a:close/>
                </a:path>
                <a:path w="969644" h="5079">
                  <a:moveTo>
                    <a:pt x="406908" y="0"/>
                  </a:moveTo>
                  <a:lnTo>
                    <a:pt x="396240" y="0"/>
                  </a:lnTo>
                  <a:lnTo>
                    <a:pt x="396240" y="4572"/>
                  </a:lnTo>
                  <a:lnTo>
                    <a:pt x="406908" y="4572"/>
                  </a:lnTo>
                  <a:lnTo>
                    <a:pt x="406908" y="0"/>
                  </a:lnTo>
                  <a:close/>
                </a:path>
                <a:path w="969644" h="5079">
                  <a:moveTo>
                    <a:pt x="420624" y="0"/>
                  </a:moveTo>
                  <a:lnTo>
                    <a:pt x="409956" y="0"/>
                  </a:lnTo>
                  <a:lnTo>
                    <a:pt x="409956" y="4572"/>
                  </a:lnTo>
                  <a:lnTo>
                    <a:pt x="420624" y="4572"/>
                  </a:lnTo>
                  <a:lnTo>
                    <a:pt x="420624" y="0"/>
                  </a:lnTo>
                  <a:close/>
                </a:path>
                <a:path w="969644" h="5079">
                  <a:moveTo>
                    <a:pt x="434340" y="0"/>
                  </a:moveTo>
                  <a:lnTo>
                    <a:pt x="423672" y="0"/>
                  </a:lnTo>
                  <a:lnTo>
                    <a:pt x="423672" y="4572"/>
                  </a:lnTo>
                  <a:lnTo>
                    <a:pt x="434340" y="4572"/>
                  </a:lnTo>
                  <a:lnTo>
                    <a:pt x="434340" y="0"/>
                  </a:lnTo>
                  <a:close/>
                </a:path>
                <a:path w="969644" h="5079">
                  <a:moveTo>
                    <a:pt x="448056" y="0"/>
                  </a:moveTo>
                  <a:lnTo>
                    <a:pt x="437388" y="0"/>
                  </a:lnTo>
                  <a:lnTo>
                    <a:pt x="437388" y="4572"/>
                  </a:lnTo>
                  <a:lnTo>
                    <a:pt x="448056" y="4572"/>
                  </a:lnTo>
                  <a:lnTo>
                    <a:pt x="448056" y="0"/>
                  </a:lnTo>
                  <a:close/>
                </a:path>
                <a:path w="969644" h="5079">
                  <a:moveTo>
                    <a:pt x="461772" y="0"/>
                  </a:moveTo>
                  <a:lnTo>
                    <a:pt x="451104" y="0"/>
                  </a:lnTo>
                  <a:lnTo>
                    <a:pt x="451104" y="4572"/>
                  </a:lnTo>
                  <a:lnTo>
                    <a:pt x="461772" y="4572"/>
                  </a:lnTo>
                  <a:lnTo>
                    <a:pt x="461772" y="0"/>
                  </a:lnTo>
                  <a:close/>
                </a:path>
                <a:path w="969644" h="5079">
                  <a:moveTo>
                    <a:pt x="475488" y="0"/>
                  </a:moveTo>
                  <a:lnTo>
                    <a:pt x="464820" y="0"/>
                  </a:lnTo>
                  <a:lnTo>
                    <a:pt x="464820" y="4572"/>
                  </a:lnTo>
                  <a:lnTo>
                    <a:pt x="475488" y="4572"/>
                  </a:lnTo>
                  <a:lnTo>
                    <a:pt x="475488" y="0"/>
                  </a:lnTo>
                  <a:close/>
                </a:path>
                <a:path w="969644" h="5079">
                  <a:moveTo>
                    <a:pt x="489204" y="0"/>
                  </a:moveTo>
                  <a:lnTo>
                    <a:pt x="478536" y="0"/>
                  </a:lnTo>
                  <a:lnTo>
                    <a:pt x="478536" y="4572"/>
                  </a:lnTo>
                  <a:lnTo>
                    <a:pt x="489204" y="4572"/>
                  </a:lnTo>
                  <a:lnTo>
                    <a:pt x="489204" y="0"/>
                  </a:lnTo>
                  <a:close/>
                </a:path>
                <a:path w="969644" h="5079">
                  <a:moveTo>
                    <a:pt x="502920" y="0"/>
                  </a:moveTo>
                  <a:lnTo>
                    <a:pt x="492252" y="0"/>
                  </a:lnTo>
                  <a:lnTo>
                    <a:pt x="492252" y="4572"/>
                  </a:lnTo>
                  <a:lnTo>
                    <a:pt x="502920" y="4572"/>
                  </a:lnTo>
                  <a:lnTo>
                    <a:pt x="502920" y="0"/>
                  </a:lnTo>
                  <a:close/>
                </a:path>
                <a:path w="969644" h="5079">
                  <a:moveTo>
                    <a:pt x="516636" y="0"/>
                  </a:moveTo>
                  <a:lnTo>
                    <a:pt x="505968" y="0"/>
                  </a:lnTo>
                  <a:lnTo>
                    <a:pt x="505968" y="4572"/>
                  </a:lnTo>
                  <a:lnTo>
                    <a:pt x="516636" y="4572"/>
                  </a:lnTo>
                  <a:lnTo>
                    <a:pt x="516636" y="0"/>
                  </a:lnTo>
                  <a:close/>
                </a:path>
                <a:path w="969644" h="5079">
                  <a:moveTo>
                    <a:pt x="530352" y="0"/>
                  </a:moveTo>
                  <a:lnTo>
                    <a:pt x="519684" y="0"/>
                  </a:lnTo>
                  <a:lnTo>
                    <a:pt x="519684" y="4572"/>
                  </a:lnTo>
                  <a:lnTo>
                    <a:pt x="530352" y="4572"/>
                  </a:lnTo>
                  <a:lnTo>
                    <a:pt x="530352" y="0"/>
                  </a:lnTo>
                  <a:close/>
                </a:path>
                <a:path w="969644" h="5079">
                  <a:moveTo>
                    <a:pt x="544068" y="0"/>
                  </a:moveTo>
                  <a:lnTo>
                    <a:pt x="533400" y="0"/>
                  </a:lnTo>
                  <a:lnTo>
                    <a:pt x="533400" y="4572"/>
                  </a:lnTo>
                  <a:lnTo>
                    <a:pt x="544068" y="4572"/>
                  </a:lnTo>
                  <a:lnTo>
                    <a:pt x="544068" y="0"/>
                  </a:lnTo>
                  <a:close/>
                </a:path>
                <a:path w="969644" h="5079">
                  <a:moveTo>
                    <a:pt x="557784" y="0"/>
                  </a:moveTo>
                  <a:lnTo>
                    <a:pt x="547116" y="0"/>
                  </a:lnTo>
                  <a:lnTo>
                    <a:pt x="547116" y="4572"/>
                  </a:lnTo>
                  <a:lnTo>
                    <a:pt x="557784" y="4572"/>
                  </a:lnTo>
                  <a:lnTo>
                    <a:pt x="557784" y="0"/>
                  </a:lnTo>
                  <a:close/>
                </a:path>
                <a:path w="969644" h="5079">
                  <a:moveTo>
                    <a:pt x="571500" y="0"/>
                  </a:moveTo>
                  <a:lnTo>
                    <a:pt x="560832" y="0"/>
                  </a:lnTo>
                  <a:lnTo>
                    <a:pt x="560832" y="4572"/>
                  </a:lnTo>
                  <a:lnTo>
                    <a:pt x="571500" y="4572"/>
                  </a:lnTo>
                  <a:lnTo>
                    <a:pt x="571500" y="0"/>
                  </a:lnTo>
                  <a:close/>
                </a:path>
                <a:path w="969644" h="5079">
                  <a:moveTo>
                    <a:pt x="585216" y="0"/>
                  </a:moveTo>
                  <a:lnTo>
                    <a:pt x="574548" y="0"/>
                  </a:lnTo>
                  <a:lnTo>
                    <a:pt x="574548" y="4572"/>
                  </a:lnTo>
                  <a:lnTo>
                    <a:pt x="585216" y="4572"/>
                  </a:lnTo>
                  <a:lnTo>
                    <a:pt x="585216" y="0"/>
                  </a:lnTo>
                  <a:close/>
                </a:path>
                <a:path w="969644" h="5079">
                  <a:moveTo>
                    <a:pt x="598932" y="0"/>
                  </a:moveTo>
                  <a:lnTo>
                    <a:pt x="588264" y="0"/>
                  </a:lnTo>
                  <a:lnTo>
                    <a:pt x="588264" y="4572"/>
                  </a:lnTo>
                  <a:lnTo>
                    <a:pt x="598932" y="4572"/>
                  </a:lnTo>
                  <a:lnTo>
                    <a:pt x="598932" y="0"/>
                  </a:lnTo>
                  <a:close/>
                </a:path>
                <a:path w="969644" h="5079">
                  <a:moveTo>
                    <a:pt x="612648" y="0"/>
                  </a:moveTo>
                  <a:lnTo>
                    <a:pt x="601980" y="0"/>
                  </a:lnTo>
                  <a:lnTo>
                    <a:pt x="601980" y="4572"/>
                  </a:lnTo>
                  <a:lnTo>
                    <a:pt x="612648" y="4572"/>
                  </a:lnTo>
                  <a:lnTo>
                    <a:pt x="612648" y="0"/>
                  </a:lnTo>
                  <a:close/>
                </a:path>
                <a:path w="969644" h="5079">
                  <a:moveTo>
                    <a:pt x="626364" y="0"/>
                  </a:moveTo>
                  <a:lnTo>
                    <a:pt x="615696" y="0"/>
                  </a:lnTo>
                  <a:lnTo>
                    <a:pt x="615696" y="4572"/>
                  </a:lnTo>
                  <a:lnTo>
                    <a:pt x="626364" y="4572"/>
                  </a:lnTo>
                  <a:lnTo>
                    <a:pt x="626364" y="0"/>
                  </a:lnTo>
                  <a:close/>
                </a:path>
                <a:path w="969644" h="5079">
                  <a:moveTo>
                    <a:pt x="640080" y="0"/>
                  </a:moveTo>
                  <a:lnTo>
                    <a:pt x="629412" y="0"/>
                  </a:lnTo>
                  <a:lnTo>
                    <a:pt x="629412" y="4572"/>
                  </a:lnTo>
                  <a:lnTo>
                    <a:pt x="640080" y="4572"/>
                  </a:lnTo>
                  <a:lnTo>
                    <a:pt x="640080" y="0"/>
                  </a:lnTo>
                  <a:close/>
                </a:path>
                <a:path w="969644" h="5079">
                  <a:moveTo>
                    <a:pt x="653796" y="0"/>
                  </a:moveTo>
                  <a:lnTo>
                    <a:pt x="643128" y="0"/>
                  </a:lnTo>
                  <a:lnTo>
                    <a:pt x="643128" y="4572"/>
                  </a:lnTo>
                  <a:lnTo>
                    <a:pt x="653796" y="4572"/>
                  </a:lnTo>
                  <a:lnTo>
                    <a:pt x="653796" y="0"/>
                  </a:lnTo>
                  <a:close/>
                </a:path>
                <a:path w="969644" h="5079">
                  <a:moveTo>
                    <a:pt x="667512" y="0"/>
                  </a:moveTo>
                  <a:lnTo>
                    <a:pt x="656844" y="0"/>
                  </a:lnTo>
                  <a:lnTo>
                    <a:pt x="656844" y="4572"/>
                  </a:lnTo>
                  <a:lnTo>
                    <a:pt x="667512" y="4572"/>
                  </a:lnTo>
                  <a:lnTo>
                    <a:pt x="667512" y="0"/>
                  </a:lnTo>
                  <a:close/>
                </a:path>
                <a:path w="969644" h="5079">
                  <a:moveTo>
                    <a:pt x="681228" y="0"/>
                  </a:moveTo>
                  <a:lnTo>
                    <a:pt x="670560" y="0"/>
                  </a:lnTo>
                  <a:lnTo>
                    <a:pt x="670560" y="4572"/>
                  </a:lnTo>
                  <a:lnTo>
                    <a:pt x="681228" y="4572"/>
                  </a:lnTo>
                  <a:lnTo>
                    <a:pt x="681228" y="0"/>
                  </a:lnTo>
                  <a:close/>
                </a:path>
                <a:path w="969644" h="5079">
                  <a:moveTo>
                    <a:pt x="694944" y="0"/>
                  </a:moveTo>
                  <a:lnTo>
                    <a:pt x="684276" y="0"/>
                  </a:lnTo>
                  <a:lnTo>
                    <a:pt x="684276" y="4572"/>
                  </a:lnTo>
                  <a:lnTo>
                    <a:pt x="694944" y="4572"/>
                  </a:lnTo>
                  <a:lnTo>
                    <a:pt x="694944" y="0"/>
                  </a:lnTo>
                  <a:close/>
                </a:path>
                <a:path w="969644" h="5079">
                  <a:moveTo>
                    <a:pt x="708660" y="0"/>
                  </a:moveTo>
                  <a:lnTo>
                    <a:pt x="697992" y="0"/>
                  </a:lnTo>
                  <a:lnTo>
                    <a:pt x="697992" y="4572"/>
                  </a:lnTo>
                  <a:lnTo>
                    <a:pt x="708660" y="4572"/>
                  </a:lnTo>
                  <a:lnTo>
                    <a:pt x="708660" y="0"/>
                  </a:lnTo>
                  <a:close/>
                </a:path>
                <a:path w="969644" h="5079">
                  <a:moveTo>
                    <a:pt x="722376" y="0"/>
                  </a:moveTo>
                  <a:lnTo>
                    <a:pt x="711708" y="0"/>
                  </a:lnTo>
                  <a:lnTo>
                    <a:pt x="711708" y="4572"/>
                  </a:lnTo>
                  <a:lnTo>
                    <a:pt x="722376" y="4572"/>
                  </a:lnTo>
                  <a:lnTo>
                    <a:pt x="722376" y="0"/>
                  </a:lnTo>
                  <a:close/>
                </a:path>
                <a:path w="969644" h="5079">
                  <a:moveTo>
                    <a:pt x="736092" y="0"/>
                  </a:moveTo>
                  <a:lnTo>
                    <a:pt x="725424" y="0"/>
                  </a:lnTo>
                  <a:lnTo>
                    <a:pt x="725424" y="4572"/>
                  </a:lnTo>
                  <a:lnTo>
                    <a:pt x="736092" y="4572"/>
                  </a:lnTo>
                  <a:lnTo>
                    <a:pt x="736092" y="0"/>
                  </a:lnTo>
                  <a:close/>
                </a:path>
                <a:path w="969644" h="5079">
                  <a:moveTo>
                    <a:pt x="749808" y="0"/>
                  </a:moveTo>
                  <a:lnTo>
                    <a:pt x="739140" y="0"/>
                  </a:lnTo>
                  <a:lnTo>
                    <a:pt x="739140" y="4572"/>
                  </a:lnTo>
                  <a:lnTo>
                    <a:pt x="749808" y="4572"/>
                  </a:lnTo>
                  <a:lnTo>
                    <a:pt x="749808" y="0"/>
                  </a:lnTo>
                  <a:close/>
                </a:path>
                <a:path w="969644" h="5079">
                  <a:moveTo>
                    <a:pt x="763524" y="0"/>
                  </a:moveTo>
                  <a:lnTo>
                    <a:pt x="752856" y="0"/>
                  </a:lnTo>
                  <a:lnTo>
                    <a:pt x="752856" y="4572"/>
                  </a:lnTo>
                  <a:lnTo>
                    <a:pt x="763524" y="4572"/>
                  </a:lnTo>
                  <a:lnTo>
                    <a:pt x="763524" y="0"/>
                  </a:lnTo>
                  <a:close/>
                </a:path>
                <a:path w="969644" h="5079">
                  <a:moveTo>
                    <a:pt x="777240" y="0"/>
                  </a:moveTo>
                  <a:lnTo>
                    <a:pt x="766572" y="0"/>
                  </a:lnTo>
                  <a:lnTo>
                    <a:pt x="766572" y="4572"/>
                  </a:lnTo>
                  <a:lnTo>
                    <a:pt x="777240" y="4572"/>
                  </a:lnTo>
                  <a:lnTo>
                    <a:pt x="777240" y="0"/>
                  </a:lnTo>
                  <a:close/>
                </a:path>
                <a:path w="969644" h="5079">
                  <a:moveTo>
                    <a:pt x="790956" y="0"/>
                  </a:moveTo>
                  <a:lnTo>
                    <a:pt x="780288" y="0"/>
                  </a:lnTo>
                  <a:lnTo>
                    <a:pt x="780288"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42" name="object 42"/>
            <p:cNvSpPr/>
            <p:nvPr/>
          </p:nvSpPr>
          <p:spPr>
            <a:xfrm>
              <a:off x="2970276" y="453694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691" y="0"/>
                  </a:moveTo>
                  <a:lnTo>
                    <a:pt x="288036" y="0"/>
                  </a:lnTo>
                  <a:lnTo>
                    <a:pt x="288036" y="4572"/>
                  </a:lnTo>
                  <a:lnTo>
                    <a:pt x="298691" y="4572"/>
                  </a:lnTo>
                  <a:lnTo>
                    <a:pt x="298691"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03" y="0"/>
                  </a:lnTo>
                  <a:lnTo>
                    <a:pt x="356603"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43" name="object 43"/>
            <p:cNvSpPr/>
            <p:nvPr/>
          </p:nvSpPr>
          <p:spPr>
            <a:xfrm>
              <a:off x="3930396" y="453694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2900" y="0"/>
                  </a:lnTo>
                  <a:lnTo>
                    <a:pt x="342900"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76" y="0"/>
                  </a:moveTo>
                  <a:lnTo>
                    <a:pt x="370332" y="0"/>
                  </a:lnTo>
                  <a:lnTo>
                    <a:pt x="370332" y="4572"/>
                  </a:lnTo>
                  <a:lnTo>
                    <a:pt x="379476" y="4572"/>
                  </a:lnTo>
                  <a:lnTo>
                    <a:pt x="379476"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80" y="0"/>
                  </a:lnTo>
                  <a:lnTo>
                    <a:pt x="411480"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56" y="0"/>
                  </a:moveTo>
                  <a:lnTo>
                    <a:pt x="438912" y="0"/>
                  </a:lnTo>
                  <a:lnTo>
                    <a:pt x="438912" y="4572"/>
                  </a:lnTo>
                  <a:lnTo>
                    <a:pt x="448056" y="4572"/>
                  </a:lnTo>
                  <a:lnTo>
                    <a:pt x="448056" y="0"/>
                  </a:lnTo>
                  <a:close/>
                </a:path>
                <a:path w="969645" h="5079">
                  <a:moveTo>
                    <a:pt x="461772" y="0"/>
                  </a:moveTo>
                  <a:lnTo>
                    <a:pt x="452628" y="0"/>
                  </a:lnTo>
                  <a:lnTo>
                    <a:pt x="452628"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44" name="object 44"/>
            <p:cNvSpPr/>
            <p:nvPr/>
          </p:nvSpPr>
          <p:spPr>
            <a:xfrm>
              <a:off x="4888992" y="453694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45" name="object 45"/>
            <p:cNvSpPr/>
            <p:nvPr/>
          </p:nvSpPr>
          <p:spPr>
            <a:xfrm>
              <a:off x="5849112" y="453694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83" y="0"/>
                  </a:moveTo>
                  <a:lnTo>
                    <a:pt x="644652" y="0"/>
                  </a:lnTo>
                  <a:lnTo>
                    <a:pt x="644652" y="4572"/>
                  </a:lnTo>
                  <a:lnTo>
                    <a:pt x="653783" y="4572"/>
                  </a:lnTo>
                  <a:lnTo>
                    <a:pt x="653783"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787" y="0"/>
                  </a:lnTo>
                  <a:lnTo>
                    <a:pt x="685787"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35" y="0"/>
                  </a:lnTo>
                  <a:lnTo>
                    <a:pt x="726935"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11" y="0"/>
                  </a:moveTo>
                  <a:lnTo>
                    <a:pt x="754380" y="0"/>
                  </a:lnTo>
                  <a:lnTo>
                    <a:pt x="754380" y="4572"/>
                  </a:lnTo>
                  <a:lnTo>
                    <a:pt x="763511" y="4572"/>
                  </a:lnTo>
                  <a:lnTo>
                    <a:pt x="763511" y="0"/>
                  </a:lnTo>
                  <a:close/>
                </a:path>
                <a:path w="969645" h="5079">
                  <a:moveTo>
                    <a:pt x="777240" y="0"/>
                  </a:moveTo>
                  <a:lnTo>
                    <a:pt x="768083" y="0"/>
                  </a:lnTo>
                  <a:lnTo>
                    <a:pt x="768083"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59" y="0"/>
                  </a:moveTo>
                  <a:lnTo>
                    <a:pt x="795528" y="0"/>
                  </a:lnTo>
                  <a:lnTo>
                    <a:pt x="795528" y="4572"/>
                  </a:lnTo>
                  <a:lnTo>
                    <a:pt x="804659" y="4572"/>
                  </a:lnTo>
                  <a:lnTo>
                    <a:pt x="804659"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46" name="object 46"/>
            <p:cNvSpPr/>
            <p:nvPr/>
          </p:nvSpPr>
          <p:spPr>
            <a:xfrm>
              <a:off x="6809232" y="4536947"/>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1648" y="0"/>
                  </a:lnTo>
                  <a:lnTo>
                    <a:pt x="231648" y="4572"/>
                  </a:lnTo>
                  <a:lnTo>
                    <a:pt x="242316" y="4572"/>
                  </a:lnTo>
                  <a:lnTo>
                    <a:pt x="242316" y="0"/>
                  </a:lnTo>
                  <a:close/>
                </a:path>
                <a:path w="969645" h="5079">
                  <a:moveTo>
                    <a:pt x="256032" y="0"/>
                  </a:moveTo>
                  <a:lnTo>
                    <a:pt x="245364" y="0"/>
                  </a:lnTo>
                  <a:lnTo>
                    <a:pt x="245364" y="4572"/>
                  </a:lnTo>
                  <a:lnTo>
                    <a:pt x="256032" y="4572"/>
                  </a:lnTo>
                  <a:lnTo>
                    <a:pt x="256032" y="0"/>
                  </a:lnTo>
                  <a:close/>
                </a:path>
                <a:path w="969645" h="5079">
                  <a:moveTo>
                    <a:pt x="269748" y="0"/>
                  </a:moveTo>
                  <a:lnTo>
                    <a:pt x="259080" y="0"/>
                  </a:lnTo>
                  <a:lnTo>
                    <a:pt x="259080" y="4572"/>
                  </a:lnTo>
                  <a:lnTo>
                    <a:pt x="269748" y="4572"/>
                  </a:lnTo>
                  <a:lnTo>
                    <a:pt x="269748" y="0"/>
                  </a:lnTo>
                  <a:close/>
                </a:path>
                <a:path w="969645" h="5079">
                  <a:moveTo>
                    <a:pt x="283464" y="0"/>
                  </a:moveTo>
                  <a:lnTo>
                    <a:pt x="272796" y="0"/>
                  </a:lnTo>
                  <a:lnTo>
                    <a:pt x="272796" y="4572"/>
                  </a:lnTo>
                  <a:lnTo>
                    <a:pt x="283464" y="4572"/>
                  </a:lnTo>
                  <a:lnTo>
                    <a:pt x="283464" y="0"/>
                  </a:lnTo>
                  <a:close/>
                </a:path>
                <a:path w="969645" h="5079">
                  <a:moveTo>
                    <a:pt x="297180" y="0"/>
                  </a:moveTo>
                  <a:lnTo>
                    <a:pt x="286512" y="0"/>
                  </a:lnTo>
                  <a:lnTo>
                    <a:pt x="286512" y="4572"/>
                  </a:lnTo>
                  <a:lnTo>
                    <a:pt x="297180" y="4572"/>
                  </a:lnTo>
                  <a:lnTo>
                    <a:pt x="297180" y="0"/>
                  </a:lnTo>
                  <a:close/>
                </a:path>
                <a:path w="969645" h="5079">
                  <a:moveTo>
                    <a:pt x="310896" y="0"/>
                  </a:moveTo>
                  <a:lnTo>
                    <a:pt x="300228" y="0"/>
                  </a:lnTo>
                  <a:lnTo>
                    <a:pt x="300228" y="4572"/>
                  </a:lnTo>
                  <a:lnTo>
                    <a:pt x="310896" y="4572"/>
                  </a:lnTo>
                  <a:lnTo>
                    <a:pt x="310896" y="0"/>
                  </a:lnTo>
                  <a:close/>
                </a:path>
                <a:path w="969645" h="5079">
                  <a:moveTo>
                    <a:pt x="324612" y="0"/>
                  </a:moveTo>
                  <a:lnTo>
                    <a:pt x="313944" y="0"/>
                  </a:lnTo>
                  <a:lnTo>
                    <a:pt x="313944" y="4572"/>
                  </a:lnTo>
                  <a:lnTo>
                    <a:pt x="324612" y="4572"/>
                  </a:lnTo>
                  <a:lnTo>
                    <a:pt x="324612" y="0"/>
                  </a:lnTo>
                  <a:close/>
                </a:path>
                <a:path w="969645" h="5079">
                  <a:moveTo>
                    <a:pt x="338328" y="0"/>
                  </a:moveTo>
                  <a:lnTo>
                    <a:pt x="327660" y="0"/>
                  </a:lnTo>
                  <a:lnTo>
                    <a:pt x="327660" y="4572"/>
                  </a:lnTo>
                  <a:lnTo>
                    <a:pt x="338328" y="4572"/>
                  </a:lnTo>
                  <a:lnTo>
                    <a:pt x="338328" y="0"/>
                  </a:lnTo>
                  <a:close/>
                </a:path>
                <a:path w="969645" h="5079">
                  <a:moveTo>
                    <a:pt x="352044" y="0"/>
                  </a:moveTo>
                  <a:lnTo>
                    <a:pt x="341376" y="0"/>
                  </a:lnTo>
                  <a:lnTo>
                    <a:pt x="341376"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47" name="object 47"/>
            <p:cNvSpPr/>
            <p:nvPr/>
          </p:nvSpPr>
          <p:spPr>
            <a:xfrm>
              <a:off x="7767828" y="4536947"/>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48" name="object 48"/>
            <p:cNvSpPr/>
            <p:nvPr/>
          </p:nvSpPr>
          <p:spPr>
            <a:xfrm>
              <a:off x="406908" y="4056887"/>
              <a:ext cx="9052560" cy="485140"/>
            </a:xfrm>
            <a:custGeom>
              <a:avLst/>
              <a:gdLst/>
              <a:ahLst/>
              <a:cxnLst/>
              <a:rect l="l" t="t" r="r" b="b"/>
              <a:pathLst>
                <a:path w="9052560" h="485139">
                  <a:moveTo>
                    <a:pt x="10668" y="0"/>
                  </a:moveTo>
                  <a:lnTo>
                    <a:pt x="0" y="0"/>
                  </a:lnTo>
                  <a:lnTo>
                    <a:pt x="0" y="4572"/>
                  </a:lnTo>
                  <a:lnTo>
                    <a:pt x="10668" y="4572"/>
                  </a:lnTo>
                  <a:lnTo>
                    <a:pt x="10668" y="0"/>
                  </a:lnTo>
                  <a:close/>
                </a:path>
                <a:path w="9052560" h="485139">
                  <a:moveTo>
                    <a:pt x="24384" y="0"/>
                  </a:moveTo>
                  <a:lnTo>
                    <a:pt x="13716" y="0"/>
                  </a:lnTo>
                  <a:lnTo>
                    <a:pt x="13716" y="4572"/>
                  </a:lnTo>
                  <a:lnTo>
                    <a:pt x="24384" y="4572"/>
                  </a:lnTo>
                  <a:lnTo>
                    <a:pt x="24384" y="0"/>
                  </a:lnTo>
                  <a:close/>
                </a:path>
                <a:path w="9052560" h="485139">
                  <a:moveTo>
                    <a:pt x="38100" y="0"/>
                  </a:moveTo>
                  <a:lnTo>
                    <a:pt x="27432" y="0"/>
                  </a:lnTo>
                  <a:lnTo>
                    <a:pt x="27432" y="4572"/>
                  </a:lnTo>
                  <a:lnTo>
                    <a:pt x="38100" y="4572"/>
                  </a:lnTo>
                  <a:lnTo>
                    <a:pt x="38100" y="0"/>
                  </a:lnTo>
                  <a:close/>
                </a:path>
                <a:path w="9052560" h="485139">
                  <a:moveTo>
                    <a:pt x="51816" y="0"/>
                  </a:moveTo>
                  <a:lnTo>
                    <a:pt x="41148" y="0"/>
                  </a:lnTo>
                  <a:lnTo>
                    <a:pt x="41148" y="4572"/>
                  </a:lnTo>
                  <a:lnTo>
                    <a:pt x="51816" y="4572"/>
                  </a:lnTo>
                  <a:lnTo>
                    <a:pt x="51816" y="0"/>
                  </a:lnTo>
                  <a:close/>
                </a:path>
                <a:path w="9052560" h="485139">
                  <a:moveTo>
                    <a:pt x="65532" y="0"/>
                  </a:moveTo>
                  <a:lnTo>
                    <a:pt x="54864" y="0"/>
                  </a:lnTo>
                  <a:lnTo>
                    <a:pt x="54864" y="4572"/>
                  </a:lnTo>
                  <a:lnTo>
                    <a:pt x="65532" y="4572"/>
                  </a:lnTo>
                  <a:lnTo>
                    <a:pt x="65532" y="0"/>
                  </a:lnTo>
                  <a:close/>
                </a:path>
                <a:path w="9052560" h="485139">
                  <a:moveTo>
                    <a:pt x="79248" y="0"/>
                  </a:moveTo>
                  <a:lnTo>
                    <a:pt x="68580" y="0"/>
                  </a:lnTo>
                  <a:lnTo>
                    <a:pt x="68580" y="4572"/>
                  </a:lnTo>
                  <a:lnTo>
                    <a:pt x="79248" y="4572"/>
                  </a:lnTo>
                  <a:lnTo>
                    <a:pt x="79248" y="0"/>
                  </a:lnTo>
                  <a:close/>
                </a:path>
                <a:path w="9052560" h="485139">
                  <a:moveTo>
                    <a:pt x="92964" y="0"/>
                  </a:moveTo>
                  <a:lnTo>
                    <a:pt x="82296" y="0"/>
                  </a:lnTo>
                  <a:lnTo>
                    <a:pt x="82296" y="4572"/>
                  </a:lnTo>
                  <a:lnTo>
                    <a:pt x="92964" y="4572"/>
                  </a:lnTo>
                  <a:lnTo>
                    <a:pt x="92964" y="0"/>
                  </a:lnTo>
                  <a:close/>
                </a:path>
                <a:path w="9052560" h="485139">
                  <a:moveTo>
                    <a:pt x="106680" y="0"/>
                  </a:moveTo>
                  <a:lnTo>
                    <a:pt x="96012" y="0"/>
                  </a:lnTo>
                  <a:lnTo>
                    <a:pt x="96012" y="4572"/>
                  </a:lnTo>
                  <a:lnTo>
                    <a:pt x="106680" y="4572"/>
                  </a:lnTo>
                  <a:lnTo>
                    <a:pt x="106680" y="0"/>
                  </a:lnTo>
                  <a:close/>
                </a:path>
                <a:path w="9052560" h="485139">
                  <a:moveTo>
                    <a:pt x="120396" y="0"/>
                  </a:moveTo>
                  <a:lnTo>
                    <a:pt x="109728" y="0"/>
                  </a:lnTo>
                  <a:lnTo>
                    <a:pt x="109728" y="4572"/>
                  </a:lnTo>
                  <a:lnTo>
                    <a:pt x="120396" y="4572"/>
                  </a:lnTo>
                  <a:lnTo>
                    <a:pt x="120396" y="0"/>
                  </a:lnTo>
                  <a:close/>
                </a:path>
                <a:path w="9052560" h="485139">
                  <a:moveTo>
                    <a:pt x="134112" y="0"/>
                  </a:moveTo>
                  <a:lnTo>
                    <a:pt x="123444" y="0"/>
                  </a:lnTo>
                  <a:lnTo>
                    <a:pt x="123444" y="4572"/>
                  </a:lnTo>
                  <a:lnTo>
                    <a:pt x="134112" y="4572"/>
                  </a:lnTo>
                  <a:lnTo>
                    <a:pt x="134112" y="0"/>
                  </a:lnTo>
                  <a:close/>
                </a:path>
                <a:path w="9052560" h="485139">
                  <a:moveTo>
                    <a:pt x="147828" y="0"/>
                  </a:moveTo>
                  <a:lnTo>
                    <a:pt x="137160" y="0"/>
                  </a:lnTo>
                  <a:lnTo>
                    <a:pt x="137160" y="4572"/>
                  </a:lnTo>
                  <a:lnTo>
                    <a:pt x="147828" y="4572"/>
                  </a:lnTo>
                  <a:lnTo>
                    <a:pt x="147828" y="0"/>
                  </a:lnTo>
                  <a:close/>
                </a:path>
                <a:path w="9052560" h="485139">
                  <a:moveTo>
                    <a:pt x="161544" y="0"/>
                  </a:moveTo>
                  <a:lnTo>
                    <a:pt x="150876" y="0"/>
                  </a:lnTo>
                  <a:lnTo>
                    <a:pt x="150876" y="4572"/>
                  </a:lnTo>
                  <a:lnTo>
                    <a:pt x="161544" y="4572"/>
                  </a:lnTo>
                  <a:lnTo>
                    <a:pt x="161544" y="0"/>
                  </a:lnTo>
                  <a:close/>
                </a:path>
                <a:path w="9052560" h="485139">
                  <a:moveTo>
                    <a:pt x="175260" y="0"/>
                  </a:moveTo>
                  <a:lnTo>
                    <a:pt x="164592" y="0"/>
                  </a:lnTo>
                  <a:lnTo>
                    <a:pt x="164592" y="4572"/>
                  </a:lnTo>
                  <a:lnTo>
                    <a:pt x="175260" y="4572"/>
                  </a:lnTo>
                  <a:lnTo>
                    <a:pt x="175260" y="0"/>
                  </a:lnTo>
                  <a:close/>
                </a:path>
                <a:path w="9052560" h="485139">
                  <a:moveTo>
                    <a:pt x="188976" y="0"/>
                  </a:moveTo>
                  <a:lnTo>
                    <a:pt x="178308" y="0"/>
                  </a:lnTo>
                  <a:lnTo>
                    <a:pt x="178308" y="4572"/>
                  </a:lnTo>
                  <a:lnTo>
                    <a:pt x="188976" y="4572"/>
                  </a:lnTo>
                  <a:lnTo>
                    <a:pt x="188976" y="0"/>
                  </a:lnTo>
                  <a:close/>
                </a:path>
                <a:path w="9052560" h="485139">
                  <a:moveTo>
                    <a:pt x="202692" y="0"/>
                  </a:moveTo>
                  <a:lnTo>
                    <a:pt x="192024" y="0"/>
                  </a:lnTo>
                  <a:lnTo>
                    <a:pt x="192024" y="4572"/>
                  </a:lnTo>
                  <a:lnTo>
                    <a:pt x="202692" y="4572"/>
                  </a:lnTo>
                  <a:lnTo>
                    <a:pt x="202692" y="0"/>
                  </a:lnTo>
                  <a:close/>
                </a:path>
                <a:path w="9052560" h="485139">
                  <a:moveTo>
                    <a:pt x="216408" y="0"/>
                  </a:moveTo>
                  <a:lnTo>
                    <a:pt x="205740" y="0"/>
                  </a:lnTo>
                  <a:lnTo>
                    <a:pt x="205740" y="4572"/>
                  </a:lnTo>
                  <a:lnTo>
                    <a:pt x="216408" y="4572"/>
                  </a:lnTo>
                  <a:lnTo>
                    <a:pt x="216408" y="0"/>
                  </a:lnTo>
                  <a:close/>
                </a:path>
                <a:path w="9052560" h="485139">
                  <a:moveTo>
                    <a:pt x="230124" y="0"/>
                  </a:moveTo>
                  <a:lnTo>
                    <a:pt x="219456" y="0"/>
                  </a:lnTo>
                  <a:lnTo>
                    <a:pt x="219456" y="4572"/>
                  </a:lnTo>
                  <a:lnTo>
                    <a:pt x="230124" y="4572"/>
                  </a:lnTo>
                  <a:lnTo>
                    <a:pt x="230124" y="0"/>
                  </a:lnTo>
                  <a:close/>
                </a:path>
                <a:path w="9052560" h="485139">
                  <a:moveTo>
                    <a:pt x="8331708" y="480060"/>
                  </a:moveTo>
                  <a:lnTo>
                    <a:pt x="8321040" y="480060"/>
                  </a:lnTo>
                  <a:lnTo>
                    <a:pt x="8321040" y="484632"/>
                  </a:lnTo>
                  <a:lnTo>
                    <a:pt x="8331708" y="484632"/>
                  </a:lnTo>
                  <a:lnTo>
                    <a:pt x="8331708" y="480060"/>
                  </a:lnTo>
                  <a:close/>
                </a:path>
                <a:path w="9052560" h="485139">
                  <a:moveTo>
                    <a:pt x="8345424" y="480060"/>
                  </a:moveTo>
                  <a:lnTo>
                    <a:pt x="8334756" y="480060"/>
                  </a:lnTo>
                  <a:lnTo>
                    <a:pt x="8334756" y="484632"/>
                  </a:lnTo>
                  <a:lnTo>
                    <a:pt x="8345424" y="484632"/>
                  </a:lnTo>
                  <a:lnTo>
                    <a:pt x="8345424" y="480060"/>
                  </a:lnTo>
                  <a:close/>
                </a:path>
                <a:path w="9052560" h="485139">
                  <a:moveTo>
                    <a:pt x="8359140" y="480060"/>
                  </a:moveTo>
                  <a:lnTo>
                    <a:pt x="8348472" y="480060"/>
                  </a:lnTo>
                  <a:lnTo>
                    <a:pt x="8348472" y="484632"/>
                  </a:lnTo>
                  <a:lnTo>
                    <a:pt x="8359140" y="484632"/>
                  </a:lnTo>
                  <a:lnTo>
                    <a:pt x="8359140" y="480060"/>
                  </a:lnTo>
                  <a:close/>
                </a:path>
                <a:path w="9052560" h="485139">
                  <a:moveTo>
                    <a:pt x="8372856" y="480060"/>
                  </a:moveTo>
                  <a:lnTo>
                    <a:pt x="8362188" y="480060"/>
                  </a:lnTo>
                  <a:lnTo>
                    <a:pt x="8362188" y="484632"/>
                  </a:lnTo>
                  <a:lnTo>
                    <a:pt x="8372856" y="484632"/>
                  </a:lnTo>
                  <a:lnTo>
                    <a:pt x="8372856" y="480060"/>
                  </a:lnTo>
                  <a:close/>
                </a:path>
                <a:path w="9052560" h="485139">
                  <a:moveTo>
                    <a:pt x="8386572" y="480060"/>
                  </a:moveTo>
                  <a:lnTo>
                    <a:pt x="8375904" y="480060"/>
                  </a:lnTo>
                  <a:lnTo>
                    <a:pt x="8375904" y="484632"/>
                  </a:lnTo>
                  <a:lnTo>
                    <a:pt x="8386572" y="484632"/>
                  </a:lnTo>
                  <a:lnTo>
                    <a:pt x="8386572" y="480060"/>
                  </a:lnTo>
                  <a:close/>
                </a:path>
                <a:path w="9052560" h="485139">
                  <a:moveTo>
                    <a:pt x="8400288" y="480060"/>
                  </a:moveTo>
                  <a:lnTo>
                    <a:pt x="8389620" y="480060"/>
                  </a:lnTo>
                  <a:lnTo>
                    <a:pt x="8389620" y="484632"/>
                  </a:lnTo>
                  <a:lnTo>
                    <a:pt x="8400288" y="484632"/>
                  </a:lnTo>
                  <a:lnTo>
                    <a:pt x="8400288" y="480060"/>
                  </a:lnTo>
                  <a:close/>
                </a:path>
                <a:path w="9052560" h="485139">
                  <a:moveTo>
                    <a:pt x="8414004" y="480060"/>
                  </a:moveTo>
                  <a:lnTo>
                    <a:pt x="8403336" y="480060"/>
                  </a:lnTo>
                  <a:lnTo>
                    <a:pt x="8403336" y="484632"/>
                  </a:lnTo>
                  <a:lnTo>
                    <a:pt x="8414004" y="484632"/>
                  </a:lnTo>
                  <a:lnTo>
                    <a:pt x="8414004" y="480060"/>
                  </a:lnTo>
                  <a:close/>
                </a:path>
                <a:path w="9052560" h="485139">
                  <a:moveTo>
                    <a:pt x="8427720" y="480060"/>
                  </a:moveTo>
                  <a:lnTo>
                    <a:pt x="8417052" y="480060"/>
                  </a:lnTo>
                  <a:lnTo>
                    <a:pt x="8417052" y="484632"/>
                  </a:lnTo>
                  <a:lnTo>
                    <a:pt x="8427720" y="484632"/>
                  </a:lnTo>
                  <a:lnTo>
                    <a:pt x="8427720" y="480060"/>
                  </a:lnTo>
                  <a:close/>
                </a:path>
                <a:path w="9052560" h="485139">
                  <a:moveTo>
                    <a:pt x="8441436" y="480060"/>
                  </a:moveTo>
                  <a:lnTo>
                    <a:pt x="8430768" y="480060"/>
                  </a:lnTo>
                  <a:lnTo>
                    <a:pt x="8430768" y="484632"/>
                  </a:lnTo>
                  <a:lnTo>
                    <a:pt x="8441436" y="484632"/>
                  </a:lnTo>
                  <a:lnTo>
                    <a:pt x="8441436" y="480060"/>
                  </a:lnTo>
                  <a:close/>
                </a:path>
                <a:path w="9052560" h="485139">
                  <a:moveTo>
                    <a:pt x="8455152" y="480060"/>
                  </a:moveTo>
                  <a:lnTo>
                    <a:pt x="8444484" y="480060"/>
                  </a:lnTo>
                  <a:lnTo>
                    <a:pt x="8444484" y="484632"/>
                  </a:lnTo>
                  <a:lnTo>
                    <a:pt x="8455152" y="484632"/>
                  </a:lnTo>
                  <a:lnTo>
                    <a:pt x="8455152" y="480060"/>
                  </a:lnTo>
                  <a:close/>
                </a:path>
                <a:path w="9052560" h="485139">
                  <a:moveTo>
                    <a:pt x="8467344" y="480060"/>
                  </a:moveTo>
                  <a:lnTo>
                    <a:pt x="8458200" y="480060"/>
                  </a:lnTo>
                  <a:lnTo>
                    <a:pt x="8458200" y="484632"/>
                  </a:lnTo>
                  <a:lnTo>
                    <a:pt x="8467344" y="484632"/>
                  </a:lnTo>
                  <a:lnTo>
                    <a:pt x="8467344" y="480060"/>
                  </a:lnTo>
                  <a:close/>
                </a:path>
                <a:path w="9052560" h="485139">
                  <a:moveTo>
                    <a:pt x="8481060" y="480060"/>
                  </a:moveTo>
                  <a:lnTo>
                    <a:pt x="8471916" y="480060"/>
                  </a:lnTo>
                  <a:lnTo>
                    <a:pt x="8471916" y="484632"/>
                  </a:lnTo>
                  <a:lnTo>
                    <a:pt x="8481060" y="484632"/>
                  </a:lnTo>
                  <a:lnTo>
                    <a:pt x="8481060" y="480060"/>
                  </a:lnTo>
                  <a:close/>
                </a:path>
                <a:path w="9052560" h="485139">
                  <a:moveTo>
                    <a:pt x="8494776" y="480060"/>
                  </a:moveTo>
                  <a:lnTo>
                    <a:pt x="8485632" y="480060"/>
                  </a:lnTo>
                  <a:lnTo>
                    <a:pt x="8485632" y="484632"/>
                  </a:lnTo>
                  <a:lnTo>
                    <a:pt x="8494776" y="484632"/>
                  </a:lnTo>
                  <a:lnTo>
                    <a:pt x="8494776" y="480060"/>
                  </a:lnTo>
                  <a:close/>
                </a:path>
                <a:path w="9052560" h="485139">
                  <a:moveTo>
                    <a:pt x="8508492" y="480060"/>
                  </a:moveTo>
                  <a:lnTo>
                    <a:pt x="8499348" y="480060"/>
                  </a:lnTo>
                  <a:lnTo>
                    <a:pt x="8499348" y="484632"/>
                  </a:lnTo>
                  <a:lnTo>
                    <a:pt x="8508492" y="484632"/>
                  </a:lnTo>
                  <a:lnTo>
                    <a:pt x="8508492" y="480060"/>
                  </a:lnTo>
                  <a:close/>
                </a:path>
                <a:path w="9052560" h="485139">
                  <a:moveTo>
                    <a:pt x="8522208" y="480060"/>
                  </a:moveTo>
                  <a:lnTo>
                    <a:pt x="8513064" y="480060"/>
                  </a:lnTo>
                  <a:lnTo>
                    <a:pt x="8513064" y="484632"/>
                  </a:lnTo>
                  <a:lnTo>
                    <a:pt x="8522208" y="484632"/>
                  </a:lnTo>
                  <a:lnTo>
                    <a:pt x="8522208" y="480060"/>
                  </a:lnTo>
                  <a:close/>
                </a:path>
                <a:path w="9052560" h="485139">
                  <a:moveTo>
                    <a:pt x="8535924" y="480060"/>
                  </a:moveTo>
                  <a:lnTo>
                    <a:pt x="8526780" y="480060"/>
                  </a:lnTo>
                  <a:lnTo>
                    <a:pt x="8526780" y="484632"/>
                  </a:lnTo>
                  <a:lnTo>
                    <a:pt x="8535924" y="484632"/>
                  </a:lnTo>
                  <a:lnTo>
                    <a:pt x="8535924" y="480060"/>
                  </a:lnTo>
                  <a:close/>
                </a:path>
                <a:path w="9052560" h="485139">
                  <a:moveTo>
                    <a:pt x="8549640" y="480060"/>
                  </a:moveTo>
                  <a:lnTo>
                    <a:pt x="8540496" y="480060"/>
                  </a:lnTo>
                  <a:lnTo>
                    <a:pt x="8540496" y="484632"/>
                  </a:lnTo>
                  <a:lnTo>
                    <a:pt x="8549640" y="484632"/>
                  </a:lnTo>
                  <a:lnTo>
                    <a:pt x="8549640" y="480060"/>
                  </a:lnTo>
                  <a:close/>
                </a:path>
                <a:path w="9052560" h="485139">
                  <a:moveTo>
                    <a:pt x="8563356" y="480060"/>
                  </a:moveTo>
                  <a:lnTo>
                    <a:pt x="8554212" y="480060"/>
                  </a:lnTo>
                  <a:lnTo>
                    <a:pt x="8554212" y="484632"/>
                  </a:lnTo>
                  <a:lnTo>
                    <a:pt x="8563356" y="484632"/>
                  </a:lnTo>
                  <a:lnTo>
                    <a:pt x="8563356" y="480060"/>
                  </a:lnTo>
                  <a:close/>
                </a:path>
                <a:path w="9052560" h="485139">
                  <a:moveTo>
                    <a:pt x="8577072" y="480060"/>
                  </a:moveTo>
                  <a:lnTo>
                    <a:pt x="8567928" y="480060"/>
                  </a:lnTo>
                  <a:lnTo>
                    <a:pt x="8567928" y="484632"/>
                  </a:lnTo>
                  <a:lnTo>
                    <a:pt x="8577072" y="484632"/>
                  </a:lnTo>
                  <a:lnTo>
                    <a:pt x="8577072" y="480060"/>
                  </a:lnTo>
                  <a:close/>
                </a:path>
                <a:path w="9052560" h="485139">
                  <a:moveTo>
                    <a:pt x="8590788" y="480060"/>
                  </a:moveTo>
                  <a:lnTo>
                    <a:pt x="8581644" y="480060"/>
                  </a:lnTo>
                  <a:lnTo>
                    <a:pt x="8581644" y="484632"/>
                  </a:lnTo>
                  <a:lnTo>
                    <a:pt x="8590788" y="484632"/>
                  </a:lnTo>
                  <a:lnTo>
                    <a:pt x="8590788" y="480060"/>
                  </a:lnTo>
                  <a:close/>
                </a:path>
                <a:path w="9052560" h="485139">
                  <a:moveTo>
                    <a:pt x="8604504" y="480060"/>
                  </a:moveTo>
                  <a:lnTo>
                    <a:pt x="8595360" y="480060"/>
                  </a:lnTo>
                  <a:lnTo>
                    <a:pt x="8595360" y="484632"/>
                  </a:lnTo>
                  <a:lnTo>
                    <a:pt x="8604504" y="484632"/>
                  </a:lnTo>
                  <a:lnTo>
                    <a:pt x="8604504" y="480060"/>
                  </a:lnTo>
                  <a:close/>
                </a:path>
                <a:path w="9052560" h="485139">
                  <a:moveTo>
                    <a:pt x="8618220" y="480060"/>
                  </a:moveTo>
                  <a:lnTo>
                    <a:pt x="8609076" y="480060"/>
                  </a:lnTo>
                  <a:lnTo>
                    <a:pt x="8609076" y="484632"/>
                  </a:lnTo>
                  <a:lnTo>
                    <a:pt x="8618220" y="484632"/>
                  </a:lnTo>
                  <a:lnTo>
                    <a:pt x="8618220" y="480060"/>
                  </a:lnTo>
                  <a:close/>
                </a:path>
                <a:path w="9052560" h="485139">
                  <a:moveTo>
                    <a:pt x="8631936" y="480060"/>
                  </a:moveTo>
                  <a:lnTo>
                    <a:pt x="8622792" y="480060"/>
                  </a:lnTo>
                  <a:lnTo>
                    <a:pt x="8622792" y="484632"/>
                  </a:lnTo>
                  <a:lnTo>
                    <a:pt x="8631936" y="484632"/>
                  </a:lnTo>
                  <a:lnTo>
                    <a:pt x="8631936" y="480060"/>
                  </a:lnTo>
                  <a:close/>
                </a:path>
                <a:path w="9052560" h="485139">
                  <a:moveTo>
                    <a:pt x="8645652" y="480060"/>
                  </a:moveTo>
                  <a:lnTo>
                    <a:pt x="8636508" y="480060"/>
                  </a:lnTo>
                  <a:lnTo>
                    <a:pt x="8636508" y="484632"/>
                  </a:lnTo>
                  <a:lnTo>
                    <a:pt x="8645652" y="484632"/>
                  </a:lnTo>
                  <a:lnTo>
                    <a:pt x="8645652" y="480060"/>
                  </a:lnTo>
                  <a:close/>
                </a:path>
                <a:path w="9052560" h="485139">
                  <a:moveTo>
                    <a:pt x="8659368" y="480060"/>
                  </a:moveTo>
                  <a:lnTo>
                    <a:pt x="8650224" y="480060"/>
                  </a:lnTo>
                  <a:lnTo>
                    <a:pt x="8650224" y="484632"/>
                  </a:lnTo>
                  <a:lnTo>
                    <a:pt x="8659368" y="484632"/>
                  </a:lnTo>
                  <a:lnTo>
                    <a:pt x="8659368" y="480060"/>
                  </a:lnTo>
                  <a:close/>
                </a:path>
                <a:path w="9052560" h="485139">
                  <a:moveTo>
                    <a:pt x="8673084" y="480060"/>
                  </a:moveTo>
                  <a:lnTo>
                    <a:pt x="8663940" y="480060"/>
                  </a:lnTo>
                  <a:lnTo>
                    <a:pt x="8663940" y="484632"/>
                  </a:lnTo>
                  <a:lnTo>
                    <a:pt x="8673084" y="484632"/>
                  </a:lnTo>
                  <a:lnTo>
                    <a:pt x="8673084" y="480060"/>
                  </a:lnTo>
                  <a:close/>
                </a:path>
                <a:path w="9052560" h="485139">
                  <a:moveTo>
                    <a:pt x="8686800" y="480060"/>
                  </a:moveTo>
                  <a:lnTo>
                    <a:pt x="8677656" y="480060"/>
                  </a:lnTo>
                  <a:lnTo>
                    <a:pt x="8677656" y="484632"/>
                  </a:lnTo>
                  <a:lnTo>
                    <a:pt x="8686800" y="484632"/>
                  </a:lnTo>
                  <a:lnTo>
                    <a:pt x="8686800" y="480060"/>
                  </a:lnTo>
                  <a:close/>
                </a:path>
                <a:path w="9052560" h="485139">
                  <a:moveTo>
                    <a:pt x="8700516" y="480060"/>
                  </a:moveTo>
                  <a:lnTo>
                    <a:pt x="8691372" y="480060"/>
                  </a:lnTo>
                  <a:lnTo>
                    <a:pt x="8691372" y="484632"/>
                  </a:lnTo>
                  <a:lnTo>
                    <a:pt x="8700516" y="484632"/>
                  </a:lnTo>
                  <a:lnTo>
                    <a:pt x="8700516" y="480060"/>
                  </a:lnTo>
                  <a:close/>
                </a:path>
                <a:path w="9052560" h="485139">
                  <a:moveTo>
                    <a:pt x="8714232" y="480060"/>
                  </a:moveTo>
                  <a:lnTo>
                    <a:pt x="8705088" y="480060"/>
                  </a:lnTo>
                  <a:lnTo>
                    <a:pt x="8705088" y="484632"/>
                  </a:lnTo>
                  <a:lnTo>
                    <a:pt x="8714232" y="484632"/>
                  </a:lnTo>
                  <a:lnTo>
                    <a:pt x="8714232" y="480060"/>
                  </a:lnTo>
                  <a:close/>
                </a:path>
                <a:path w="9052560" h="485139">
                  <a:moveTo>
                    <a:pt x="8727948" y="480060"/>
                  </a:moveTo>
                  <a:lnTo>
                    <a:pt x="8718804" y="480060"/>
                  </a:lnTo>
                  <a:lnTo>
                    <a:pt x="8718804" y="484632"/>
                  </a:lnTo>
                  <a:lnTo>
                    <a:pt x="8727948" y="484632"/>
                  </a:lnTo>
                  <a:lnTo>
                    <a:pt x="8727948" y="480060"/>
                  </a:lnTo>
                  <a:close/>
                </a:path>
                <a:path w="9052560" h="485139">
                  <a:moveTo>
                    <a:pt x="8741664" y="480060"/>
                  </a:moveTo>
                  <a:lnTo>
                    <a:pt x="8732520" y="480060"/>
                  </a:lnTo>
                  <a:lnTo>
                    <a:pt x="8732520" y="484632"/>
                  </a:lnTo>
                  <a:lnTo>
                    <a:pt x="8741664" y="484632"/>
                  </a:lnTo>
                  <a:lnTo>
                    <a:pt x="8741664" y="480060"/>
                  </a:lnTo>
                  <a:close/>
                </a:path>
                <a:path w="9052560" h="485139">
                  <a:moveTo>
                    <a:pt x="8755380" y="480060"/>
                  </a:moveTo>
                  <a:lnTo>
                    <a:pt x="8746236" y="480060"/>
                  </a:lnTo>
                  <a:lnTo>
                    <a:pt x="8746236" y="484632"/>
                  </a:lnTo>
                  <a:lnTo>
                    <a:pt x="8755380" y="484632"/>
                  </a:lnTo>
                  <a:lnTo>
                    <a:pt x="8755380" y="480060"/>
                  </a:lnTo>
                  <a:close/>
                </a:path>
                <a:path w="9052560" h="485139">
                  <a:moveTo>
                    <a:pt x="8769096" y="480060"/>
                  </a:moveTo>
                  <a:lnTo>
                    <a:pt x="8759952" y="480060"/>
                  </a:lnTo>
                  <a:lnTo>
                    <a:pt x="8759952" y="484632"/>
                  </a:lnTo>
                  <a:lnTo>
                    <a:pt x="8769096" y="484632"/>
                  </a:lnTo>
                  <a:lnTo>
                    <a:pt x="8769096" y="480060"/>
                  </a:lnTo>
                  <a:close/>
                </a:path>
                <a:path w="9052560" h="485139">
                  <a:moveTo>
                    <a:pt x="8782812" y="480060"/>
                  </a:moveTo>
                  <a:lnTo>
                    <a:pt x="8773668" y="480060"/>
                  </a:lnTo>
                  <a:lnTo>
                    <a:pt x="8773668" y="484632"/>
                  </a:lnTo>
                  <a:lnTo>
                    <a:pt x="8782812" y="484632"/>
                  </a:lnTo>
                  <a:lnTo>
                    <a:pt x="8782812" y="480060"/>
                  </a:lnTo>
                  <a:close/>
                </a:path>
                <a:path w="9052560" h="485139">
                  <a:moveTo>
                    <a:pt x="8796528" y="480060"/>
                  </a:moveTo>
                  <a:lnTo>
                    <a:pt x="8787384" y="480060"/>
                  </a:lnTo>
                  <a:lnTo>
                    <a:pt x="8787384" y="484632"/>
                  </a:lnTo>
                  <a:lnTo>
                    <a:pt x="8796528" y="484632"/>
                  </a:lnTo>
                  <a:lnTo>
                    <a:pt x="8796528" y="480060"/>
                  </a:lnTo>
                  <a:close/>
                </a:path>
                <a:path w="9052560" h="485139">
                  <a:moveTo>
                    <a:pt x="8810244" y="480060"/>
                  </a:moveTo>
                  <a:lnTo>
                    <a:pt x="8801100" y="480060"/>
                  </a:lnTo>
                  <a:lnTo>
                    <a:pt x="8801100" y="484632"/>
                  </a:lnTo>
                  <a:lnTo>
                    <a:pt x="8810244" y="484632"/>
                  </a:lnTo>
                  <a:lnTo>
                    <a:pt x="8810244" y="480060"/>
                  </a:lnTo>
                  <a:close/>
                </a:path>
                <a:path w="9052560" h="485139">
                  <a:moveTo>
                    <a:pt x="8823960" y="480060"/>
                  </a:moveTo>
                  <a:lnTo>
                    <a:pt x="8814816" y="480060"/>
                  </a:lnTo>
                  <a:lnTo>
                    <a:pt x="8814816" y="484632"/>
                  </a:lnTo>
                  <a:lnTo>
                    <a:pt x="8823960" y="484632"/>
                  </a:lnTo>
                  <a:lnTo>
                    <a:pt x="8823960" y="480060"/>
                  </a:lnTo>
                  <a:close/>
                </a:path>
                <a:path w="9052560" h="485139">
                  <a:moveTo>
                    <a:pt x="8837676" y="480060"/>
                  </a:moveTo>
                  <a:lnTo>
                    <a:pt x="8828532" y="480060"/>
                  </a:lnTo>
                  <a:lnTo>
                    <a:pt x="8828532" y="484632"/>
                  </a:lnTo>
                  <a:lnTo>
                    <a:pt x="8837676" y="484632"/>
                  </a:lnTo>
                  <a:lnTo>
                    <a:pt x="8837676" y="480060"/>
                  </a:lnTo>
                  <a:close/>
                </a:path>
                <a:path w="9052560" h="485139">
                  <a:moveTo>
                    <a:pt x="8851392" y="480060"/>
                  </a:moveTo>
                  <a:lnTo>
                    <a:pt x="8842248" y="480060"/>
                  </a:lnTo>
                  <a:lnTo>
                    <a:pt x="8842248" y="484632"/>
                  </a:lnTo>
                  <a:lnTo>
                    <a:pt x="8851392" y="484632"/>
                  </a:lnTo>
                  <a:lnTo>
                    <a:pt x="8851392" y="480060"/>
                  </a:lnTo>
                  <a:close/>
                </a:path>
                <a:path w="9052560" h="485139">
                  <a:moveTo>
                    <a:pt x="8865108" y="480060"/>
                  </a:moveTo>
                  <a:lnTo>
                    <a:pt x="8855964" y="480060"/>
                  </a:lnTo>
                  <a:lnTo>
                    <a:pt x="8855964" y="484632"/>
                  </a:lnTo>
                  <a:lnTo>
                    <a:pt x="8865108" y="484632"/>
                  </a:lnTo>
                  <a:lnTo>
                    <a:pt x="8865108" y="480060"/>
                  </a:lnTo>
                  <a:close/>
                </a:path>
                <a:path w="9052560" h="485139">
                  <a:moveTo>
                    <a:pt x="8878824" y="480060"/>
                  </a:moveTo>
                  <a:lnTo>
                    <a:pt x="8869680" y="480060"/>
                  </a:lnTo>
                  <a:lnTo>
                    <a:pt x="8869680" y="484632"/>
                  </a:lnTo>
                  <a:lnTo>
                    <a:pt x="8878824" y="484632"/>
                  </a:lnTo>
                  <a:lnTo>
                    <a:pt x="8878824" y="480060"/>
                  </a:lnTo>
                  <a:close/>
                </a:path>
                <a:path w="9052560" h="485139">
                  <a:moveTo>
                    <a:pt x="8892540" y="480060"/>
                  </a:moveTo>
                  <a:lnTo>
                    <a:pt x="8883396" y="480060"/>
                  </a:lnTo>
                  <a:lnTo>
                    <a:pt x="8883396" y="484632"/>
                  </a:lnTo>
                  <a:lnTo>
                    <a:pt x="8892540" y="484632"/>
                  </a:lnTo>
                  <a:lnTo>
                    <a:pt x="8892540" y="480060"/>
                  </a:lnTo>
                  <a:close/>
                </a:path>
                <a:path w="9052560" h="485139">
                  <a:moveTo>
                    <a:pt x="8906256" y="480060"/>
                  </a:moveTo>
                  <a:lnTo>
                    <a:pt x="8897112" y="480060"/>
                  </a:lnTo>
                  <a:lnTo>
                    <a:pt x="8897112" y="484632"/>
                  </a:lnTo>
                  <a:lnTo>
                    <a:pt x="8906256" y="484632"/>
                  </a:lnTo>
                  <a:lnTo>
                    <a:pt x="8906256" y="480060"/>
                  </a:lnTo>
                  <a:close/>
                </a:path>
                <a:path w="9052560" h="485139">
                  <a:moveTo>
                    <a:pt x="8919972" y="480060"/>
                  </a:moveTo>
                  <a:lnTo>
                    <a:pt x="8910828" y="480060"/>
                  </a:lnTo>
                  <a:lnTo>
                    <a:pt x="8910828" y="484632"/>
                  </a:lnTo>
                  <a:lnTo>
                    <a:pt x="8919972" y="484632"/>
                  </a:lnTo>
                  <a:lnTo>
                    <a:pt x="8919972" y="480060"/>
                  </a:lnTo>
                  <a:close/>
                </a:path>
                <a:path w="9052560" h="485139">
                  <a:moveTo>
                    <a:pt x="8933688" y="480060"/>
                  </a:moveTo>
                  <a:lnTo>
                    <a:pt x="8924544" y="480060"/>
                  </a:lnTo>
                  <a:lnTo>
                    <a:pt x="8924544" y="484632"/>
                  </a:lnTo>
                  <a:lnTo>
                    <a:pt x="8933688" y="484632"/>
                  </a:lnTo>
                  <a:lnTo>
                    <a:pt x="8933688" y="480060"/>
                  </a:lnTo>
                  <a:close/>
                </a:path>
                <a:path w="9052560" h="485139">
                  <a:moveTo>
                    <a:pt x="8947404" y="480060"/>
                  </a:moveTo>
                  <a:lnTo>
                    <a:pt x="8938260" y="480060"/>
                  </a:lnTo>
                  <a:lnTo>
                    <a:pt x="8938260" y="484632"/>
                  </a:lnTo>
                  <a:lnTo>
                    <a:pt x="8947404" y="484632"/>
                  </a:lnTo>
                  <a:lnTo>
                    <a:pt x="8947404" y="480060"/>
                  </a:lnTo>
                  <a:close/>
                </a:path>
                <a:path w="9052560" h="485139">
                  <a:moveTo>
                    <a:pt x="8961120" y="480060"/>
                  </a:moveTo>
                  <a:lnTo>
                    <a:pt x="8951976" y="480060"/>
                  </a:lnTo>
                  <a:lnTo>
                    <a:pt x="8951976" y="484632"/>
                  </a:lnTo>
                  <a:lnTo>
                    <a:pt x="8961120" y="484632"/>
                  </a:lnTo>
                  <a:lnTo>
                    <a:pt x="8961120" y="480060"/>
                  </a:lnTo>
                  <a:close/>
                </a:path>
                <a:path w="9052560" h="485139">
                  <a:moveTo>
                    <a:pt x="8974836" y="480060"/>
                  </a:moveTo>
                  <a:lnTo>
                    <a:pt x="8965692" y="480060"/>
                  </a:lnTo>
                  <a:lnTo>
                    <a:pt x="8965692" y="484632"/>
                  </a:lnTo>
                  <a:lnTo>
                    <a:pt x="8974836" y="484632"/>
                  </a:lnTo>
                  <a:lnTo>
                    <a:pt x="8974836" y="480060"/>
                  </a:lnTo>
                  <a:close/>
                </a:path>
                <a:path w="9052560" h="485139">
                  <a:moveTo>
                    <a:pt x="8988552" y="480060"/>
                  </a:moveTo>
                  <a:lnTo>
                    <a:pt x="8979408" y="480060"/>
                  </a:lnTo>
                  <a:lnTo>
                    <a:pt x="8979408" y="484632"/>
                  </a:lnTo>
                  <a:lnTo>
                    <a:pt x="8988552" y="484632"/>
                  </a:lnTo>
                  <a:lnTo>
                    <a:pt x="8988552" y="480060"/>
                  </a:lnTo>
                  <a:close/>
                </a:path>
                <a:path w="9052560" h="485139">
                  <a:moveTo>
                    <a:pt x="9002268" y="480060"/>
                  </a:moveTo>
                  <a:lnTo>
                    <a:pt x="8993124" y="480060"/>
                  </a:lnTo>
                  <a:lnTo>
                    <a:pt x="8993124" y="484632"/>
                  </a:lnTo>
                  <a:lnTo>
                    <a:pt x="9002268" y="484632"/>
                  </a:lnTo>
                  <a:lnTo>
                    <a:pt x="9002268" y="480060"/>
                  </a:lnTo>
                  <a:close/>
                </a:path>
                <a:path w="9052560" h="485139">
                  <a:moveTo>
                    <a:pt x="9015984" y="480060"/>
                  </a:moveTo>
                  <a:lnTo>
                    <a:pt x="9006840" y="480060"/>
                  </a:lnTo>
                  <a:lnTo>
                    <a:pt x="9006840" y="484632"/>
                  </a:lnTo>
                  <a:lnTo>
                    <a:pt x="9015984" y="484632"/>
                  </a:lnTo>
                  <a:lnTo>
                    <a:pt x="9015984" y="480060"/>
                  </a:lnTo>
                  <a:close/>
                </a:path>
                <a:path w="9052560" h="485139">
                  <a:moveTo>
                    <a:pt x="9029700" y="480060"/>
                  </a:moveTo>
                  <a:lnTo>
                    <a:pt x="9020556" y="480060"/>
                  </a:lnTo>
                  <a:lnTo>
                    <a:pt x="9020556" y="484632"/>
                  </a:lnTo>
                  <a:lnTo>
                    <a:pt x="9029700" y="484632"/>
                  </a:lnTo>
                  <a:lnTo>
                    <a:pt x="9029700" y="480060"/>
                  </a:lnTo>
                  <a:close/>
                </a:path>
                <a:path w="9052560" h="485139">
                  <a:moveTo>
                    <a:pt x="9043416" y="480060"/>
                  </a:moveTo>
                  <a:lnTo>
                    <a:pt x="9034272" y="480060"/>
                  </a:lnTo>
                  <a:lnTo>
                    <a:pt x="9034272" y="484632"/>
                  </a:lnTo>
                  <a:lnTo>
                    <a:pt x="9043416" y="484632"/>
                  </a:lnTo>
                  <a:lnTo>
                    <a:pt x="9043416" y="480060"/>
                  </a:lnTo>
                  <a:close/>
                </a:path>
                <a:path w="9052560" h="485139">
                  <a:moveTo>
                    <a:pt x="9052560" y="480060"/>
                  </a:moveTo>
                  <a:lnTo>
                    <a:pt x="9047988" y="480060"/>
                  </a:lnTo>
                  <a:lnTo>
                    <a:pt x="9047988" y="484632"/>
                  </a:lnTo>
                  <a:lnTo>
                    <a:pt x="9052560" y="484632"/>
                  </a:lnTo>
                  <a:lnTo>
                    <a:pt x="9052560" y="480060"/>
                  </a:lnTo>
                  <a:close/>
                </a:path>
              </a:pathLst>
            </a:custGeom>
            <a:solidFill>
              <a:srgbClr val="000000"/>
            </a:solidFill>
          </p:spPr>
          <p:txBody>
            <a:bodyPr wrap="square" lIns="0" tIns="0" rIns="0" bIns="0" rtlCol="0"/>
            <a:lstStyle/>
            <a:p>
              <a:endParaRPr sz="1539"/>
            </a:p>
          </p:txBody>
        </p:sp>
        <p:sp>
          <p:nvSpPr>
            <p:cNvPr id="49" name="object 49"/>
            <p:cNvSpPr/>
            <p:nvPr/>
          </p:nvSpPr>
          <p:spPr>
            <a:xfrm>
              <a:off x="626364" y="4056887"/>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5532" y="0"/>
                  </a:moveTo>
                  <a:lnTo>
                    <a:pt x="54864" y="0"/>
                  </a:lnTo>
                  <a:lnTo>
                    <a:pt x="54864" y="4572"/>
                  </a:lnTo>
                  <a:lnTo>
                    <a:pt x="65532" y="4572"/>
                  </a:lnTo>
                  <a:lnTo>
                    <a:pt x="65532" y="0"/>
                  </a:lnTo>
                  <a:close/>
                </a:path>
                <a:path w="969644" h="5079">
                  <a:moveTo>
                    <a:pt x="79248" y="0"/>
                  </a:moveTo>
                  <a:lnTo>
                    <a:pt x="68580" y="0"/>
                  </a:lnTo>
                  <a:lnTo>
                    <a:pt x="68580" y="4572"/>
                  </a:lnTo>
                  <a:lnTo>
                    <a:pt x="79248" y="4572"/>
                  </a:lnTo>
                  <a:lnTo>
                    <a:pt x="79248" y="0"/>
                  </a:lnTo>
                  <a:close/>
                </a:path>
                <a:path w="969644" h="5079">
                  <a:moveTo>
                    <a:pt x="92964" y="0"/>
                  </a:moveTo>
                  <a:lnTo>
                    <a:pt x="82296" y="0"/>
                  </a:lnTo>
                  <a:lnTo>
                    <a:pt x="82296" y="4572"/>
                  </a:lnTo>
                  <a:lnTo>
                    <a:pt x="92964" y="4572"/>
                  </a:lnTo>
                  <a:lnTo>
                    <a:pt x="92964" y="0"/>
                  </a:lnTo>
                  <a:close/>
                </a:path>
                <a:path w="969644" h="5079">
                  <a:moveTo>
                    <a:pt x="106680" y="0"/>
                  </a:moveTo>
                  <a:lnTo>
                    <a:pt x="96012" y="0"/>
                  </a:lnTo>
                  <a:lnTo>
                    <a:pt x="96012" y="4572"/>
                  </a:lnTo>
                  <a:lnTo>
                    <a:pt x="106680" y="4572"/>
                  </a:lnTo>
                  <a:lnTo>
                    <a:pt x="106680" y="0"/>
                  </a:lnTo>
                  <a:close/>
                </a:path>
                <a:path w="969644" h="5079">
                  <a:moveTo>
                    <a:pt x="120396" y="0"/>
                  </a:moveTo>
                  <a:lnTo>
                    <a:pt x="109728" y="0"/>
                  </a:lnTo>
                  <a:lnTo>
                    <a:pt x="109728" y="4572"/>
                  </a:lnTo>
                  <a:lnTo>
                    <a:pt x="120396" y="4572"/>
                  </a:lnTo>
                  <a:lnTo>
                    <a:pt x="120396" y="0"/>
                  </a:lnTo>
                  <a:close/>
                </a:path>
                <a:path w="969644" h="5079">
                  <a:moveTo>
                    <a:pt x="134112" y="0"/>
                  </a:moveTo>
                  <a:lnTo>
                    <a:pt x="123444" y="0"/>
                  </a:lnTo>
                  <a:lnTo>
                    <a:pt x="123444" y="4572"/>
                  </a:lnTo>
                  <a:lnTo>
                    <a:pt x="134112" y="4572"/>
                  </a:lnTo>
                  <a:lnTo>
                    <a:pt x="134112" y="0"/>
                  </a:lnTo>
                  <a:close/>
                </a:path>
                <a:path w="969644" h="5079">
                  <a:moveTo>
                    <a:pt x="147828" y="0"/>
                  </a:moveTo>
                  <a:lnTo>
                    <a:pt x="137160" y="0"/>
                  </a:lnTo>
                  <a:lnTo>
                    <a:pt x="137160" y="4572"/>
                  </a:lnTo>
                  <a:lnTo>
                    <a:pt x="147828" y="4572"/>
                  </a:lnTo>
                  <a:lnTo>
                    <a:pt x="147828" y="0"/>
                  </a:lnTo>
                  <a:close/>
                </a:path>
                <a:path w="969644" h="5079">
                  <a:moveTo>
                    <a:pt x="161544" y="0"/>
                  </a:moveTo>
                  <a:lnTo>
                    <a:pt x="150876" y="0"/>
                  </a:lnTo>
                  <a:lnTo>
                    <a:pt x="150876" y="4572"/>
                  </a:lnTo>
                  <a:lnTo>
                    <a:pt x="161544" y="4572"/>
                  </a:lnTo>
                  <a:lnTo>
                    <a:pt x="161544" y="0"/>
                  </a:lnTo>
                  <a:close/>
                </a:path>
                <a:path w="969644" h="5079">
                  <a:moveTo>
                    <a:pt x="175260" y="0"/>
                  </a:moveTo>
                  <a:lnTo>
                    <a:pt x="164592" y="0"/>
                  </a:lnTo>
                  <a:lnTo>
                    <a:pt x="164592" y="4572"/>
                  </a:lnTo>
                  <a:lnTo>
                    <a:pt x="175260" y="4572"/>
                  </a:lnTo>
                  <a:lnTo>
                    <a:pt x="175260" y="0"/>
                  </a:lnTo>
                  <a:close/>
                </a:path>
                <a:path w="969644" h="5079">
                  <a:moveTo>
                    <a:pt x="188976" y="0"/>
                  </a:moveTo>
                  <a:lnTo>
                    <a:pt x="178308" y="0"/>
                  </a:lnTo>
                  <a:lnTo>
                    <a:pt x="178308" y="4572"/>
                  </a:lnTo>
                  <a:lnTo>
                    <a:pt x="188976" y="4572"/>
                  </a:lnTo>
                  <a:lnTo>
                    <a:pt x="188976" y="0"/>
                  </a:lnTo>
                  <a:close/>
                </a:path>
                <a:path w="969644" h="5079">
                  <a:moveTo>
                    <a:pt x="202692" y="0"/>
                  </a:moveTo>
                  <a:lnTo>
                    <a:pt x="192024" y="0"/>
                  </a:lnTo>
                  <a:lnTo>
                    <a:pt x="192024" y="4572"/>
                  </a:lnTo>
                  <a:lnTo>
                    <a:pt x="202692" y="4572"/>
                  </a:lnTo>
                  <a:lnTo>
                    <a:pt x="202692" y="0"/>
                  </a:lnTo>
                  <a:close/>
                </a:path>
                <a:path w="969644" h="5079">
                  <a:moveTo>
                    <a:pt x="216408" y="0"/>
                  </a:moveTo>
                  <a:lnTo>
                    <a:pt x="205727" y="0"/>
                  </a:lnTo>
                  <a:lnTo>
                    <a:pt x="205727" y="4572"/>
                  </a:lnTo>
                  <a:lnTo>
                    <a:pt x="216408" y="4572"/>
                  </a:lnTo>
                  <a:lnTo>
                    <a:pt x="216408" y="0"/>
                  </a:lnTo>
                  <a:close/>
                </a:path>
                <a:path w="969644" h="5079">
                  <a:moveTo>
                    <a:pt x="230124" y="0"/>
                  </a:moveTo>
                  <a:lnTo>
                    <a:pt x="219456" y="0"/>
                  </a:lnTo>
                  <a:lnTo>
                    <a:pt x="219456" y="4572"/>
                  </a:lnTo>
                  <a:lnTo>
                    <a:pt x="230124" y="4572"/>
                  </a:lnTo>
                  <a:lnTo>
                    <a:pt x="230124" y="0"/>
                  </a:lnTo>
                  <a:close/>
                </a:path>
                <a:path w="969644" h="5079">
                  <a:moveTo>
                    <a:pt x="243840" y="0"/>
                  </a:moveTo>
                  <a:lnTo>
                    <a:pt x="233172" y="0"/>
                  </a:lnTo>
                  <a:lnTo>
                    <a:pt x="233172" y="4572"/>
                  </a:lnTo>
                  <a:lnTo>
                    <a:pt x="243840" y="4572"/>
                  </a:lnTo>
                  <a:lnTo>
                    <a:pt x="243840" y="0"/>
                  </a:lnTo>
                  <a:close/>
                </a:path>
                <a:path w="969644" h="5079">
                  <a:moveTo>
                    <a:pt x="257556" y="0"/>
                  </a:moveTo>
                  <a:lnTo>
                    <a:pt x="246888" y="0"/>
                  </a:lnTo>
                  <a:lnTo>
                    <a:pt x="246888" y="4572"/>
                  </a:lnTo>
                  <a:lnTo>
                    <a:pt x="257556" y="4572"/>
                  </a:lnTo>
                  <a:lnTo>
                    <a:pt x="257556" y="0"/>
                  </a:lnTo>
                  <a:close/>
                </a:path>
                <a:path w="969644" h="5079">
                  <a:moveTo>
                    <a:pt x="271272" y="0"/>
                  </a:moveTo>
                  <a:lnTo>
                    <a:pt x="260604" y="0"/>
                  </a:lnTo>
                  <a:lnTo>
                    <a:pt x="260604" y="4572"/>
                  </a:lnTo>
                  <a:lnTo>
                    <a:pt x="271272" y="4572"/>
                  </a:lnTo>
                  <a:lnTo>
                    <a:pt x="271272" y="0"/>
                  </a:lnTo>
                  <a:close/>
                </a:path>
                <a:path w="969644" h="5079">
                  <a:moveTo>
                    <a:pt x="284988" y="0"/>
                  </a:moveTo>
                  <a:lnTo>
                    <a:pt x="274320" y="0"/>
                  </a:lnTo>
                  <a:lnTo>
                    <a:pt x="274320" y="4572"/>
                  </a:lnTo>
                  <a:lnTo>
                    <a:pt x="284988" y="4572"/>
                  </a:lnTo>
                  <a:lnTo>
                    <a:pt x="284988" y="0"/>
                  </a:lnTo>
                  <a:close/>
                </a:path>
                <a:path w="969644" h="5079">
                  <a:moveTo>
                    <a:pt x="298704" y="0"/>
                  </a:moveTo>
                  <a:lnTo>
                    <a:pt x="288036" y="0"/>
                  </a:lnTo>
                  <a:lnTo>
                    <a:pt x="288036" y="4572"/>
                  </a:lnTo>
                  <a:lnTo>
                    <a:pt x="298704" y="4572"/>
                  </a:lnTo>
                  <a:lnTo>
                    <a:pt x="298704" y="0"/>
                  </a:lnTo>
                  <a:close/>
                </a:path>
                <a:path w="969644" h="5079">
                  <a:moveTo>
                    <a:pt x="312420" y="0"/>
                  </a:moveTo>
                  <a:lnTo>
                    <a:pt x="301752" y="0"/>
                  </a:lnTo>
                  <a:lnTo>
                    <a:pt x="301752" y="4572"/>
                  </a:lnTo>
                  <a:lnTo>
                    <a:pt x="312420" y="4572"/>
                  </a:lnTo>
                  <a:lnTo>
                    <a:pt x="312420" y="0"/>
                  </a:lnTo>
                  <a:close/>
                </a:path>
                <a:path w="969644" h="5079">
                  <a:moveTo>
                    <a:pt x="326136" y="0"/>
                  </a:moveTo>
                  <a:lnTo>
                    <a:pt x="315468" y="0"/>
                  </a:lnTo>
                  <a:lnTo>
                    <a:pt x="315468" y="4572"/>
                  </a:lnTo>
                  <a:lnTo>
                    <a:pt x="326136" y="4572"/>
                  </a:lnTo>
                  <a:lnTo>
                    <a:pt x="326136" y="0"/>
                  </a:lnTo>
                  <a:close/>
                </a:path>
                <a:path w="969644" h="5079">
                  <a:moveTo>
                    <a:pt x="339852" y="0"/>
                  </a:moveTo>
                  <a:lnTo>
                    <a:pt x="329184" y="0"/>
                  </a:lnTo>
                  <a:lnTo>
                    <a:pt x="329184" y="4572"/>
                  </a:lnTo>
                  <a:lnTo>
                    <a:pt x="339852" y="4572"/>
                  </a:lnTo>
                  <a:lnTo>
                    <a:pt x="339852" y="0"/>
                  </a:lnTo>
                  <a:close/>
                </a:path>
                <a:path w="969644" h="5079">
                  <a:moveTo>
                    <a:pt x="353568" y="0"/>
                  </a:moveTo>
                  <a:lnTo>
                    <a:pt x="342900" y="0"/>
                  </a:lnTo>
                  <a:lnTo>
                    <a:pt x="342900" y="4572"/>
                  </a:lnTo>
                  <a:lnTo>
                    <a:pt x="353568" y="4572"/>
                  </a:lnTo>
                  <a:lnTo>
                    <a:pt x="353568" y="0"/>
                  </a:lnTo>
                  <a:close/>
                </a:path>
                <a:path w="969644" h="5079">
                  <a:moveTo>
                    <a:pt x="367284" y="0"/>
                  </a:moveTo>
                  <a:lnTo>
                    <a:pt x="356616" y="0"/>
                  </a:lnTo>
                  <a:lnTo>
                    <a:pt x="356616" y="4572"/>
                  </a:lnTo>
                  <a:lnTo>
                    <a:pt x="367284" y="4572"/>
                  </a:lnTo>
                  <a:lnTo>
                    <a:pt x="367284" y="0"/>
                  </a:lnTo>
                  <a:close/>
                </a:path>
                <a:path w="969644" h="5079">
                  <a:moveTo>
                    <a:pt x="381000" y="0"/>
                  </a:moveTo>
                  <a:lnTo>
                    <a:pt x="370332" y="0"/>
                  </a:lnTo>
                  <a:lnTo>
                    <a:pt x="370332" y="4572"/>
                  </a:lnTo>
                  <a:lnTo>
                    <a:pt x="381000" y="4572"/>
                  </a:lnTo>
                  <a:lnTo>
                    <a:pt x="381000" y="0"/>
                  </a:lnTo>
                  <a:close/>
                </a:path>
                <a:path w="969644" h="5079">
                  <a:moveTo>
                    <a:pt x="394716" y="0"/>
                  </a:moveTo>
                  <a:lnTo>
                    <a:pt x="384048" y="0"/>
                  </a:lnTo>
                  <a:lnTo>
                    <a:pt x="384048" y="4572"/>
                  </a:lnTo>
                  <a:lnTo>
                    <a:pt x="394716" y="4572"/>
                  </a:lnTo>
                  <a:lnTo>
                    <a:pt x="394716" y="0"/>
                  </a:lnTo>
                  <a:close/>
                </a:path>
                <a:path w="969644" h="5079">
                  <a:moveTo>
                    <a:pt x="408432" y="0"/>
                  </a:moveTo>
                  <a:lnTo>
                    <a:pt x="397764" y="0"/>
                  </a:lnTo>
                  <a:lnTo>
                    <a:pt x="397764" y="4572"/>
                  </a:lnTo>
                  <a:lnTo>
                    <a:pt x="408432" y="4572"/>
                  </a:lnTo>
                  <a:lnTo>
                    <a:pt x="408432" y="0"/>
                  </a:lnTo>
                  <a:close/>
                </a:path>
                <a:path w="969644" h="5079">
                  <a:moveTo>
                    <a:pt x="422148" y="0"/>
                  </a:moveTo>
                  <a:lnTo>
                    <a:pt x="411480" y="0"/>
                  </a:lnTo>
                  <a:lnTo>
                    <a:pt x="411480" y="4572"/>
                  </a:lnTo>
                  <a:lnTo>
                    <a:pt x="422148" y="4572"/>
                  </a:lnTo>
                  <a:lnTo>
                    <a:pt x="422148" y="0"/>
                  </a:lnTo>
                  <a:close/>
                </a:path>
                <a:path w="969644" h="5079">
                  <a:moveTo>
                    <a:pt x="435864" y="0"/>
                  </a:moveTo>
                  <a:lnTo>
                    <a:pt x="425196" y="0"/>
                  </a:lnTo>
                  <a:lnTo>
                    <a:pt x="425196" y="4572"/>
                  </a:lnTo>
                  <a:lnTo>
                    <a:pt x="435864" y="4572"/>
                  </a:lnTo>
                  <a:lnTo>
                    <a:pt x="435864" y="0"/>
                  </a:lnTo>
                  <a:close/>
                </a:path>
                <a:path w="969644" h="5079">
                  <a:moveTo>
                    <a:pt x="449580" y="0"/>
                  </a:moveTo>
                  <a:lnTo>
                    <a:pt x="438912" y="0"/>
                  </a:lnTo>
                  <a:lnTo>
                    <a:pt x="438912" y="4572"/>
                  </a:lnTo>
                  <a:lnTo>
                    <a:pt x="449580" y="4572"/>
                  </a:lnTo>
                  <a:lnTo>
                    <a:pt x="449580" y="0"/>
                  </a:lnTo>
                  <a:close/>
                </a:path>
                <a:path w="969644" h="5079">
                  <a:moveTo>
                    <a:pt x="463296" y="0"/>
                  </a:moveTo>
                  <a:lnTo>
                    <a:pt x="452628" y="0"/>
                  </a:lnTo>
                  <a:lnTo>
                    <a:pt x="452628" y="4572"/>
                  </a:lnTo>
                  <a:lnTo>
                    <a:pt x="463296" y="4572"/>
                  </a:lnTo>
                  <a:lnTo>
                    <a:pt x="463296" y="0"/>
                  </a:lnTo>
                  <a:close/>
                </a:path>
                <a:path w="969644" h="5079">
                  <a:moveTo>
                    <a:pt x="477012" y="0"/>
                  </a:moveTo>
                  <a:lnTo>
                    <a:pt x="466344" y="0"/>
                  </a:lnTo>
                  <a:lnTo>
                    <a:pt x="466344" y="4572"/>
                  </a:lnTo>
                  <a:lnTo>
                    <a:pt x="477012" y="4572"/>
                  </a:lnTo>
                  <a:lnTo>
                    <a:pt x="477012" y="0"/>
                  </a:lnTo>
                  <a:close/>
                </a:path>
                <a:path w="969644" h="5079">
                  <a:moveTo>
                    <a:pt x="490728" y="0"/>
                  </a:moveTo>
                  <a:lnTo>
                    <a:pt x="480060" y="0"/>
                  </a:lnTo>
                  <a:lnTo>
                    <a:pt x="480060" y="4572"/>
                  </a:lnTo>
                  <a:lnTo>
                    <a:pt x="490728" y="4572"/>
                  </a:lnTo>
                  <a:lnTo>
                    <a:pt x="490728" y="0"/>
                  </a:lnTo>
                  <a:close/>
                </a:path>
                <a:path w="969644" h="5079">
                  <a:moveTo>
                    <a:pt x="504444" y="0"/>
                  </a:moveTo>
                  <a:lnTo>
                    <a:pt x="493776" y="0"/>
                  </a:lnTo>
                  <a:lnTo>
                    <a:pt x="493776" y="4572"/>
                  </a:lnTo>
                  <a:lnTo>
                    <a:pt x="504444" y="4572"/>
                  </a:lnTo>
                  <a:lnTo>
                    <a:pt x="504444" y="0"/>
                  </a:lnTo>
                  <a:close/>
                </a:path>
                <a:path w="969644" h="5079">
                  <a:moveTo>
                    <a:pt x="518160" y="0"/>
                  </a:moveTo>
                  <a:lnTo>
                    <a:pt x="507492" y="0"/>
                  </a:lnTo>
                  <a:lnTo>
                    <a:pt x="507492" y="4572"/>
                  </a:lnTo>
                  <a:lnTo>
                    <a:pt x="518160" y="4572"/>
                  </a:lnTo>
                  <a:lnTo>
                    <a:pt x="518160" y="0"/>
                  </a:lnTo>
                  <a:close/>
                </a:path>
                <a:path w="969644" h="5079">
                  <a:moveTo>
                    <a:pt x="531876" y="0"/>
                  </a:moveTo>
                  <a:lnTo>
                    <a:pt x="521208" y="0"/>
                  </a:lnTo>
                  <a:lnTo>
                    <a:pt x="521208" y="4572"/>
                  </a:lnTo>
                  <a:lnTo>
                    <a:pt x="531876" y="4572"/>
                  </a:lnTo>
                  <a:lnTo>
                    <a:pt x="531876" y="0"/>
                  </a:lnTo>
                  <a:close/>
                </a:path>
                <a:path w="969644" h="5079">
                  <a:moveTo>
                    <a:pt x="545592" y="0"/>
                  </a:moveTo>
                  <a:lnTo>
                    <a:pt x="534924" y="0"/>
                  </a:lnTo>
                  <a:lnTo>
                    <a:pt x="534924" y="4572"/>
                  </a:lnTo>
                  <a:lnTo>
                    <a:pt x="545592" y="4572"/>
                  </a:lnTo>
                  <a:lnTo>
                    <a:pt x="545592" y="0"/>
                  </a:lnTo>
                  <a:close/>
                </a:path>
                <a:path w="969644" h="5079">
                  <a:moveTo>
                    <a:pt x="559308" y="0"/>
                  </a:moveTo>
                  <a:lnTo>
                    <a:pt x="548640" y="0"/>
                  </a:lnTo>
                  <a:lnTo>
                    <a:pt x="548640" y="4572"/>
                  </a:lnTo>
                  <a:lnTo>
                    <a:pt x="559308" y="4572"/>
                  </a:lnTo>
                  <a:lnTo>
                    <a:pt x="559308" y="0"/>
                  </a:lnTo>
                  <a:close/>
                </a:path>
                <a:path w="969644" h="5079">
                  <a:moveTo>
                    <a:pt x="573024" y="0"/>
                  </a:moveTo>
                  <a:lnTo>
                    <a:pt x="562356" y="0"/>
                  </a:lnTo>
                  <a:lnTo>
                    <a:pt x="562356" y="4572"/>
                  </a:lnTo>
                  <a:lnTo>
                    <a:pt x="573024" y="4572"/>
                  </a:lnTo>
                  <a:lnTo>
                    <a:pt x="573024" y="0"/>
                  </a:lnTo>
                  <a:close/>
                </a:path>
                <a:path w="969644" h="5079">
                  <a:moveTo>
                    <a:pt x="586740" y="0"/>
                  </a:moveTo>
                  <a:lnTo>
                    <a:pt x="576072" y="0"/>
                  </a:lnTo>
                  <a:lnTo>
                    <a:pt x="576072" y="4572"/>
                  </a:lnTo>
                  <a:lnTo>
                    <a:pt x="586740" y="4572"/>
                  </a:lnTo>
                  <a:lnTo>
                    <a:pt x="586740" y="0"/>
                  </a:lnTo>
                  <a:close/>
                </a:path>
                <a:path w="969644" h="5079">
                  <a:moveTo>
                    <a:pt x="600456" y="0"/>
                  </a:moveTo>
                  <a:lnTo>
                    <a:pt x="589788" y="0"/>
                  </a:lnTo>
                  <a:lnTo>
                    <a:pt x="589788" y="4572"/>
                  </a:lnTo>
                  <a:lnTo>
                    <a:pt x="600456" y="4572"/>
                  </a:lnTo>
                  <a:lnTo>
                    <a:pt x="600456" y="0"/>
                  </a:lnTo>
                  <a:close/>
                </a:path>
                <a:path w="969644" h="5079">
                  <a:moveTo>
                    <a:pt x="614172" y="0"/>
                  </a:moveTo>
                  <a:lnTo>
                    <a:pt x="603504" y="0"/>
                  </a:lnTo>
                  <a:lnTo>
                    <a:pt x="603504" y="4572"/>
                  </a:lnTo>
                  <a:lnTo>
                    <a:pt x="614172" y="4572"/>
                  </a:lnTo>
                  <a:lnTo>
                    <a:pt x="614172" y="0"/>
                  </a:lnTo>
                  <a:close/>
                </a:path>
                <a:path w="969644" h="5079">
                  <a:moveTo>
                    <a:pt x="627888" y="0"/>
                  </a:moveTo>
                  <a:lnTo>
                    <a:pt x="617220" y="0"/>
                  </a:lnTo>
                  <a:lnTo>
                    <a:pt x="617220" y="4572"/>
                  </a:lnTo>
                  <a:lnTo>
                    <a:pt x="627888" y="4572"/>
                  </a:lnTo>
                  <a:lnTo>
                    <a:pt x="627888" y="0"/>
                  </a:lnTo>
                  <a:close/>
                </a:path>
                <a:path w="969644" h="5079">
                  <a:moveTo>
                    <a:pt x="641604" y="0"/>
                  </a:moveTo>
                  <a:lnTo>
                    <a:pt x="630936" y="0"/>
                  </a:lnTo>
                  <a:lnTo>
                    <a:pt x="630936" y="4572"/>
                  </a:lnTo>
                  <a:lnTo>
                    <a:pt x="641604" y="4572"/>
                  </a:lnTo>
                  <a:lnTo>
                    <a:pt x="641604" y="0"/>
                  </a:lnTo>
                  <a:close/>
                </a:path>
                <a:path w="969644" h="5079">
                  <a:moveTo>
                    <a:pt x="655320" y="0"/>
                  </a:moveTo>
                  <a:lnTo>
                    <a:pt x="644652" y="0"/>
                  </a:lnTo>
                  <a:lnTo>
                    <a:pt x="644652" y="4572"/>
                  </a:lnTo>
                  <a:lnTo>
                    <a:pt x="655320" y="4572"/>
                  </a:lnTo>
                  <a:lnTo>
                    <a:pt x="655320" y="0"/>
                  </a:lnTo>
                  <a:close/>
                </a:path>
                <a:path w="969644" h="5079">
                  <a:moveTo>
                    <a:pt x="669036" y="0"/>
                  </a:moveTo>
                  <a:lnTo>
                    <a:pt x="658368" y="0"/>
                  </a:lnTo>
                  <a:lnTo>
                    <a:pt x="658368" y="4572"/>
                  </a:lnTo>
                  <a:lnTo>
                    <a:pt x="669036" y="4572"/>
                  </a:lnTo>
                  <a:lnTo>
                    <a:pt x="669036" y="0"/>
                  </a:lnTo>
                  <a:close/>
                </a:path>
                <a:path w="969644" h="5079">
                  <a:moveTo>
                    <a:pt x="682752" y="0"/>
                  </a:moveTo>
                  <a:lnTo>
                    <a:pt x="672084" y="0"/>
                  </a:lnTo>
                  <a:lnTo>
                    <a:pt x="672084" y="4572"/>
                  </a:lnTo>
                  <a:lnTo>
                    <a:pt x="682752" y="4572"/>
                  </a:lnTo>
                  <a:lnTo>
                    <a:pt x="682752" y="0"/>
                  </a:lnTo>
                  <a:close/>
                </a:path>
                <a:path w="969644" h="5079">
                  <a:moveTo>
                    <a:pt x="696468" y="0"/>
                  </a:moveTo>
                  <a:lnTo>
                    <a:pt x="685800" y="0"/>
                  </a:lnTo>
                  <a:lnTo>
                    <a:pt x="685800" y="4572"/>
                  </a:lnTo>
                  <a:lnTo>
                    <a:pt x="696468" y="4572"/>
                  </a:lnTo>
                  <a:lnTo>
                    <a:pt x="696468" y="0"/>
                  </a:lnTo>
                  <a:close/>
                </a:path>
                <a:path w="969644" h="5079">
                  <a:moveTo>
                    <a:pt x="710184" y="0"/>
                  </a:moveTo>
                  <a:lnTo>
                    <a:pt x="699516" y="0"/>
                  </a:lnTo>
                  <a:lnTo>
                    <a:pt x="699516" y="4572"/>
                  </a:lnTo>
                  <a:lnTo>
                    <a:pt x="710184" y="4572"/>
                  </a:lnTo>
                  <a:lnTo>
                    <a:pt x="710184" y="0"/>
                  </a:lnTo>
                  <a:close/>
                </a:path>
                <a:path w="969644" h="5079">
                  <a:moveTo>
                    <a:pt x="723900" y="0"/>
                  </a:moveTo>
                  <a:lnTo>
                    <a:pt x="713232" y="0"/>
                  </a:lnTo>
                  <a:lnTo>
                    <a:pt x="713232" y="4572"/>
                  </a:lnTo>
                  <a:lnTo>
                    <a:pt x="723900" y="4572"/>
                  </a:lnTo>
                  <a:lnTo>
                    <a:pt x="723900" y="0"/>
                  </a:lnTo>
                  <a:close/>
                </a:path>
                <a:path w="969644" h="5079">
                  <a:moveTo>
                    <a:pt x="737616" y="0"/>
                  </a:moveTo>
                  <a:lnTo>
                    <a:pt x="726948" y="0"/>
                  </a:lnTo>
                  <a:lnTo>
                    <a:pt x="726948" y="4572"/>
                  </a:lnTo>
                  <a:lnTo>
                    <a:pt x="737616" y="4572"/>
                  </a:lnTo>
                  <a:lnTo>
                    <a:pt x="737616" y="0"/>
                  </a:lnTo>
                  <a:close/>
                </a:path>
                <a:path w="969644" h="5079">
                  <a:moveTo>
                    <a:pt x="751332" y="0"/>
                  </a:moveTo>
                  <a:lnTo>
                    <a:pt x="740664" y="0"/>
                  </a:lnTo>
                  <a:lnTo>
                    <a:pt x="740664" y="4572"/>
                  </a:lnTo>
                  <a:lnTo>
                    <a:pt x="751332" y="4572"/>
                  </a:lnTo>
                  <a:lnTo>
                    <a:pt x="751332" y="0"/>
                  </a:lnTo>
                  <a:close/>
                </a:path>
                <a:path w="969644" h="5079">
                  <a:moveTo>
                    <a:pt x="765048" y="0"/>
                  </a:moveTo>
                  <a:lnTo>
                    <a:pt x="754380" y="0"/>
                  </a:lnTo>
                  <a:lnTo>
                    <a:pt x="754380" y="4572"/>
                  </a:lnTo>
                  <a:lnTo>
                    <a:pt x="765048" y="4572"/>
                  </a:lnTo>
                  <a:lnTo>
                    <a:pt x="765048" y="0"/>
                  </a:lnTo>
                  <a:close/>
                </a:path>
                <a:path w="969644" h="5079">
                  <a:moveTo>
                    <a:pt x="778764" y="0"/>
                  </a:moveTo>
                  <a:lnTo>
                    <a:pt x="768096" y="0"/>
                  </a:lnTo>
                  <a:lnTo>
                    <a:pt x="768096" y="4572"/>
                  </a:lnTo>
                  <a:lnTo>
                    <a:pt x="778764" y="4572"/>
                  </a:lnTo>
                  <a:lnTo>
                    <a:pt x="778764" y="0"/>
                  </a:lnTo>
                  <a:close/>
                </a:path>
                <a:path w="969644" h="5079">
                  <a:moveTo>
                    <a:pt x="792480" y="0"/>
                  </a:moveTo>
                  <a:lnTo>
                    <a:pt x="781812" y="0"/>
                  </a:lnTo>
                  <a:lnTo>
                    <a:pt x="781812" y="4572"/>
                  </a:lnTo>
                  <a:lnTo>
                    <a:pt x="792480" y="4572"/>
                  </a:lnTo>
                  <a:lnTo>
                    <a:pt x="792480" y="0"/>
                  </a:lnTo>
                  <a:close/>
                </a:path>
                <a:path w="969644" h="5079">
                  <a:moveTo>
                    <a:pt x="806196" y="0"/>
                  </a:moveTo>
                  <a:lnTo>
                    <a:pt x="795528" y="0"/>
                  </a:lnTo>
                  <a:lnTo>
                    <a:pt x="795528" y="4572"/>
                  </a:lnTo>
                  <a:lnTo>
                    <a:pt x="806196" y="4572"/>
                  </a:lnTo>
                  <a:lnTo>
                    <a:pt x="806196" y="0"/>
                  </a:lnTo>
                  <a:close/>
                </a:path>
                <a:path w="969644" h="5079">
                  <a:moveTo>
                    <a:pt x="819912" y="0"/>
                  </a:moveTo>
                  <a:lnTo>
                    <a:pt x="809244" y="0"/>
                  </a:lnTo>
                  <a:lnTo>
                    <a:pt x="809244" y="4572"/>
                  </a:lnTo>
                  <a:lnTo>
                    <a:pt x="819912" y="4572"/>
                  </a:lnTo>
                  <a:lnTo>
                    <a:pt x="819912" y="0"/>
                  </a:lnTo>
                  <a:close/>
                </a:path>
                <a:path w="969644" h="5079">
                  <a:moveTo>
                    <a:pt x="833628" y="0"/>
                  </a:moveTo>
                  <a:lnTo>
                    <a:pt x="822960" y="0"/>
                  </a:lnTo>
                  <a:lnTo>
                    <a:pt x="822960" y="4572"/>
                  </a:lnTo>
                  <a:lnTo>
                    <a:pt x="833628" y="4572"/>
                  </a:lnTo>
                  <a:lnTo>
                    <a:pt x="833628" y="0"/>
                  </a:lnTo>
                  <a:close/>
                </a:path>
                <a:path w="969644" h="5079">
                  <a:moveTo>
                    <a:pt x="847344" y="0"/>
                  </a:moveTo>
                  <a:lnTo>
                    <a:pt x="836676" y="0"/>
                  </a:lnTo>
                  <a:lnTo>
                    <a:pt x="836676" y="4572"/>
                  </a:lnTo>
                  <a:lnTo>
                    <a:pt x="847344" y="4572"/>
                  </a:lnTo>
                  <a:lnTo>
                    <a:pt x="847344" y="0"/>
                  </a:lnTo>
                  <a:close/>
                </a:path>
                <a:path w="969644" h="5079">
                  <a:moveTo>
                    <a:pt x="861060" y="0"/>
                  </a:moveTo>
                  <a:lnTo>
                    <a:pt x="850392" y="0"/>
                  </a:lnTo>
                  <a:lnTo>
                    <a:pt x="850392" y="4572"/>
                  </a:lnTo>
                  <a:lnTo>
                    <a:pt x="861060" y="4572"/>
                  </a:lnTo>
                  <a:lnTo>
                    <a:pt x="861060" y="0"/>
                  </a:lnTo>
                  <a:close/>
                </a:path>
                <a:path w="969644" h="5079">
                  <a:moveTo>
                    <a:pt x="874776" y="0"/>
                  </a:moveTo>
                  <a:lnTo>
                    <a:pt x="864108" y="0"/>
                  </a:lnTo>
                  <a:lnTo>
                    <a:pt x="864108" y="4572"/>
                  </a:lnTo>
                  <a:lnTo>
                    <a:pt x="874776" y="4572"/>
                  </a:lnTo>
                  <a:lnTo>
                    <a:pt x="874776" y="0"/>
                  </a:lnTo>
                  <a:close/>
                </a:path>
                <a:path w="969644" h="5079">
                  <a:moveTo>
                    <a:pt x="888492" y="0"/>
                  </a:moveTo>
                  <a:lnTo>
                    <a:pt x="877824" y="0"/>
                  </a:lnTo>
                  <a:lnTo>
                    <a:pt x="877824" y="4572"/>
                  </a:lnTo>
                  <a:lnTo>
                    <a:pt x="888492" y="4572"/>
                  </a:lnTo>
                  <a:lnTo>
                    <a:pt x="888492" y="0"/>
                  </a:lnTo>
                  <a:close/>
                </a:path>
                <a:path w="969644" h="5079">
                  <a:moveTo>
                    <a:pt x="902208" y="0"/>
                  </a:moveTo>
                  <a:lnTo>
                    <a:pt x="891540" y="0"/>
                  </a:lnTo>
                  <a:lnTo>
                    <a:pt x="891540" y="4572"/>
                  </a:lnTo>
                  <a:lnTo>
                    <a:pt x="902208" y="4572"/>
                  </a:lnTo>
                  <a:lnTo>
                    <a:pt x="902208" y="0"/>
                  </a:lnTo>
                  <a:close/>
                </a:path>
                <a:path w="969644" h="5079">
                  <a:moveTo>
                    <a:pt x="914400" y="0"/>
                  </a:moveTo>
                  <a:lnTo>
                    <a:pt x="905256" y="0"/>
                  </a:lnTo>
                  <a:lnTo>
                    <a:pt x="905256" y="4572"/>
                  </a:lnTo>
                  <a:lnTo>
                    <a:pt x="914400" y="4572"/>
                  </a:lnTo>
                  <a:lnTo>
                    <a:pt x="914400" y="0"/>
                  </a:lnTo>
                  <a:close/>
                </a:path>
                <a:path w="969644" h="5079">
                  <a:moveTo>
                    <a:pt x="928116" y="0"/>
                  </a:moveTo>
                  <a:lnTo>
                    <a:pt x="918972" y="0"/>
                  </a:lnTo>
                  <a:lnTo>
                    <a:pt x="918972" y="4572"/>
                  </a:lnTo>
                  <a:lnTo>
                    <a:pt x="928116" y="4572"/>
                  </a:lnTo>
                  <a:lnTo>
                    <a:pt x="928116" y="0"/>
                  </a:lnTo>
                  <a:close/>
                </a:path>
                <a:path w="969644" h="5079">
                  <a:moveTo>
                    <a:pt x="941832" y="0"/>
                  </a:moveTo>
                  <a:lnTo>
                    <a:pt x="932688" y="0"/>
                  </a:lnTo>
                  <a:lnTo>
                    <a:pt x="932688" y="4572"/>
                  </a:lnTo>
                  <a:lnTo>
                    <a:pt x="941832" y="4572"/>
                  </a:lnTo>
                  <a:lnTo>
                    <a:pt x="941832" y="0"/>
                  </a:lnTo>
                  <a:close/>
                </a:path>
                <a:path w="969644" h="5079">
                  <a:moveTo>
                    <a:pt x="955548" y="0"/>
                  </a:moveTo>
                  <a:lnTo>
                    <a:pt x="946404" y="0"/>
                  </a:lnTo>
                  <a:lnTo>
                    <a:pt x="946404" y="4572"/>
                  </a:lnTo>
                  <a:lnTo>
                    <a:pt x="955548" y="4572"/>
                  </a:lnTo>
                  <a:lnTo>
                    <a:pt x="955548" y="0"/>
                  </a:lnTo>
                  <a:close/>
                </a:path>
                <a:path w="969644"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50" name="object 50"/>
            <p:cNvSpPr/>
            <p:nvPr/>
          </p:nvSpPr>
          <p:spPr>
            <a:xfrm>
              <a:off x="1586484" y="4056887"/>
              <a:ext cx="969644" cy="5080"/>
            </a:xfrm>
            <a:custGeom>
              <a:avLst/>
              <a:gdLst/>
              <a:ahLst/>
              <a:cxnLst/>
              <a:rect l="l" t="t" r="r" b="b"/>
              <a:pathLst>
                <a:path w="969644" h="5079">
                  <a:moveTo>
                    <a:pt x="9144" y="0"/>
                  </a:moveTo>
                  <a:lnTo>
                    <a:pt x="0" y="0"/>
                  </a:lnTo>
                  <a:lnTo>
                    <a:pt x="0" y="4572"/>
                  </a:lnTo>
                  <a:lnTo>
                    <a:pt x="9144" y="4572"/>
                  </a:lnTo>
                  <a:lnTo>
                    <a:pt x="9144" y="0"/>
                  </a:lnTo>
                  <a:close/>
                </a:path>
                <a:path w="969644" h="5079">
                  <a:moveTo>
                    <a:pt x="22860" y="0"/>
                  </a:moveTo>
                  <a:lnTo>
                    <a:pt x="13716" y="0"/>
                  </a:lnTo>
                  <a:lnTo>
                    <a:pt x="13716" y="4572"/>
                  </a:lnTo>
                  <a:lnTo>
                    <a:pt x="22860" y="4572"/>
                  </a:lnTo>
                  <a:lnTo>
                    <a:pt x="22860" y="0"/>
                  </a:lnTo>
                  <a:close/>
                </a:path>
                <a:path w="969644" h="5079">
                  <a:moveTo>
                    <a:pt x="36576" y="0"/>
                  </a:moveTo>
                  <a:lnTo>
                    <a:pt x="27432" y="0"/>
                  </a:lnTo>
                  <a:lnTo>
                    <a:pt x="27432" y="4572"/>
                  </a:lnTo>
                  <a:lnTo>
                    <a:pt x="36576" y="4572"/>
                  </a:lnTo>
                  <a:lnTo>
                    <a:pt x="36576" y="0"/>
                  </a:lnTo>
                  <a:close/>
                </a:path>
                <a:path w="969644" h="5079">
                  <a:moveTo>
                    <a:pt x="50292" y="0"/>
                  </a:moveTo>
                  <a:lnTo>
                    <a:pt x="41148" y="0"/>
                  </a:lnTo>
                  <a:lnTo>
                    <a:pt x="41148" y="4572"/>
                  </a:lnTo>
                  <a:lnTo>
                    <a:pt x="50292" y="4572"/>
                  </a:lnTo>
                  <a:lnTo>
                    <a:pt x="50292" y="0"/>
                  </a:lnTo>
                  <a:close/>
                </a:path>
                <a:path w="969644" h="5079">
                  <a:moveTo>
                    <a:pt x="64008" y="0"/>
                  </a:moveTo>
                  <a:lnTo>
                    <a:pt x="54864" y="0"/>
                  </a:lnTo>
                  <a:lnTo>
                    <a:pt x="54864" y="4572"/>
                  </a:lnTo>
                  <a:lnTo>
                    <a:pt x="64008" y="4572"/>
                  </a:lnTo>
                  <a:lnTo>
                    <a:pt x="64008" y="0"/>
                  </a:lnTo>
                  <a:close/>
                </a:path>
                <a:path w="969644" h="5079">
                  <a:moveTo>
                    <a:pt x="77711" y="0"/>
                  </a:moveTo>
                  <a:lnTo>
                    <a:pt x="68580" y="0"/>
                  </a:lnTo>
                  <a:lnTo>
                    <a:pt x="68580" y="4572"/>
                  </a:lnTo>
                  <a:lnTo>
                    <a:pt x="77711" y="4572"/>
                  </a:lnTo>
                  <a:lnTo>
                    <a:pt x="77711" y="0"/>
                  </a:lnTo>
                  <a:close/>
                </a:path>
                <a:path w="969644" h="5079">
                  <a:moveTo>
                    <a:pt x="91440" y="0"/>
                  </a:moveTo>
                  <a:lnTo>
                    <a:pt x="82296" y="0"/>
                  </a:lnTo>
                  <a:lnTo>
                    <a:pt x="82296" y="4572"/>
                  </a:lnTo>
                  <a:lnTo>
                    <a:pt x="91440" y="4572"/>
                  </a:lnTo>
                  <a:lnTo>
                    <a:pt x="91440" y="0"/>
                  </a:lnTo>
                  <a:close/>
                </a:path>
                <a:path w="969644" h="5079">
                  <a:moveTo>
                    <a:pt x="105156" y="0"/>
                  </a:moveTo>
                  <a:lnTo>
                    <a:pt x="96012" y="0"/>
                  </a:lnTo>
                  <a:lnTo>
                    <a:pt x="96012" y="4572"/>
                  </a:lnTo>
                  <a:lnTo>
                    <a:pt x="105156" y="4572"/>
                  </a:lnTo>
                  <a:lnTo>
                    <a:pt x="105156" y="0"/>
                  </a:lnTo>
                  <a:close/>
                </a:path>
                <a:path w="969644" h="5079">
                  <a:moveTo>
                    <a:pt x="118872" y="0"/>
                  </a:moveTo>
                  <a:lnTo>
                    <a:pt x="109728" y="0"/>
                  </a:lnTo>
                  <a:lnTo>
                    <a:pt x="109728" y="4572"/>
                  </a:lnTo>
                  <a:lnTo>
                    <a:pt x="118872" y="4572"/>
                  </a:lnTo>
                  <a:lnTo>
                    <a:pt x="118872" y="0"/>
                  </a:lnTo>
                  <a:close/>
                </a:path>
                <a:path w="969644" h="5079">
                  <a:moveTo>
                    <a:pt x="132588" y="0"/>
                  </a:moveTo>
                  <a:lnTo>
                    <a:pt x="123444" y="0"/>
                  </a:lnTo>
                  <a:lnTo>
                    <a:pt x="123444" y="4572"/>
                  </a:lnTo>
                  <a:lnTo>
                    <a:pt x="132588" y="4572"/>
                  </a:lnTo>
                  <a:lnTo>
                    <a:pt x="132588" y="0"/>
                  </a:lnTo>
                  <a:close/>
                </a:path>
                <a:path w="969644" h="5079">
                  <a:moveTo>
                    <a:pt x="146304" y="0"/>
                  </a:moveTo>
                  <a:lnTo>
                    <a:pt x="137160" y="0"/>
                  </a:lnTo>
                  <a:lnTo>
                    <a:pt x="137160" y="4572"/>
                  </a:lnTo>
                  <a:lnTo>
                    <a:pt x="146304" y="4572"/>
                  </a:lnTo>
                  <a:lnTo>
                    <a:pt x="146304" y="0"/>
                  </a:lnTo>
                  <a:close/>
                </a:path>
                <a:path w="969644" h="5079">
                  <a:moveTo>
                    <a:pt x="160020" y="0"/>
                  </a:moveTo>
                  <a:lnTo>
                    <a:pt x="150876" y="0"/>
                  </a:lnTo>
                  <a:lnTo>
                    <a:pt x="150876" y="4572"/>
                  </a:lnTo>
                  <a:lnTo>
                    <a:pt x="160020" y="4572"/>
                  </a:lnTo>
                  <a:lnTo>
                    <a:pt x="160020" y="0"/>
                  </a:lnTo>
                  <a:close/>
                </a:path>
                <a:path w="969644" h="5079">
                  <a:moveTo>
                    <a:pt x="173736" y="0"/>
                  </a:moveTo>
                  <a:lnTo>
                    <a:pt x="164592" y="0"/>
                  </a:lnTo>
                  <a:lnTo>
                    <a:pt x="164592" y="4572"/>
                  </a:lnTo>
                  <a:lnTo>
                    <a:pt x="173736" y="4572"/>
                  </a:lnTo>
                  <a:lnTo>
                    <a:pt x="173736" y="0"/>
                  </a:lnTo>
                  <a:close/>
                </a:path>
                <a:path w="969644" h="5079">
                  <a:moveTo>
                    <a:pt x="187452" y="0"/>
                  </a:moveTo>
                  <a:lnTo>
                    <a:pt x="178308" y="0"/>
                  </a:lnTo>
                  <a:lnTo>
                    <a:pt x="178308" y="4572"/>
                  </a:lnTo>
                  <a:lnTo>
                    <a:pt x="187452" y="4572"/>
                  </a:lnTo>
                  <a:lnTo>
                    <a:pt x="187452" y="0"/>
                  </a:lnTo>
                  <a:close/>
                </a:path>
                <a:path w="969644" h="5079">
                  <a:moveTo>
                    <a:pt x="201168" y="0"/>
                  </a:moveTo>
                  <a:lnTo>
                    <a:pt x="192024" y="0"/>
                  </a:lnTo>
                  <a:lnTo>
                    <a:pt x="192024" y="4572"/>
                  </a:lnTo>
                  <a:lnTo>
                    <a:pt x="201168" y="4572"/>
                  </a:lnTo>
                  <a:lnTo>
                    <a:pt x="201168" y="0"/>
                  </a:lnTo>
                  <a:close/>
                </a:path>
                <a:path w="969644" h="5079">
                  <a:moveTo>
                    <a:pt x="214884" y="0"/>
                  </a:moveTo>
                  <a:lnTo>
                    <a:pt x="205740" y="0"/>
                  </a:lnTo>
                  <a:lnTo>
                    <a:pt x="205740" y="4572"/>
                  </a:lnTo>
                  <a:lnTo>
                    <a:pt x="214884" y="4572"/>
                  </a:lnTo>
                  <a:lnTo>
                    <a:pt x="214884" y="0"/>
                  </a:lnTo>
                  <a:close/>
                </a:path>
                <a:path w="969644" h="5079">
                  <a:moveTo>
                    <a:pt x="228600" y="0"/>
                  </a:moveTo>
                  <a:lnTo>
                    <a:pt x="219456" y="0"/>
                  </a:lnTo>
                  <a:lnTo>
                    <a:pt x="219456" y="4572"/>
                  </a:lnTo>
                  <a:lnTo>
                    <a:pt x="228600" y="4572"/>
                  </a:lnTo>
                  <a:lnTo>
                    <a:pt x="228600" y="0"/>
                  </a:lnTo>
                  <a:close/>
                </a:path>
                <a:path w="969644" h="5079">
                  <a:moveTo>
                    <a:pt x="242316" y="0"/>
                  </a:moveTo>
                  <a:lnTo>
                    <a:pt x="233172" y="0"/>
                  </a:lnTo>
                  <a:lnTo>
                    <a:pt x="233172" y="4572"/>
                  </a:lnTo>
                  <a:lnTo>
                    <a:pt x="242316" y="4572"/>
                  </a:lnTo>
                  <a:lnTo>
                    <a:pt x="242316" y="0"/>
                  </a:lnTo>
                  <a:close/>
                </a:path>
                <a:path w="969644" h="5079">
                  <a:moveTo>
                    <a:pt x="256032" y="0"/>
                  </a:moveTo>
                  <a:lnTo>
                    <a:pt x="246888" y="0"/>
                  </a:lnTo>
                  <a:lnTo>
                    <a:pt x="246888" y="4572"/>
                  </a:lnTo>
                  <a:lnTo>
                    <a:pt x="256032" y="4572"/>
                  </a:lnTo>
                  <a:lnTo>
                    <a:pt x="256032" y="0"/>
                  </a:lnTo>
                  <a:close/>
                </a:path>
                <a:path w="969644" h="5079">
                  <a:moveTo>
                    <a:pt x="269748" y="0"/>
                  </a:moveTo>
                  <a:lnTo>
                    <a:pt x="260604" y="0"/>
                  </a:lnTo>
                  <a:lnTo>
                    <a:pt x="260604" y="4572"/>
                  </a:lnTo>
                  <a:lnTo>
                    <a:pt x="269748" y="4572"/>
                  </a:lnTo>
                  <a:lnTo>
                    <a:pt x="269748" y="0"/>
                  </a:lnTo>
                  <a:close/>
                </a:path>
                <a:path w="969644" h="5079">
                  <a:moveTo>
                    <a:pt x="283464" y="0"/>
                  </a:moveTo>
                  <a:lnTo>
                    <a:pt x="274320" y="0"/>
                  </a:lnTo>
                  <a:lnTo>
                    <a:pt x="274320" y="4572"/>
                  </a:lnTo>
                  <a:lnTo>
                    <a:pt x="283464" y="4572"/>
                  </a:lnTo>
                  <a:lnTo>
                    <a:pt x="283464" y="0"/>
                  </a:lnTo>
                  <a:close/>
                </a:path>
                <a:path w="969644" h="5079">
                  <a:moveTo>
                    <a:pt x="297180" y="0"/>
                  </a:moveTo>
                  <a:lnTo>
                    <a:pt x="288036" y="0"/>
                  </a:lnTo>
                  <a:lnTo>
                    <a:pt x="288036" y="4572"/>
                  </a:lnTo>
                  <a:lnTo>
                    <a:pt x="297180" y="4572"/>
                  </a:lnTo>
                  <a:lnTo>
                    <a:pt x="297180" y="0"/>
                  </a:lnTo>
                  <a:close/>
                </a:path>
                <a:path w="969644" h="5079">
                  <a:moveTo>
                    <a:pt x="310896" y="0"/>
                  </a:moveTo>
                  <a:lnTo>
                    <a:pt x="301752" y="0"/>
                  </a:lnTo>
                  <a:lnTo>
                    <a:pt x="301752" y="4572"/>
                  </a:lnTo>
                  <a:lnTo>
                    <a:pt x="310896" y="4572"/>
                  </a:lnTo>
                  <a:lnTo>
                    <a:pt x="310896" y="0"/>
                  </a:lnTo>
                  <a:close/>
                </a:path>
                <a:path w="969644" h="5079">
                  <a:moveTo>
                    <a:pt x="324612" y="0"/>
                  </a:moveTo>
                  <a:lnTo>
                    <a:pt x="315468" y="0"/>
                  </a:lnTo>
                  <a:lnTo>
                    <a:pt x="315468" y="4572"/>
                  </a:lnTo>
                  <a:lnTo>
                    <a:pt x="324612" y="4572"/>
                  </a:lnTo>
                  <a:lnTo>
                    <a:pt x="324612" y="0"/>
                  </a:lnTo>
                  <a:close/>
                </a:path>
                <a:path w="969644" h="5079">
                  <a:moveTo>
                    <a:pt x="338328" y="0"/>
                  </a:moveTo>
                  <a:lnTo>
                    <a:pt x="329184" y="0"/>
                  </a:lnTo>
                  <a:lnTo>
                    <a:pt x="329184" y="4572"/>
                  </a:lnTo>
                  <a:lnTo>
                    <a:pt x="338328" y="4572"/>
                  </a:lnTo>
                  <a:lnTo>
                    <a:pt x="338328" y="0"/>
                  </a:lnTo>
                  <a:close/>
                </a:path>
                <a:path w="969644" h="5079">
                  <a:moveTo>
                    <a:pt x="352044" y="0"/>
                  </a:moveTo>
                  <a:lnTo>
                    <a:pt x="342900" y="0"/>
                  </a:lnTo>
                  <a:lnTo>
                    <a:pt x="342900" y="4572"/>
                  </a:lnTo>
                  <a:lnTo>
                    <a:pt x="352044" y="4572"/>
                  </a:lnTo>
                  <a:lnTo>
                    <a:pt x="352044" y="0"/>
                  </a:lnTo>
                  <a:close/>
                </a:path>
                <a:path w="969644" h="5079">
                  <a:moveTo>
                    <a:pt x="365760" y="0"/>
                  </a:moveTo>
                  <a:lnTo>
                    <a:pt x="356616" y="0"/>
                  </a:lnTo>
                  <a:lnTo>
                    <a:pt x="356616" y="4572"/>
                  </a:lnTo>
                  <a:lnTo>
                    <a:pt x="365760" y="4572"/>
                  </a:lnTo>
                  <a:lnTo>
                    <a:pt x="365760" y="0"/>
                  </a:lnTo>
                  <a:close/>
                </a:path>
                <a:path w="969644" h="5079">
                  <a:moveTo>
                    <a:pt x="379476" y="0"/>
                  </a:moveTo>
                  <a:lnTo>
                    <a:pt x="370332" y="0"/>
                  </a:lnTo>
                  <a:lnTo>
                    <a:pt x="370332" y="4572"/>
                  </a:lnTo>
                  <a:lnTo>
                    <a:pt x="379476" y="4572"/>
                  </a:lnTo>
                  <a:lnTo>
                    <a:pt x="379476" y="0"/>
                  </a:lnTo>
                  <a:close/>
                </a:path>
                <a:path w="969644" h="5079">
                  <a:moveTo>
                    <a:pt x="393192" y="0"/>
                  </a:moveTo>
                  <a:lnTo>
                    <a:pt x="384048" y="0"/>
                  </a:lnTo>
                  <a:lnTo>
                    <a:pt x="384048" y="4572"/>
                  </a:lnTo>
                  <a:lnTo>
                    <a:pt x="393192" y="4572"/>
                  </a:lnTo>
                  <a:lnTo>
                    <a:pt x="393192" y="0"/>
                  </a:lnTo>
                  <a:close/>
                </a:path>
                <a:path w="969644" h="5079">
                  <a:moveTo>
                    <a:pt x="406908" y="0"/>
                  </a:moveTo>
                  <a:lnTo>
                    <a:pt x="397764" y="0"/>
                  </a:lnTo>
                  <a:lnTo>
                    <a:pt x="397764" y="4572"/>
                  </a:lnTo>
                  <a:lnTo>
                    <a:pt x="406908" y="4572"/>
                  </a:lnTo>
                  <a:lnTo>
                    <a:pt x="406908" y="0"/>
                  </a:lnTo>
                  <a:close/>
                </a:path>
                <a:path w="969644" h="5079">
                  <a:moveTo>
                    <a:pt x="420624" y="0"/>
                  </a:moveTo>
                  <a:lnTo>
                    <a:pt x="411480" y="0"/>
                  </a:lnTo>
                  <a:lnTo>
                    <a:pt x="411480" y="4572"/>
                  </a:lnTo>
                  <a:lnTo>
                    <a:pt x="420624" y="4572"/>
                  </a:lnTo>
                  <a:lnTo>
                    <a:pt x="420624" y="0"/>
                  </a:lnTo>
                  <a:close/>
                </a:path>
                <a:path w="969644" h="5079">
                  <a:moveTo>
                    <a:pt x="434340" y="0"/>
                  </a:moveTo>
                  <a:lnTo>
                    <a:pt x="425196" y="0"/>
                  </a:lnTo>
                  <a:lnTo>
                    <a:pt x="425196" y="4572"/>
                  </a:lnTo>
                  <a:lnTo>
                    <a:pt x="434340" y="4572"/>
                  </a:lnTo>
                  <a:lnTo>
                    <a:pt x="434340" y="0"/>
                  </a:lnTo>
                  <a:close/>
                </a:path>
                <a:path w="969644" h="5079">
                  <a:moveTo>
                    <a:pt x="448056" y="0"/>
                  </a:moveTo>
                  <a:lnTo>
                    <a:pt x="438912" y="0"/>
                  </a:lnTo>
                  <a:lnTo>
                    <a:pt x="438912" y="4572"/>
                  </a:lnTo>
                  <a:lnTo>
                    <a:pt x="448056" y="4572"/>
                  </a:lnTo>
                  <a:lnTo>
                    <a:pt x="448056" y="0"/>
                  </a:lnTo>
                  <a:close/>
                </a:path>
                <a:path w="969644" h="5079">
                  <a:moveTo>
                    <a:pt x="461772" y="0"/>
                  </a:moveTo>
                  <a:lnTo>
                    <a:pt x="452628" y="0"/>
                  </a:lnTo>
                  <a:lnTo>
                    <a:pt x="452628" y="4572"/>
                  </a:lnTo>
                  <a:lnTo>
                    <a:pt x="461772" y="4572"/>
                  </a:lnTo>
                  <a:lnTo>
                    <a:pt x="461772" y="0"/>
                  </a:lnTo>
                  <a:close/>
                </a:path>
                <a:path w="969644" h="5079">
                  <a:moveTo>
                    <a:pt x="475488" y="0"/>
                  </a:moveTo>
                  <a:lnTo>
                    <a:pt x="466344" y="0"/>
                  </a:lnTo>
                  <a:lnTo>
                    <a:pt x="466344" y="4572"/>
                  </a:lnTo>
                  <a:lnTo>
                    <a:pt x="475488" y="4572"/>
                  </a:lnTo>
                  <a:lnTo>
                    <a:pt x="475488" y="0"/>
                  </a:lnTo>
                  <a:close/>
                </a:path>
                <a:path w="969644" h="5079">
                  <a:moveTo>
                    <a:pt x="489204" y="0"/>
                  </a:moveTo>
                  <a:lnTo>
                    <a:pt x="480060" y="0"/>
                  </a:lnTo>
                  <a:lnTo>
                    <a:pt x="480060" y="4572"/>
                  </a:lnTo>
                  <a:lnTo>
                    <a:pt x="489204" y="4572"/>
                  </a:lnTo>
                  <a:lnTo>
                    <a:pt x="489204" y="0"/>
                  </a:lnTo>
                  <a:close/>
                </a:path>
                <a:path w="969644" h="5079">
                  <a:moveTo>
                    <a:pt x="502920" y="0"/>
                  </a:moveTo>
                  <a:lnTo>
                    <a:pt x="493776" y="0"/>
                  </a:lnTo>
                  <a:lnTo>
                    <a:pt x="493776" y="4572"/>
                  </a:lnTo>
                  <a:lnTo>
                    <a:pt x="502920" y="4572"/>
                  </a:lnTo>
                  <a:lnTo>
                    <a:pt x="502920" y="0"/>
                  </a:lnTo>
                  <a:close/>
                </a:path>
                <a:path w="969644" h="5079">
                  <a:moveTo>
                    <a:pt x="516636" y="0"/>
                  </a:moveTo>
                  <a:lnTo>
                    <a:pt x="507492" y="0"/>
                  </a:lnTo>
                  <a:lnTo>
                    <a:pt x="507492" y="4572"/>
                  </a:lnTo>
                  <a:lnTo>
                    <a:pt x="516636" y="4572"/>
                  </a:lnTo>
                  <a:lnTo>
                    <a:pt x="516636" y="0"/>
                  </a:lnTo>
                  <a:close/>
                </a:path>
                <a:path w="969644" h="5079">
                  <a:moveTo>
                    <a:pt x="530352" y="0"/>
                  </a:moveTo>
                  <a:lnTo>
                    <a:pt x="521208" y="0"/>
                  </a:lnTo>
                  <a:lnTo>
                    <a:pt x="521208" y="4572"/>
                  </a:lnTo>
                  <a:lnTo>
                    <a:pt x="530352" y="4572"/>
                  </a:lnTo>
                  <a:lnTo>
                    <a:pt x="530352" y="0"/>
                  </a:lnTo>
                  <a:close/>
                </a:path>
                <a:path w="969644" h="5079">
                  <a:moveTo>
                    <a:pt x="544068" y="0"/>
                  </a:moveTo>
                  <a:lnTo>
                    <a:pt x="534924" y="0"/>
                  </a:lnTo>
                  <a:lnTo>
                    <a:pt x="534924" y="4572"/>
                  </a:lnTo>
                  <a:lnTo>
                    <a:pt x="544068" y="4572"/>
                  </a:lnTo>
                  <a:lnTo>
                    <a:pt x="544068" y="0"/>
                  </a:lnTo>
                  <a:close/>
                </a:path>
                <a:path w="969644" h="5079">
                  <a:moveTo>
                    <a:pt x="557784" y="0"/>
                  </a:moveTo>
                  <a:lnTo>
                    <a:pt x="548640" y="0"/>
                  </a:lnTo>
                  <a:lnTo>
                    <a:pt x="548640" y="4572"/>
                  </a:lnTo>
                  <a:lnTo>
                    <a:pt x="557784" y="4572"/>
                  </a:lnTo>
                  <a:lnTo>
                    <a:pt x="557784" y="0"/>
                  </a:lnTo>
                  <a:close/>
                </a:path>
                <a:path w="969644" h="5079">
                  <a:moveTo>
                    <a:pt x="571500" y="0"/>
                  </a:moveTo>
                  <a:lnTo>
                    <a:pt x="562356" y="0"/>
                  </a:lnTo>
                  <a:lnTo>
                    <a:pt x="562356" y="4572"/>
                  </a:lnTo>
                  <a:lnTo>
                    <a:pt x="571500" y="4572"/>
                  </a:lnTo>
                  <a:lnTo>
                    <a:pt x="571500" y="0"/>
                  </a:lnTo>
                  <a:close/>
                </a:path>
                <a:path w="969644" h="5079">
                  <a:moveTo>
                    <a:pt x="585216" y="0"/>
                  </a:moveTo>
                  <a:lnTo>
                    <a:pt x="574548" y="0"/>
                  </a:lnTo>
                  <a:lnTo>
                    <a:pt x="574548" y="4572"/>
                  </a:lnTo>
                  <a:lnTo>
                    <a:pt x="585216" y="4572"/>
                  </a:lnTo>
                  <a:lnTo>
                    <a:pt x="585216" y="0"/>
                  </a:lnTo>
                  <a:close/>
                </a:path>
                <a:path w="969644" h="5079">
                  <a:moveTo>
                    <a:pt x="598932" y="0"/>
                  </a:moveTo>
                  <a:lnTo>
                    <a:pt x="588264" y="0"/>
                  </a:lnTo>
                  <a:lnTo>
                    <a:pt x="588264" y="4572"/>
                  </a:lnTo>
                  <a:lnTo>
                    <a:pt x="598932" y="4572"/>
                  </a:lnTo>
                  <a:lnTo>
                    <a:pt x="598932" y="0"/>
                  </a:lnTo>
                  <a:close/>
                </a:path>
                <a:path w="969644" h="5079">
                  <a:moveTo>
                    <a:pt x="612648" y="0"/>
                  </a:moveTo>
                  <a:lnTo>
                    <a:pt x="601980" y="0"/>
                  </a:lnTo>
                  <a:lnTo>
                    <a:pt x="601980" y="4572"/>
                  </a:lnTo>
                  <a:lnTo>
                    <a:pt x="612648" y="4572"/>
                  </a:lnTo>
                  <a:lnTo>
                    <a:pt x="612648" y="0"/>
                  </a:lnTo>
                  <a:close/>
                </a:path>
                <a:path w="969644" h="5079">
                  <a:moveTo>
                    <a:pt x="626364" y="0"/>
                  </a:moveTo>
                  <a:lnTo>
                    <a:pt x="615696" y="0"/>
                  </a:lnTo>
                  <a:lnTo>
                    <a:pt x="615696" y="4572"/>
                  </a:lnTo>
                  <a:lnTo>
                    <a:pt x="626364" y="4572"/>
                  </a:lnTo>
                  <a:lnTo>
                    <a:pt x="626364" y="0"/>
                  </a:lnTo>
                  <a:close/>
                </a:path>
                <a:path w="969644" h="5079">
                  <a:moveTo>
                    <a:pt x="640080" y="0"/>
                  </a:moveTo>
                  <a:lnTo>
                    <a:pt x="629412" y="0"/>
                  </a:lnTo>
                  <a:lnTo>
                    <a:pt x="629412" y="4572"/>
                  </a:lnTo>
                  <a:lnTo>
                    <a:pt x="640080" y="4572"/>
                  </a:lnTo>
                  <a:lnTo>
                    <a:pt x="640080" y="0"/>
                  </a:lnTo>
                  <a:close/>
                </a:path>
                <a:path w="969644" h="5079">
                  <a:moveTo>
                    <a:pt x="653796" y="0"/>
                  </a:moveTo>
                  <a:lnTo>
                    <a:pt x="643128" y="0"/>
                  </a:lnTo>
                  <a:lnTo>
                    <a:pt x="643128" y="4572"/>
                  </a:lnTo>
                  <a:lnTo>
                    <a:pt x="653796" y="4572"/>
                  </a:lnTo>
                  <a:lnTo>
                    <a:pt x="653796" y="0"/>
                  </a:lnTo>
                  <a:close/>
                </a:path>
                <a:path w="969644" h="5079">
                  <a:moveTo>
                    <a:pt x="667512" y="0"/>
                  </a:moveTo>
                  <a:lnTo>
                    <a:pt x="656844" y="0"/>
                  </a:lnTo>
                  <a:lnTo>
                    <a:pt x="656844" y="4572"/>
                  </a:lnTo>
                  <a:lnTo>
                    <a:pt x="667512" y="4572"/>
                  </a:lnTo>
                  <a:lnTo>
                    <a:pt x="667512" y="0"/>
                  </a:lnTo>
                  <a:close/>
                </a:path>
                <a:path w="969644" h="5079">
                  <a:moveTo>
                    <a:pt x="681228" y="0"/>
                  </a:moveTo>
                  <a:lnTo>
                    <a:pt x="670560" y="0"/>
                  </a:lnTo>
                  <a:lnTo>
                    <a:pt x="670560" y="4572"/>
                  </a:lnTo>
                  <a:lnTo>
                    <a:pt x="681228" y="4572"/>
                  </a:lnTo>
                  <a:lnTo>
                    <a:pt x="681228" y="0"/>
                  </a:lnTo>
                  <a:close/>
                </a:path>
                <a:path w="969644" h="5079">
                  <a:moveTo>
                    <a:pt x="694944" y="0"/>
                  </a:moveTo>
                  <a:lnTo>
                    <a:pt x="684276" y="0"/>
                  </a:lnTo>
                  <a:lnTo>
                    <a:pt x="684276" y="4572"/>
                  </a:lnTo>
                  <a:lnTo>
                    <a:pt x="694944" y="4572"/>
                  </a:lnTo>
                  <a:lnTo>
                    <a:pt x="694944" y="0"/>
                  </a:lnTo>
                  <a:close/>
                </a:path>
                <a:path w="969644" h="5079">
                  <a:moveTo>
                    <a:pt x="708660" y="0"/>
                  </a:moveTo>
                  <a:lnTo>
                    <a:pt x="697992" y="0"/>
                  </a:lnTo>
                  <a:lnTo>
                    <a:pt x="697992" y="4572"/>
                  </a:lnTo>
                  <a:lnTo>
                    <a:pt x="708660" y="4572"/>
                  </a:lnTo>
                  <a:lnTo>
                    <a:pt x="708660" y="0"/>
                  </a:lnTo>
                  <a:close/>
                </a:path>
                <a:path w="969644" h="5079">
                  <a:moveTo>
                    <a:pt x="722376" y="0"/>
                  </a:moveTo>
                  <a:lnTo>
                    <a:pt x="711708" y="0"/>
                  </a:lnTo>
                  <a:lnTo>
                    <a:pt x="711708" y="4572"/>
                  </a:lnTo>
                  <a:lnTo>
                    <a:pt x="722376" y="4572"/>
                  </a:lnTo>
                  <a:lnTo>
                    <a:pt x="722376" y="0"/>
                  </a:lnTo>
                  <a:close/>
                </a:path>
                <a:path w="969644" h="5079">
                  <a:moveTo>
                    <a:pt x="736092" y="0"/>
                  </a:moveTo>
                  <a:lnTo>
                    <a:pt x="725424" y="0"/>
                  </a:lnTo>
                  <a:lnTo>
                    <a:pt x="725424" y="4572"/>
                  </a:lnTo>
                  <a:lnTo>
                    <a:pt x="736092" y="4572"/>
                  </a:lnTo>
                  <a:lnTo>
                    <a:pt x="736092" y="0"/>
                  </a:lnTo>
                  <a:close/>
                </a:path>
                <a:path w="969644" h="5079">
                  <a:moveTo>
                    <a:pt x="749808" y="0"/>
                  </a:moveTo>
                  <a:lnTo>
                    <a:pt x="739140" y="0"/>
                  </a:lnTo>
                  <a:lnTo>
                    <a:pt x="739140" y="4572"/>
                  </a:lnTo>
                  <a:lnTo>
                    <a:pt x="749808" y="4572"/>
                  </a:lnTo>
                  <a:lnTo>
                    <a:pt x="749808" y="0"/>
                  </a:lnTo>
                  <a:close/>
                </a:path>
                <a:path w="969644" h="5079">
                  <a:moveTo>
                    <a:pt x="763524" y="0"/>
                  </a:moveTo>
                  <a:lnTo>
                    <a:pt x="752856" y="0"/>
                  </a:lnTo>
                  <a:lnTo>
                    <a:pt x="752856" y="4572"/>
                  </a:lnTo>
                  <a:lnTo>
                    <a:pt x="763524" y="4572"/>
                  </a:lnTo>
                  <a:lnTo>
                    <a:pt x="763524" y="0"/>
                  </a:lnTo>
                  <a:close/>
                </a:path>
                <a:path w="969644" h="5079">
                  <a:moveTo>
                    <a:pt x="777240" y="0"/>
                  </a:moveTo>
                  <a:lnTo>
                    <a:pt x="766572" y="0"/>
                  </a:lnTo>
                  <a:lnTo>
                    <a:pt x="766572" y="4572"/>
                  </a:lnTo>
                  <a:lnTo>
                    <a:pt x="777240" y="4572"/>
                  </a:lnTo>
                  <a:lnTo>
                    <a:pt x="777240" y="0"/>
                  </a:lnTo>
                  <a:close/>
                </a:path>
                <a:path w="969644" h="5079">
                  <a:moveTo>
                    <a:pt x="790956" y="0"/>
                  </a:moveTo>
                  <a:lnTo>
                    <a:pt x="780288" y="0"/>
                  </a:lnTo>
                  <a:lnTo>
                    <a:pt x="780288"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51" name="object 51"/>
            <p:cNvSpPr/>
            <p:nvPr/>
          </p:nvSpPr>
          <p:spPr>
            <a:xfrm>
              <a:off x="2545080" y="405688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887" y="0"/>
                  </a:moveTo>
                  <a:lnTo>
                    <a:pt x="713232" y="0"/>
                  </a:lnTo>
                  <a:lnTo>
                    <a:pt x="713232" y="4572"/>
                  </a:lnTo>
                  <a:lnTo>
                    <a:pt x="723887" y="4572"/>
                  </a:lnTo>
                  <a:lnTo>
                    <a:pt x="723887"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799" y="0"/>
                  </a:lnTo>
                  <a:lnTo>
                    <a:pt x="781799"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52" name="object 52"/>
            <p:cNvSpPr/>
            <p:nvPr/>
          </p:nvSpPr>
          <p:spPr>
            <a:xfrm>
              <a:off x="3505200" y="405688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53" name="object 53"/>
            <p:cNvSpPr/>
            <p:nvPr/>
          </p:nvSpPr>
          <p:spPr>
            <a:xfrm>
              <a:off x="4465320" y="4056887"/>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5636" y="0"/>
                  </a:lnTo>
                  <a:lnTo>
                    <a:pt x="135636" y="4572"/>
                  </a:lnTo>
                  <a:lnTo>
                    <a:pt x="146304" y="4572"/>
                  </a:lnTo>
                  <a:lnTo>
                    <a:pt x="146304" y="0"/>
                  </a:lnTo>
                  <a:close/>
                </a:path>
                <a:path w="969645" h="5079">
                  <a:moveTo>
                    <a:pt x="160020" y="0"/>
                  </a:moveTo>
                  <a:lnTo>
                    <a:pt x="149352" y="0"/>
                  </a:lnTo>
                  <a:lnTo>
                    <a:pt x="149352" y="4572"/>
                  </a:lnTo>
                  <a:lnTo>
                    <a:pt x="160020" y="4572"/>
                  </a:lnTo>
                  <a:lnTo>
                    <a:pt x="160020" y="0"/>
                  </a:lnTo>
                  <a:close/>
                </a:path>
                <a:path w="969645" h="5079">
                  <a:moveTo>
                    <a:pt x="173736" y="0"/>
                  </a:moveTo>
                  <a:lnTo>
                    <a:pt x="163068" y="0"/>
                  </a:lnTo>
                  <a:lnTo>
                    <a:pt x="163068" y="4572"/>
                  </a:lnTo>
                  <a:lnTo>
                    <a:pt x="173736" y="4572"/>
                  </a:lnTo>
                  <a:lnTo>
                    <a:pt x="173736" y="0"/>
                  </a:lnTo>
                  <a:close/>
                </a:path>
                <a:path w="969645" h="5079">
                  <a:moveTo>
                    <a:pt x="187452" y="0"/>
                  </a:moveTo>
                  <a:lnTo>
                    <a:pt x="176784" y="0"/>
                  </a:lnTo>
                  <a:lnTo>
                    <a:pt x="176784" y="4572"/>
                  </a:lnTo>
                  <a:lnTo>
                    <a:pt x="187452" y="4572"/>
                  </a:lnTo>
                  <a:lnTo>
                    <a:pt x="187452" y="0"/>
                  </a:lnTo>
                  <a:close/>
                </a:path>
                <a:path w="969645" h="5079">
                  <a:moveTo>
                    <a:pt x="201168" y="0"/>
                  </a:moveTo>
                  <a:lnTo>
                    <a:pt x="190500" y="0"/>
                  </a:lnTo>
                  <a:lnTo>
                    <a:pt x="190500" y="4572"/>
                  </a:lnTo>
                  <a:lnTo>
                    <a:pt x="201168" y="4572"/>
                  </a:lnTo>
                  <a:lnTo>
                    <a:pt x="201168" y="0"/>
                  </a:lnTo>
                  <a:close/>
                </a:path>
                <a:path w="969645" h="5079">
                  <a:moveTo>
                    <a:pt x="214884" y="0"/>
                  </a:moveTo>
                  <a:lnTo>
                    <a:pt x="204216" y="0"/>
                  </a:lnTo>
                  <a:lnTo>
                    <a:pt x="204216" y="4572"/>
                  </a:lnTo>
                  <a:lnTo>
                    <a:pt x="214884" y="4572"/>
                  </a:lnTo>
                  <a:lnTo>
                    <a:pt x="214884" y="0"/>
                  </a:lnTo>
                  <a:close/>
                </a:path>
                <a:path w="969645" h="5079">
                  <a:moveTo>
                    <a:pt x="228600" y="0"/>
                  </a:moveTo>
                  <a:lnTo>
                    <a:pt x="217932" y="0"/>
                  </a:lnTo>
                  <a:lnTo>
                    <a:pt x="217932" y="4572"/>
                  </a:lnTo>
                  <a:lnTo>
                    <a:pt x="228600" y="4572"/>
                  </a:lnTo>
                  <a:lnTo>
                    <a:pt x="228600" y="0"/>
                  </a:lnTo>
                  <a:close/>
                </a:path>
                <a:path w="969645" h="5079">
                  <a:moveTo>
                    <a:pt x="242316" y="0"/>
                  </a:moveTo>
                  <a:lnTo>
                    <a:pt x="231648" y="0"/>
                  </a:lnTo>
                  <a:lnTo>
                    <a:pt x="231648" y="4572"/>
                  </a:lnTo>
                  <a:lnTo>
                    <a:pt x="242316" y="4572"/>
                  </a:lnTo>
                  <a:lnTo>
                    <a:pt x="242316" y="0"/>
                  </a:lnTo>
                  <a:close/>
                </a:path>
                <a:path w="969645" h="5079">
                  <a:moveTo>
                    <a:pt x="256032" y="0"/>
                  </a:moveTo>
                  <a:lnTo>
                    <a:pt x="245364" y="0"/>
                  </a:lnTo>
                  <a:lnTo>
                    <a:pt x="245364" y="4572"/>
                  </a:lnTo>
                  <a:lnTo>
                    <a:pt x="256032" y="4572"/>
                  </a:lnTo>
                  <a:lnTo>
                    <a:pt x="256032" y="0"/>
                  </a:lnTo>
                  <a:close/>
                </a:path>
                <a:path w="969645" h="5079">
                  <a:moveTo>
                    <a:pt x="269748" y="0"/>
                  </a:moveTo>
                  <a:lnTo>
                    <a:pt x="259080" y="0"/>
                  </a:lnTo>
                  <a:lnTo>
                    <a:pt x="259080" y="4572"/>
                  </a:lnTo>
                  <a:lnTo>
                    <a:pt x="269748" y="4572"/>
                  </a:lnTo>
                  <a:lnTo>
                    <a:pt x="269748" y="0"/>
                  </a:lnTo>
                  <a:close/>
                </a:path>
                <a:path w="969645" h="5079">
                  <a:moveTo>
                    <a:pt x="283464" y="0"/>
                  </a:moveTo>
                  <a:lnTo>
                    <a:pt x="272796" y="0"/>
                  </a:lnTo>
                  <a:lnTo>
                    <a:pt x="272796" y="4572"/>
                  </a:lnTo>
                  <a:lnTo>
                    <a:pt x="283464" y="4572"/>
                  </a:lnTo>
                  <a:lnTo>
                    <a:pt x="283464" y="0"/>
                  </a:lnTo>
                  <a:close/>
                </a:path>
                <a:path w="969645" h="5079">
                  <a:moveTo>
                    <a:pt x="297180" y="0"/>
                  </a:moveTo>
                  <a:lnTo>
                    <a:pt x="286512" y="0"/>
                  </a:lnTo>
                  <a:lnTo>
                    <a:pt x="286512" y="4572"/>
                  </a:lnTo>
                  <a:lnTo>
                    <a:pt x="297180" y="4572"/>
                  </a:lnTo>
                  <a:lnTo>
                    <a:pt x="297180" y="0"/>
                  </a:lnTo>
                  <a:close/>
                </a:path>
                <a:path w="969645" h="5079">
                  <a:moveTo>
                    <a:pt x="310896" y="0"/>
                  </a:moveTo>
                  <a:lnTo>
                    <a:pt x="300228" y="0"/>
                  </a:lnTo>
                  <a:lnTo>
                    <a:pt x="300228" y="4572"/>
                  </a:lnTo>
                  <a:lnTo>
                    <a:pt x="310896" y="4572"/>
                  </a:lnTo>
                  <a:lnTo>
                    <a:pt x="310896" y="0"/>
                  </a:lnTo>
                  <a:close/>
                </a:path>
                <a:path w="969645" h="5079">
                  <a:moveTo>
                    <a:pt x="324612" y="0"/>
                  </a:moveTo>
                  <a:lnTo>
                    <a:pt x="313944" y="0"/>
                  </a:lnTo>
                  <a:lnTo>
                    <a:pt x="313944" y="4572"/>
                  </a:lnTo>
                  <a:lnTo>
                    <a:pt x="324612" y="4572"/>
                  </a:lnTo>
                  <a:lnTo>
                    <a:pt x="324612" y="0"/>
                  </a:lnTo>
                  <a:close/>
                </a:path>
                <a:path w="969645" h="5079">
                  <a:moveTo>
                    <a:pt x="338328" y="0"/>
                  </a:moveTo>
                  <a:lnTo>
                    <a:pt x="327660" y="0"/>
                  </a:lnTo>
                  <a:lnTo>
                    <a:pt x="327660" y="4572"/>
                  </a:lnTo>
                  <a:lnTo>
                    <a:pt x="338328" y="4572"/>
                  </a:lnTo>
                  <a:lnTo>
                    <a:pt x="338328" y="0"/>
                  </a:lnTo>
                  <a:close/>
                </a:path>
                <a:path w="969645" h="5079">
                  <a:moveTo>
                    <a:pt x="352044" y="0"/>
                  </a:moveTo>
                  <a:lnTo>
                    <a:pt x="341376" y="0"/>
                  </a:lnTo>
                  <a:lnTo>
                    <a:pt x="341376"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54" name="object 54"/>
            <p:cNvSpPr/>
            <p:nvPr/>
          </p:nvSpPr>
          <p:spPr>
            <a:xfrm>
              <a:off x="5423916" y="405688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55" name="object 55"/>
            <p:cNvSpPr/>
            <p:nvPr/>
          </p:nvSpPr>
          <p:spPr>
            <a:xfrm>
              <a:off x="6384036" y="405688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59" y="0"/>
                  </a:moveTo>
                  <a:lnTo>
                    <a:pt x="109728" y="0"/>
                  </a:lnTo>
                  <a:lnTo>
                    <a:pt x="109728" y="4572"/>
                  </a:lnTo>
                  <a:lnTo>
                    <a:pt x="118859" y="4572"/>
                  </a:lnTo>
                  <a:lnTo>
                    <a:pt x="118859"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63" y="0"/>
                  </a:lnTo>
                  <a:lnTo>
                    <a:pt x="150863"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11" y="0"/>
                  </a:lnTo>
                  <a:lnTo>
                    <a:pt x="192011"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587" y="0"/>
                  </a:moveTo>
                  <a:lnTo>
                    <a:pt x="219456" y="0"/>
                  </a:lnTo>
                  <a:lnTo>
                    <a:pt x="219456" y="4572"/>
                  </a:lnTo>
                  <a:lnTo>
                    <a:pt x="228587" y="4572"/>
                  </a:lnTo>
                  <a:lnTo>
                    <a:pt x="228587" y="0"/>
                  </a:lnTo>
                  <a:close/>
                </a:path>
                <a:path w="969645" h="5079">
                  <a:moveTo>
                    <a:pt x="242316" y="0"/>
                  </a:moveTo>
                  <a:lnTo>
                    <a:pt x="233159" y="0"/>
                  </a:lnTo>
                  <a:lnTo>
                    <a:pt x="233159"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35" y="0"/>
                  </a:moveTo>
                  <a:lnTo>
                    <a:pt x="260604" y="0"/>
                  </a:lnTo>
                  <a:lnTo>
                    <a:pt x="260604" y="4572"/>
                  </a:lnTo>
                  <a:lnTo>
                    <a:pt x="269735" y="4572"/>
                  </a:lnTo>
                  <a:lnTo>
                    <a:pt x="269735"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2900" y="0"/>
                  </a:lnTo>
                  <a:lnTo>
                    <a:pt x="342900"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76" y="0"/>
                  </a:moveTo>
                  <a:lnTo>
                    <a:pt x="370332" y="0"/>
                  </a:lnTo>
                  <a:lnTo>
                    <a:pt x="370332" y="4572"/>
                  </a:lnTo>
                  <a:lnTo>
                    <a:pt x="379476" y="4572"/>
                  </a:lnTo>
                  <a:lnTo>
                    <a:pt x="379476"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80" y="0"/>
                  </a:lnTo>
                  <a:lnTo>
                    <a:pt x="411480"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56" y="0"/>
                  </a:moveTo>
                  <a:lnTo>
                    <a:pt x="438912" y="0"/>
                  </a:lnTo>
                  <a:lnTo>
                    <a:pt x="438912" y="4572"/>
                  </a:lnTo>
                  <a:lnTo>
                    <a:pt x="448056" y="4572"/>
                  </a:lnTo>
                  <a:lnTo>
                    <a:pt x="448056" y="0"/>
                  </a:lnTo>
                  <a:close/>
                </a:path>
                <a:path w="969645" h="5079">
                  <a:moveTo>
                    <a:pt x="461772" y="0"/>
                  </a:moveTo>
                  <a:lnTo>
                    <a:pt x="452628" y="0"/>
                  </a:lnTo>
                  <a:lnTo>
                    <a:pt x="452628"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56" name="object 56"/>
            <p:cNvSpPr/>
            <p:nvPr/>
          </p:nvSpPr>
          <p:spPr>
            <a:xfrm>
              <a:off x="7342632" y="4056887"/>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57" name="object 57"/>
            <p:cNvSpPr/>
            <p:nvPr/>
          </p:nvSpPr>
          <p:spPr>
            <a:xfrm>
              <a:off x="8302752" y="405688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1500" y="0"/>
                  </a:moveTo>
                  <a:lnTo>
                    <a:pt x="562356" y="0"/>
                  </a:lnTo>
                  <a:lnTo>
                    <a:pt x="562356" y="4572"/>
                  </a:lnTo>
                  <a:lnTo>
                    <a:pt x="571500" y="4572"/>
                  </a:lnTo>
                  <a:lnTo>
                    <a:pt x="571500" y="0"/>
                  </a:lnTo>
                  <a:close/>
                </a:path>
                <a:path w="969645" h="5079">
                  <a:moveTo>
                    <a:pt x="585216" y="0"/>
                  </a:moveTo>
                  <a:lnTo>
                    <a:pt x="576072" y="0"/>
                  </a:lnTo>
                  <a:lnTo>
                    <a:pt x="576072"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20" y="0"/>
                  </a:lnTo>
                  <a:lnTo>
                    <a:pt x="617220"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96" y="0"/>
                  </a:moveTo>
                  <a:lnTo>
                    <a:pt x="644652" y="0"/>
                  </a:lnTo>
                  <a:lnTo>
                    <a:pt x="644652" y="4572"/>
                  </a:lnTo>
                  <a:lnTo>
                    <a:pt x="653796" y="4572"/>
                  </a:lnTo>
                  <a:lnTo>
                    <a:pt x="653796" y="0"/>
                  </a:lnTo>
                  <a:close/>
                </a:path>
                <a:path w="969645" h="5079">
                  <a:moveTo>
                    <a:pt x="667512" y="0"/>
                  </a:moveTo>
                  <a:lnTo>
                    <a:pt x="658368" y="0"/>
                  </a:lnTo>
                  <a:lnTo>
                    <a:pt x="658368"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44" y="0"/>
                  </a:moveTo>
                  <a:lnTo>
                    <a:pt x="685800" y="0"/>
                  </a:lnTo>
                  <a:lnTo>
                    <a:pt x="685800" y="4572"/>
                  </a:lnTo>
                  <a:lnTo>
                    <a:pt x="694944" y="4572"/>
                  </a:lnTo>
                  <a:lnTo>
                    <a:pt x="694944"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58" name="object 58"/>
            <p:cNvSpPr/>
            <p:nvPr/>
          </p:nvSpPr>
          <p:spPr>
            <a:xfrm>
              <a:off x="406908" y="3576827"/>
              <a:ext cx="9052560" cy="485140"/>
            </a:xfrm>
            <a:custGeom>
              <a:avLst/>
              <a:gdLst/>
              <a:ahLst/>
              <a:cxnLst/>
              <a:rect l="l" t="t" r="r" b="b"/>
              <a:pathLst>
                <a:path w="9052560" h="485139">
                  <a:moveTo>
                    <a:pt x="10668" y="0"/>
                  </a:moveTo>
                  <a:lnTo>
                    <a:pt x="0" y="0"/>
                  </a:lnTo>
                  <a:lnTo>
                    <a:pt x="0" y="4572"/>
                  </a:lnTo>
                  <a:lnTo>
                    <a:pt x="10668" y="4572"/>
                  </a:lnTo>
                  <a:lnTo>
                    <a:pt x="10668" y="0"/>
                  </a:lnTo>
                  <a:close/>
                </a:path>
                <a:path w="9052560" h="485139">
                  <a:moveTo>
                    <a:pt x="24384" y="0"/>
                  </a:moveTo>
                  <a:lnTo>
                    <a:pt x="13716" y="0"/>
                  </a:lnTo>
                  <a:lnTo>
                    <a:pt x="13716" y="4572"/>
                  </a:lnTo>
                  <a:lnTo>
                    <a:pt x="24384" y="4572"/>
                  </a:lnTo>
                  <a:lnTo>
                    <a:pt x="24384" y="0"/>
                  </a:lnTo>
                  <a:close/>
                </a:path>
                <a:path w="9052560" h="485139">
                  <a:moveTo>
                    <a:pt x="38100" y="0"/>
                  </a:moveTo>
                  <a:lnTo>
                    <a:pt x="27432" y="0"/>
                  </a:lnTo>
                  <a:lnTo>
                    <a:pt x="27432" y="4572"/>
                  </a:lnTo>
                  <a:lnTo>
                    <a:pt x="38100" y="4572"/>
                  </a:lnTo>
                  <a:lnTo>
                    <a:pt x="38100" y="0"/>
                  </a:lnTo>
                  <a:close/>
                </a:path>
                <a:path w="9052560" h="485139">
                  <a:moveTo>
                    <a:pt x="51816" y="0"/>
                  </a:moveTo>
                  <a:lnTo>
                    <a:pt x="41148" y="0"/>
                  </a:lnTo>
                  <a:lnTo>
                    <a:pt x="41148" y="4572"/>
                  </a:lnTo>
                  <a:lnTo>
                    <a:pt x="51816" y="4572"/>
                  </a:lnTo>
                  <a:lnTo>
                    <a:pt x="51816" y="0"/>
                  </a:lnTo>
                  <a:close/>
                </a:path>
                <a:path w="9052560" h="485139">
                  <a:moveTo>
                    <a:pt x="65532" y="0"/>
                  </a:moveTo>
                  <a:lnTo>
                    <a:pt x="54864" y="0"/>
                  </a:lnTo>
                  <a:lnTo>
                    <a:pt x="54864" y="4572"/>
                  </a:lnTo>
                  <a:lnTo>
                    <a:pt x="65532" y="4572"/>
                  </a:lnTo>
                  <a:lnTo>
                    <a:pt x="65532" y="0"/>
                  </a:lnTo>
                  <a:close/>
                </a:path>
                <a:path w="9052560" h="485139">
                  <a:moveTo>
                    <a:pt x="79248" y="0"/>
                  </a:moveTo>
                  <a:lnTo>
                    <a:pt x="68580" y="0"/>
                  </a:lnTo>
                  <a:lnTo>
                    <a:pt x="68580" y="4572"/>
                  </a:lnTo>
                  <a:lnTo>
                    <a:pt x="79248" y="4572"/>
                  </a:lnTo>
                  <a:lnTo>
                    <a:pt x="79248" y="0"/>
                  </a:lnTo>
                  <a:close/>
                </a:path>
                <a:path w="9052560" h="485139">
                  <a:moveTo>
                    <a:pt x="92964" y="0"/>
                  </a:moveTo>
                  <a:lnTo>
                    <a:pt x="82296" y="0"/>
                  </a:lnTo>
                  <a:lnTo>
                    <a:pt x="82296" y="4572"/>
                  </a:lnTo>
                  <a:lnTo>
                    <a:pt x="92964" y="4572"/>
                  </a:lnTo>
                  <a:lnTo>
                    <a:pt x="92964" y="0"/>
                  </a:lnTo>
                  <a:close/>
                </a:path>
                <a:path w="9052560" h="485139">
                  <a:moveTo>
                    <a:pt x="106680" y="0"/>
                  </a:moveTo>
                  <a:lnTo>
                    <a:pt x="96012" y="0"/>
                  </a:lnTo>
                  <a:lnTo>
                    <a:pt x="96012" y="4572"/>
                  </a:lnTo>
                  <a:lnTo>
                    <a:pt x="106680" y="4572"/>
                  </a:lnTo>
                  <a:lnTo>
                    <a:pt x="106680" y="0"/>
                  </a:lnTo>
                  <a:close/>
                </a:path>
                <a:path w="9052560" h="485139">
                  <a:moveTo>
                    <a:pt x="120396" y="0"/>
                  </a:moveTo>
                  <a:lnTo>
                    <a:pt x="109728" y="0"/>
                  </a:lnTo>
                  <a:lnTo>
                    <a:pt x="109728" y="4572"/>
                  </a:lnTo>
                  <a:lnTo>
                    <a:pt x="120396" y="4572"/>
                  </a:lnTo>
                  <a:lnTo>
                    <a:pt x="120396" y="0"/>
                  </a:lnTo>
                  <a:close/>
                </a:path>
                <a:path w="9052560" h="485139">
                  <a:moveTo>
                    <a:pt x="134112" y="0"/>
                  </a:moveTo>
                  <a:lnTo>
                    <a:pt x="123444" y="0"/>
                  </a:lnTo>
                  <a:lnTo>
                    <a:pt x="123444" y="4572"/>
                  </a:lnTo>
                  <a:lnTo>
                    <a:pt x="134112" y="4572"/>
                  </a:lnTo>
                  <a:lnTo>
                    <a:pt x="134112" y="0"/>
                  </a:lnTo>
                  <a:close/>
                </a:path>
                <a:path w="9052560" h="485139">
                  <a:moveTo>
                    <a:pt x="147828" y="0"/>
                  </a:moveTo>
                  <a:lnTo>
                    <a:pt x="137160" y="0"/>
                  </a:lnTo>
                  <a:lnTo>
                    <a:pt x="137160" y="4572"/>
                  </a:lnTo>
                  <a:lnTo>
                    <a:pt x="147828" y="4572"/>
                  </a:lnTo>
                  <a:lnTo>
                    <a:pt x="147828" y="0"/>
                  </a:lnTo>
                  <a:close/>
                </a:path>
                <a:path w="9052560" h="485139">
                  <a:moveTo>
                    <a:pt x="161544" y="0"/>
                  </a:moveTo>
                  <a:lnTo>
                    <a:pt x="150876" y="0"/>
                  </a:lnTo>
                  <a:lnTo>
                    <a:pt x="150876" y="4572"/>
                  </a:lnTo>
                  <a:lnTo>
                    <a:pt x="161544" y="4572"/>
                  </a:lnTo>
                  <a:lnTo>
                    <a:pt x="161544" y="0"/>
                  </a:lnTo>
                  <a:close/>
                </a:path>
                <a:path w="9052560" h="485139">
                  <a:moveTo>
                    <a:pt x="175260" y="0"/>
                  </a:moveTo>
                  <a:lnTo>
                    <a:pt x="164592" y="0"/>
                  </a:lnTo>
                  <a:lnTo>
                    <a:pt x="164592" y="4572"/>
                  </a:lnTo>
                  <a:lnTo>
                    <a:pt x="175260" y="4572"/>
                  </a:lnTo>
                  <a:lnTo>
                    <a:pt x="175260" y="0"/>
                  </a:lnTo>
                  <a:close/>
                </a:path>
                <a:path w="9052560" h="485139">
                  <a:moveTo>
                    <a:pt x="188976" y="0"/>
                  </a:moveTo>
                  <a:lnTo>
                    <a:pt x="178308" y="0"/>
                  </a:lnTo>
                  <a:lnTo>
                    <a:pt x="178308" y="4572"/>
                  </a:lnTo>
                  <a:lnTo>
                    <a:pt x="188976" y="4572"/>
                  </a:lnTo>
                  <a:lnTo>
                    <a:pt x="188976" y="0"/>
                  </a:lnTo>
                  <a:close/>
                </a:path>
                <a:path w="9052560" h="485139">
                  <a:moveTo>
                    <a:pt x="202692" y="0"/>
                  </a:moveTo>
                  <a:lnTo>
                    <a:pt x="192024" y="0"/>
                  </a:lnTo>
                  <a:lnTo>
                    <a:pt x="192024" y="4572"/>
                  </a:lnTo>
                  <a:lnTo>
                    <a:pt x="202692" y="4572"/>
                  </a:lnTo>
                  <a:lnTo>
                    <a:pt x="202692" y="0"/>
                  </a:lnTo>
                  <a:close/>
                </a:path>
                <a:path w="9052560" h="485139">
                  <a:moveTo>
                    <a:pt x="216408" y="0"/>
                  </a:moveTo>
                  <a:lnTo>
                    <a:pt x="205740" y="0"/>
                  </a:lnTo>
                  <a:lnTo>
                    <a:pt x="205740" y="4572"/>
                  </a:lnTo>
                  <a:lnTo>
                    <a:pt x="216408" y="4572"/>
                  </a:lnTo>
                  <a:lnTo>
                    <a:pt x="216408" y="0"/>
                  </a:lnTo>
                  <a:close/>
                </a:path>
                <a:path w="9052560" h="485139">
                  <a:moveTo>
                    <a:pt x="230124" y="0"/>
                  </a:moveTo>
                  <a:lnTo>
                    <a:pt x="219456" y="0"/>
                  </a:lnTo>
                  <a:lnTo>
                    <a:pt x="219456" y="4572"/>
                  </a:lnTo>
                  <a:lnTo>
                    <a:pt x="230124" y="4572"/>
                  </a:lnTo>
                  <a:lnTo>
                    <a:pt x="230124" y="0"/>
                  </a:lnTo>
                  <a:close/>
                </a:path>
                <a:path w="9052560" h="485139">
                  <a:moveTo>
                    <a:pt x="243840" y="0"/>
                  </a:moveTo>
                  <a:lnTo>
                    <a:pt x="233172" y="0"/>
                  </a:lnTo>
                  <a:lnTo>
                    <a:pt x="233172" y="4572"/>
                  </a:lnTo>
                  <a:lnTo>
                    <a:pt x="243840" y="4572"/>
                  </a:lnTo>
                  <a:lnTo>
                    <a:pt x="243840" y="0"/>
                  </a:lnTo>
                  <a:close/>
                </a:path>
                <a:path w="9052560" h="485139">
                  <a:moveTo>
                    <a:pt x="257556" y="0"/>
                  </a:moveTo>
                  <a:lnTo>
                    <a:pt x="246888" y="0"/>
                  </a:lnTo>
                  <a:lnTo>
                    <a:pt x="246888" y="4572"/>
                  </a:lnTo>
                  <a:lnTo>
                    <a:pt x="257556" y="4572"/>
                  </a:lnTo>
                  <a:lnTo>
                    <a:pt x="257556" y="0"/>
                  </a:lnTo>
                  <a:close/>
                </a:path>
                <a:path w="9052560" h="485139">
                  <a:moveTo>
                    <a:pt x="271272" y="0"/>
                  </a:moveTo>
                  <a:lnTo>
                    <a:pt x="260604" y="0"/>
                  </a:lnTo>
                  <a:lnTo>
                    <a:pt x="260604" y="4572"/>
                  </a:lnTo>
                  <a:lnTo>
                    <a:pt x="271272" y="4572"/>
                  </a:lnTo>
                  <a:lnTo>
                    <a:pt x="271272" y="0"/>
                  </a:lnTo>
                  <a:close/>
                </a:path>
                <a:path w="9052560" h="485139">
                  <a:moveTo>
                    <a:pt x="284988" y="0"/>
                  </a:moveTo>
                  <a:lnTo>
                    <a:pt x="274320" y="0"/>
                  </a:lnTo>
                  <a:lnTo>
                    <a:pt x="274320" y="4572"/>
                  </a:lnTo>
                  <a:lnTo>
                    <a:pt x="284988" y="4572"/>
                  </a:lnTo>
                  <a:lnTo>
                    <a:pt x="284988" y="0"/>
                  </a:lnTo>
                  <a:close/>
                </a:path>
                <a:path w="9052560" h="485139">
                  <a:moveTo>
                    <a:pt x="298704" y="0"/>
                  </a:moveTo>
                  <a:lnTo>
                    <a:pt x="288036" y="0"/>
                  </a:lnTo>
                  <a:lnTo>
                    <a:pt x="288036" y="4572"/>
                  </a:lnTo>
                  <a:lnTo>
                    <a:pt x="298704" y="4572"/>
                  </a:lnTo>
                  <a:lnTo>
                    <a:pt x="298704" y="0"/>
                  </a:lnTo>
                  <a:close/>
                </a:path>
                <a:path w="9052560" h="485139">
                  <a:moveTo>
                    <a:pt x="312420" y="0"/>
                  </a:moveTo>
                  <a:lnTo>
                    <a:pt x="301752" y="0"/>
                  </a:lnTo>
                  <a:lnTo>
                    <a:pt x="301752" y="4572"/>
                  </a:lnTo>
                  <a:lnTo>
                    <a:pt x="312420" y="4572"/>
                  </a:lnTo>
                  <a:lnTo>
                    <a:pt x="312420" y="0"/>
                  </a:lnTo>
                  <a:close/>
                </a:path>
                <a:path w="9052560" h="485139">
                  <a:moveTo>
                    <a:pt x="326136" y="0"/>
                  </a:moveTo>
                  <a:lnTo>
                    <a:pt x="315468" y="0"/>
                  </a:lnTo>
                  <a:lnTo>
                    <a:pt x="315468" y="4572"/>
                  </a:lnTo>
                  <a:lnTo>
                    <a:pt x="326136" y="4572"/>
                  </a:lnTo>
                  <a:lnTo>
                    <a:pt x="326136" y="0"/>
                  </a:lnTo>
                  <a:close/>
                </a:path>
                <a:path w="9052560" h="485139">
                  <a:moveTo>
                    <a:pt x="339852" y="0"/>
                  </a:moveTo>
                  <a:lnTo>
                    <a:pt x="329184" y="0"/>
                  </a:lnTo>
                  <a:lnTo>
                    <a:pt x="329184" y="4572"/>
                  </a:lnTo>
                  <a:lnTo>
                    <a:pt x="339852" y="4572"/>
                  </a:lnTo>
                  <a:lnTo>
                    <a:pt x="339852" y="0"/>
                  </a:lnTo>
                  <a:close/>
                </a:path>
                <a:path w="9052560" h="485139">
                  <a:moveTo>
                    <a:pt x="353568" y="0"/>
                  </a:moveTo>
                  <a:lnTo>
                    <a:pt x="342900" y="0"/>
                  </a:lnTo>
                  <a:lnTo>
                    <a:pt x="342900" y="4572"/>
                  </a:lnTo>
                  <a:lnTo>
                    <a:pt x="353568" y="4572"/>
                  </a:lnTo>
                  <a:lnTo>
                    <a:pt x="353568" y="0"/>
                  </a:lnTo>
                  <a:close/>
                </a:path>
                <a:path w="9052560" h="485139">
                  <a:moveTo>
                    <a:pt x="367284" y="0"/>
                  </a:moveTo>
                  <a:lnTo>
                    <a:pt x="356616" y="0"/>
                  </a:lnTo>
                  <a:lnTo>
                    <a:pt x="356616" y="4572"/>
                  </a:lnTo>
                  <a:lnTo>
                    <a:pt x="367284" y="4572"/>
                  </a:lnTo>
                  <a:lnTo>
                    <a:pt x="367284" y="0"/>
                  </a:lnTo>
                  <a:close/>
                </a:path>
                <a:path w="9052560" h="485139">
                  <a:moveTo>
                    <a:pt x="381000" y="0"/>
                  </a:moveTo>
                  <a:lnTo>
                    <a:pt x="370332" y="0"/>
                  </a:lnTo>
                  <a:lnTo>
                    <a:pt x="370332" y="4572"/>
                  </a:lnTo>
                  <a:lnTo>
                    <a:pt x="381000" y="4572"/>
                  </a:lnTo>
                  <a:lnTo>
                    <a:pt x="381000" y="0"/>
                  </a:lnTo>
                  <a:close/>
                </a:path>
                <a:path w="9052560" h="485139">
                  <a:moveTo>
                    <a:pt x="394716" y="0"/>
                  </a:moveTo>
                  <a:lnTo>
                    <a:pt x="384048" y="0"/>
                  </a:lnTo>
                  <a:lnTo>
                    <a:pt x="384048" y="4572"/>
                  </a:lnTo>
                  <a:lnTo>
                    <a:pt x="394716" y="4572"/>
                  </a:lnTo>
                  <a:lnTo>
                    <a:pt x="394716" y="0"/>
                  </a:lnTo>
                  <a:close/>
                </a:path>
                <a:path w="9052560" h="485139">
                  <a:moveTo>
                    <a:pt x="408432" y="0"/>
                  </a:moveTo>
                  <a:lnTo>
                    <a:pt x="397764" y="0"/>
                  </a:lnTo>
                  <a:lnTo>
                    <a:pt x="397764" y="4572"/>
                  </a:lnTo>
                  <a:lnTo>
                    <a:pt x="408432" y="4572"/>
                  </a:lnTo>
                  <a:lnTo>
                    <a:pt x="408432" y="0"/>
                  </a:lnTo>
                  <a:close/>
                </a:path>
                <a:path w="9052560" h="485139">
                  <a:moveTo>
                    <a:pt x="422148" y="0"/>
                  </a:moveTo>
                  <a:lnTo>
                    <a:pt x="411480" y="0"/>
                  </a:lnTo>
                  <a:lnTo>
                    <a:pt x="411480" y="4572"/>
                  </a:lnTo>
                  <a:lnTo>
                    <a:pt x="422148" y="4572"/>
                  </a:lnTo>
                  <a:lnTo>
                    <a:pt x="422148" y="0"/>
                  </a:lnTo>
                  <a:close/>
                </a:path>
                <a:path w="9052560" h="485139">
                  <a:moveTo>
                    <a:pt x="435864" y="0"/>
                  </a:moveTo>
                  <a:lnTo>
                    <a:pt x="425183" y="0"/>
                  </a:lnTo>
                  <a:lnTo>
                    <a:pt x="425183" y="4572"/>
                  </a:lnTo>
                  <a:lnTo>
                    <a:pt x="435864" y="4572"/>
                  </a:lnTo>
                  <a:lnTo>
                    <a:pt x="435864" y="0"/>
                  </a:lnTo>
                  <a:close/>
                </a:path>
                <a:path w="9052560" h="485139">
                  <a:moveTo>
                    <a:pt x="449580" y="0"/>
                  </a:moveTo>
                  <a:lnTo>
                    <a:pt x="438912" y="0"/>
                  </a:lnTo>
                  <a:lnTo>
                    <a:pt x="438912" y="4572"/>
                  </a:lnTo>
                  <a:lnTo>
                    <a:pt x="449580" y="4572"/>
                  </a:lnTo>
                  <a:lnTo>
                    <a:pt x="449580" y="0"/>
                  </a:lnTo>
                  <a:close/>
                </a:path>
                <a:path w="9052560" h="485139">
                  <a:moveTo>
                    <a:pt x="463296" y="0"/>
                  </a:moveTo>
                  <a:lnTo>
                    <a:pt x="452628" y="0"/>
                  </a:lnTo>
                  <a:lnTo>
                    <a:pt x="452628" y="4572"/>
                  </a:lnTo>
                  <a:lnTo>
                    <a:pt x="463296" y="4572"/>
                  </a:lnTo>
                  <a:lnTo>
                    <a:pt x="463296" y="0"/>
                  </a:lnTo>
                  <a:close/>
                </a:path>
                <a:path w="9052560" h="485139">
                  <a:moveTo>
                    <a:pt x="477012" y="0"/>
                  </a:moveTo>
                  <a:lnTo>
                    <a:pt x="466344" y="0"/>
                  </a:lnTo>
                  <a:lnTo>
                    <a:pt x="466344" y="4572"/>
                  </a:lnTo>
                  <a:lnTo>
                    <a:pt x="477012" y="4572"/>
                  </a:lnTo>
                  <a:lnTo>
                    <a:pt x="477012" y="0"/>
                  </a:lnTo>
                  <a:close/>
                </a:path>
                <a:path w="9052560" h="485139">
                  <a:moveTo>
                    <a:pt x="490728" y="0"/>
                  </a:moveTo>
                  <a:lnTo>
                    <a:pt x="480060" y="0"/>
                  </a:lnTo>
                  <a:lnTo>
                    <a:pt x="480060" y="4572"/>
                  </a:lnTo>
                  <a:lnTo>
                    <a:pt x="490728" y="4572"/>
                  </a:lnTo>
                  <a:lnTo>
                    <a:pt x="490728" y="0"/>
                  </a:lnTo>
                  <a:close/>
                </a:path>
                <a:path w="9052560" h="485139">
                  <a:moveTo>
                    <a:pt x="504444" y="0"/>
                  </a:moveTo>
                  <a:lnTo>
                    <a:pt x="493776" y="0"/>
                  </a:lnTo>
                  <a:lnTo>
                    <a:pt x="493776" y="4572"/>
                  </a:lnTo>
                  <a:lnTo>
                    <a:pt x="504444" y="4572"/>
                  </a:lnTo>
                  <a:lnTo>
                    <a:pt x="504444" y="0"/>
                  </a:lnTo>
                  <a:close/>
                </a:path>
                <a:path w="9052560" h="485139">
                  <a:moveTo>
                    <a:pt x="518160" y="0"/>
                  </a:moveTo>
                  <a:lnTo>
                    <a:pt x="507492" y="0"/>
                  </a:lnTo>
                  <a:lnTo>
                    <a:pt x="507492" y="4572"/>
                  </a:lnTo>
                  <a:lnTo>
                    <a:pt x="518160" y="4572"/>
                  </a:lnTo>
                  <a:lnTo>
                    <a:pt x="518160" y="0"/>
                  </a:lnTo>
                  <a:close/>
                </a:path>
                <a:path w="9052560" h="485139">
                  <a:moveTo>
                    <a:pt x="531876" y="0"/>
                  </a:moveTo>
                  <a:lnTo>
                    <a:pt x="521208" y="0"/>
                  </a:lnTo>
                  <a:lnTo>
                    <a:pt x="521208" y="4572"/>
                  </a:lnTo>
                  <a:lnTo>
                    <a:pt x="531876" y="4572"/>
                  </a:lnTo>
                  <a:lnTo>
                    <a:pt x="531876" y="0"/>
                  </a:lnTo>
                  <a:close/>
                </a:path>
                <a:path w="9052560" h="485139">
                  <a:moveTo>
                    <a:pt x="545592" y="0"/>
                  </a:moveTo>
                  <a:lnTo>
                    <a:pt x="534924" y="0"/>
                  </a:lnTo>
                  <a:lnTo>
                    <a:pt x="534924" y="4572"/>
                  </a:lnTo>
                  <a:lnTo>
                    <a:pt x="545592" y="4572"/>
                  </a:lnTo>
                  <a:lnTo>
                    <a:pt x="545592" y="0"/>
                  </a:lnTo>
                  <a:close/>
                </a:path>
                <a:path w="9052560" h="485139">
                  <a:moveTo>
                    <a:pt x="559308" y="0"/>
                  </a:moveTo>
                  <a:lnTo>
                    <a:pt x="548640" y="0"/>
                  </a:lnTo>
                  <a:lnTo>
                    <a:pt x="548640" y="4572"/>
                  </a:lnTo>
                  <a:lnTo>
                    <a:pt x="559308" y="4572"/>
                  </a:lnTo>
                  <a:lnTo>
                    <a:pt x="559308" y="0"/>
                  </a:lnTo>
                  <a:close/>
                </a:path>
                <a:path w="9052560" h="485139">
                  <a:moveTo>
                    <a:pt x="573024" y="0"/>
                  </a:moveTo>
                  <a:lnTo>
                    <a:pt x="562356" y="0"/>
                  </a:lnTo>
                  <a:lnTo>
                    <a:pt x="562356" y="4572"/>
                  </a:lnTo>
                  <a:lnTo>
                    <a:pt x="573024" y="4572"/>
                  </a:lnTo>
                  <a:lnTo>
                    <a:pt x="573024" y="0"/>
                  </a:lnTo>
                  <a:close/>
                </a:path>
                <a:path w="9052560" h="485139">
                  <a:moveTo>
                    <a:pt x="586740" y="0"/>
                  </a:moveTo>
                  <a:lnTo>
                    <a:pt x="576072" y="0"/>
                  </a:lnTo>
                  <a:lnTo>
                    <a:pt x="576072" y="4572"/>
                  </a:lnTo>
                  <a:lnTo>
                    <a:pt x="586740" y="4572"/>
                  </a:lnTo>
                  <a:lnTo>
                    <a:pt x="586740" y="0"/>
                  </a:lnTo>
                  <a:close/>
                </a:path>
                <a:path w="9052560" h="485139">
                  <a:moveTo>
                    <a:pt x="600456" y="0"/>
                  </a:moveTo>
                  <a:lnTo>
                    <a:pt x="589788" y="0"/>
                  </a:lnTo>
                  <a:lnTo>
                    <a:pt x="589788" y="4572"/>
                  </a:lnTo>
                  <a:lnTo>
                    <a:pt x="600456" y="4572"/>
                  </a:lnTo>
                  <a:lnTo>
                    <a:pt x="600456" y="0"/>
                  </a:lnTo>
                  <a:close/>
                </a:path>
                <a:path w="9052560" h="485139">
                  <a:moveTo>
                    <a:pt x="614172" y="0"/>
                  </a:moveTo>
                  <a:lnTo>
                    <a:pt x="603504" y="0"/>
                  </a:lnTo>
                  <a:lnTo>
                    <a:pt x="603504" y="4572"/>
                  </a:lnTo>
                  <a:lnTo>
                    <a:pt x="614172" y="4572"/>
                  </a:lnTo>
                  <a:lnTo>
                    <a:pt x="614172" y="0"/>
                  </a:lnTo>
                  <a:close/>
                </a:path>
                <a:path w="9052560" h="485139">
                  <a:moveTo>
                    <a:pt x="627888" y="0"/>
                  </a:moveTo>
                  <a:lnTo>
                    <a:pt x="617220" y="0"/>
                  </a:lnTo>
                  <a:lnTo>
                    <a:pt x="617220" y="4572"/>
                  </a:lnTo>
                  <a:lnTo>
                    <a:pt x="627888" y="4572"/>
                  </a:lnTo>
                  <a:lnTo>
                    <a:pt x="627888" y="0"/>
                  </a:lnTo>
                  <a:close/>
                </a:path>
                <a:path w="9052560" h="485139">
                  <a:moveTo>
                    <a:pt x="641604" y="0"/>
                  </a:moveTo>
                  <a:lnTo>
                    <a:pt x="630936" y="0"/>
                  </a:lnTo>
                  <a:lnTo>
                    <a:pt x="630936" y="4572"/>
                  </a:lnTo>
                  <a:lnTo>
                    <a:pt x="641604" y="4572"/>
                  </a:lnTo>
                  <a:lnTo>
                    <a:pt x="641604" y="0"/>
                  </a:lnTo>
                  <a:close/>
                </a:path>
                <a:path w="9052560" h="485139">
                  <a:moveTo>
                    <a:pt x="655320" y="0"/>
                  </a:moveTo>
                  <a:lnTo>
                    <a:pt x="644652" y="0"/>
                  </a:lnTo>
                  <a:lnTo>
                    <a:pt x="644652" y="4572"/>
                  </a:lnTo>
                  <a:lnTo>
                    <a:pt x="655320" y="4572"/>
                  </a:lnTo>
                  <a:lnTo>
                    <a:pt x="655320" y="0"/>
                  </a:lnTo>
                  <a:close/>
                </a:path>
                <a:path w="9052560" h="485139">
                  <a:moveTo>
                    <a:pt x="669036" y="0"/>
                  </a:moveTo>
                  <a:lnTo>
                    <a:pt x="658368" y="0"/>
                  </a:lnTo>
                  <a:lnTo>
                    <a:pt x="658368" y="4572"/>
                  </a:lnTo>
                  <a:lnTo>
                    <a:pt x="669036" y="4572"/>
                  </a:lnTo>
                  <a:lnTo>
                    <a:pt x="669036" y="0"/>
                  </a:lnTo>
                  <a:close/>
                </a:path>
                <a:path w="9052560" h="485139">
                  <a:moveTo>
                    <a:pt x="682752" y="0"/>
                  </a:moveTo>
                  <a:lnTo>
                    <a:pt x="672084" y="0"/>
                  </a:lnTo>
                  <a:lnTo>
                    <a:pt x="672084" y="4572"/>
                  </a:lnTo>
                  <a:lnTo>
                    <a:pt x="682752" y="4572"/>
                  </a:lnTo>
                  <a:lnTo>
                    <a:pt x="682752" y="0"/>
                  </a:lnTo>
                  <a:close/>
                </a:path>
                <a:path w="9052560" h="485139">
                  <a:moveTo>
                    <a:pt x="696468" y="0"/>
                  </a:moveTo>
                  <a:lnTo>
                    <a:pt x="685800" y="0"/>
                  </a:lnTo>
                  <a:lnTo>
                    <a:pt x="685800" y="4572"/>
                  </a:lnTo>
                  <a:lnTo>
                    <a:pt x="696468" y="4572"/>
                  </a:lnTo>
                  <a:lnTo>
                    <a:pt x="696468" y="0"/>
                  </a:lnTo>
                  <a:close/>
                </a:path>
                <a:path w="9052560" h="485139">
                  <a:moveTo>
                    <a:pt x="710184" y="0"/>
                  </a:moveTo>
                  <a:lnTo>
                    <a:pt x="699516" y="0"/>
                  </a:lnTo>
                  <a:lnTo>
                    <a:pt x="699516" y="4572"/>
                  </a:lnTo>
                  <a:lnTo>
                    <a:pt x="710184" y="4572"/>
                  </a:lnTo>
                  <a:lnTo>
                    <a:pt x="710184" y="0"/>
                  </a:lnTo>
                  <a:close/>
                </a:path>
                <a:path w="9052560" h="485139">
                  <a:moveTo>
                    <a:pt x="723900" y="0"/>
                  </a:moveTo>
                  <a:lnTo>
                    <a:pt x="713232" y="0"/>
                  </a:lnTo>
                  <a:lnTo>
                    <a:pt x="713232" y="4572"/>
                  </a:lnTo>
                  <a:lnTo>
                    <a:pt x="723900" y="4572"/>
                  </a:lnTo>
                  <a:lnTo>
                    <a:pt x="723900" y="0"/>
                  </a:lnTo>
                  <a:close/>
                </a:path>
                <a:path w="9052560" h="485139">
                  <a:moveTo>
                    <a:pt x="737616" y="0"/>
                  </a:moveTo>
                  <a:lnTo>
                    <a:pt x="726948" y="0"/>
                  </a:lnTo>
                  <a:lnTo>
                    <a:pt x="726948" y="4572"/>
                  </a:lnTo>
                  <a:lnTo>
                    <a:pt x="737616" y="4572"/>
                  </a:lnTo>
                  <a:lnTo>
                    <a:pt x="737616" y="0"/>
                  </a:lnTo>
                  <a:close/>
                </a:path>
                <a:path w="9052560" h="485139">
                  <a:moveTo>
                    <a:pt x="751332" y="0"/>
                  </a:moveTo>
                  <a:lnTo>
                    <a:pt x="740664" y="0"/>
                  </a:lnTo>
                  <a:lnTo>
                    <a:pt x="740664" y="4572"/>
                  </a:lnTo>
                  <a:lnTo>
                    <a:pt x="751332" y="4572"/>
                  </a:lnTo>
                  <a:lnTo>
                    <a:pt x="751332" y="0"/>
                  </a:lnTo>
                  <a:close/>
                </a:path>
                <a:path w="9052560" h="485139">
                  <a:moveTo>
                    <a:pt x="765048" y="0"/>
                  </a:moveTo>
                  <a:lnTo>
                    <a:pt x="754380" y="0"/>
                  </a:lnTo>
                  <a:lnTo>
                    <a:pt x="754380" y="4572"/>
                  </a:lnTo>
                  <a:lnTo>
                    <a:pt x="765048" y="4572"/>
                  </a:lnTo>
                  <a:lnTo>
                    <a:pt x="765048" y="0"/>
                  </a:lnTo>
                  <a:close/>
                </a:path>
                <a:path w="9052560" h="485139">
                  <a:moveTo>
                    <a:pt x="8865108" y="480060"/>
                  </a:moveTo>
                  <a:lnTo>
                    <a:pt x="8855964" y="480060"/>
                  </a:lnTo>
                  <a:lnTo>
                    <a:pt x="8855964" y="484632"/>
                  </a:lnTo>
                  <a:lnTo>
                    <a:pt x="8865108" y="484632"/>
                  </a:lnTo>
                  <a:lnTo>
                    <a:pt x="8865108" y="480060"/>
                  </a:lnTo>
                  <a:close/>
                </a:path>
                <a:path w="9052560" h="485139">
                  <a:moveTo>
                    <a:pt x="8878824" y="480060"/>
                  </a:moveTo>
                  <a:lnTo>
                    <a:pt x="8869680" y="480060"/>
                  </a:lnTo>
                  <a:lnTo>
                    <a:pt x="8869680" y="484632"/>
                  </a:lnTo>
                  <a:lnTo>
                    <a:pt x="8878824" y="484632"/>
                  </a:lnTo>
                  <a:lnTo>
                    <a:pt x="8878824" y="480060"/>
                  </a:lnTo>
                  <a:close/>
                </a:path>
                <a:path w="9052560" h="485139">
                  <a:moveTo>
                    <a:pt x="8892540" y="480060"/>
                  </a:moveTo>
                  <a:lnTo>
                    <a:pt x="8883396" y="480060"/>
                  </a:lnTo>
                  <a:lnTo>
                    <a:pt x="8883396" y="484632"/>
                  </a:lnTo>
                  <a:lnTo>
                    <a:pt x="8892540" y="484632"/>
                  </a:lnTo>
                  <a:lnTo>
                    <a:pt x="8892540" y="480060"/>
                  </a:lnTo>
                  <a:close/>
                </a:path>
                <a:path w="9052560" h="485139">
                  <a:moveTo>
                    <a:pt x="8906256" y="480060"/>
                  </a:moveTo>
                  <a:lnTo>
                    <a:pt x="8897112" y="480060"/>
                  </a:lnTo>
                  <a:lnTo>
                    <a:pt x="8897112" y="484632"/>
                  </a:lnTo>
                  <a:lnTo>
                    <a:pt x="8906256" y="484632"/>
                  </a:lnTo>
                  <a:lnTo>
                    <a:pt x="8906256" y="480060"/>
                  </a:lnTo>
                  <a:close/>
                </a:path>
                <a:path w="9052560" h="485139">
                  <a:moveTo>
                    <a:pt x="8919972" y="480060"/>
                  </a:moveTo>
                  <a:lnTo>
                    <a:pt x="8910828" y="480060"/>
                  </a:lnTo>
                  <a:lnTo>
                    <a:pt x="8910828" y="484632"/>
                  </a:lnTo>
                  <a:lnTo>
                    <a:pt x="8919972" y="484632"/>
                  </a:lnTo>
                  <a:lnTo>
                    <a:pt x="8919972" y="480060"/>
                  </a:lnTo>
                  <a:close/>
                </a:path>
                <a:path w="9052560" h="485139">
                  <a:moveTo>
                    <a:pt x="8933688" y="480060"/>
                  </a:moveTo>
                  <a:lnTo>
                    <a:pt x="8924544" y="480060"/>
                  </a:lnTo>
                  <a:lnTo>
                    <a:pt x="8924544" y="484632"/>
                  </a:lnTo>
                  <a:lnTo>
                    <a:pt x="8933688" y="484632"/>
                  </a:lnTo>
                  <a:lnTo>
                    <a:pt x="8933688" y="480060"/>
                  </a:lnTo>
                  <a:close/>
                </a:path>
                <a:path w="9052560" h="485139">
                  <a:moveTo>
                    <a:pt x="8947404" y="480060"/>
                  </a:moveTo>
                  <a:lnTo>
                    <a:pt x="8938260" y="480060"/>
                  </a:lnTo>
                  <a:lnTo>
                    <a:pt x="8938260" y="484632"/>
                  </a:lnTo>
                  <a:lnTo>
                    <a:pt x="8947404" y="484632"/>
                  </a:lnTo>
                  <a:lnTo>
                    <a:pt x="8947404" y="480060"/>
                  </a:lnTo>
                  <a:close/>
                </a:path>
                <a:path w="9052560" h="485139">
                  <a:moveTo>
                    <a:pt x="8961120" y="480060"/>
                  </a:moveTo>
                  <a:lnTo>
                    <a:pt x="8951976" y="480060"/>
                  </a:lnTo>
                  <a:lnTo>
                    <a:pt x="8951976" y="484632"/>
                  </a:lnTo>
                  <a:lnTo>
                    <a:pt x="8961120" y="484632"/>
                  </a:lnTo>
                  <a:lnTo>
                    <a:pt x="8961120" y="480060"/>
                  </a:lnTo>
                  <a:close/>
                </a:path>
                <a:path w="9052560" h="485139">
                  <a:moveTo>
                    <a:pt x="8974836" y="480060"/>
                  </a:moveTo>
                  <a:lnTo>
                    <a:pt x="8965692" y="480060"/>
                  </a:lnTo>
                  <a:lnTo>
                    <a:pt x="8965692" y="484632"/>
                  </a:lnTo>
                  <a:lnTo>
                    <a:pt x="8974836" y="484632"/>
                  </a:lnTo>
                  <a:lnTo>
                    <a:pt x="8974836" y="480060"/>
                  </a:lnTo>
                  <a:close/>
                </a:path>
                <a:path w="9052560" h="485139">
                  <a:moveTo>
                    <a:pt x="8988552" y="480060"/>
                  </a:moveTo>
                  <a:lnTo>
                    <a:pt x="8979408" y="480060"/>
                  </a:lnTo>
                  <a:lnTo>
                    <a:pt x="8979408" y="484632"/>
                  </a:lnTo>
                  <a:lnTo>
                    <a:pt x="8988552" y="484632"/>
                  </a:lnTo>
                  <a:lnTo>
                    <a:pt x="8988552" y="480060"/>
                  </a:lnTo>
                  <a:close/>
                </a:path>
                <a:path w="9052560" h="485139">
                  <a:moveTo>
                    <a:pt x="9002268" y="480060"/>
                  </a:moveTo>
                  <a:lnTo>
                    <a:pt x="8993124" y="480060"/>
                  </a:lnTo>
                  <a:lnTo>
                    <a:pt x="8993124" y="484632"/>
                  </a:lnTo>
                  <a:lnTo>
                    <a:pt x="9002268" y="484632"/>
                  </a:lnTo>
                  <a:lnTo>
                    <a:pt x="9002268" y="480060"/>
                  </a:lnTo>
                  <a:close/>
                </a:path>
                <a:path w="9052560" h="485139">
                  <a:moveTo>
                    <a:pt x="9015984" y="480060"/>
                  </a:moveTo>
                  <a:lnTo>
                    <a:pt x="9006840" y="480060"/>
                  </a:lnTo>
                  <a:lnTo>
                    <a:pt x="9006840" y="484632"/>
                  </a:lnTo>
                  <a:lnTo>
                    <a:pt x="9015984" y="484632"/>
                  </a:lnTo>
                  <a:lnTo>
                    <a:pt x="9015984" y="480060"/>
                  </a:lnTo>
                  <a:close/>
                </a:path>
                <a:path w="9052560" h="485139">
                  <a:moveTo>
                    <a:pt x="9029700" y="480060"/>
                  </a:moveTo>
                  <a:lnTo>
                    <a:pt x="9020556" y="480060"/>
                  </a:lnTo>
                  <a:lnTo>
                    <a:pt x="9020556" y="484632"/>
                  </a:lnTo>
                  <a:lnTo>
                    <a:pt x="9029700" y="484632"/>
                  </a:lnTo>
                  <a:lnTo>
                    <a:pt x="9029700" y="480060"/>
                  </a:lnTo>
                  <a:close/>
                </a:path>
                <a:path w="9052560" h="485139">
                  <a:moveTo>
                    <a:pt x="9043416" y="480060"/>
                  </a:moveTo>
                  <a:lnTo>
                    <a:pt x="9034272" y="480060"/>
                  </a:lnTo>
                  <a:lnTo>
                    <a:pt x="9034272" y="484632"/>
                  </a:lnTo>
                  <a:lnTo>
                    <a:pt x="9043416" y="484632"/>
                  </a:lnTo>
                  <a:lnTo>
                    <a:pt x="9043416" y="480060"/>
                  </a:lnTo>
                  <a:close/>
                </a:path>
                <a:path w="9052560" h="485139">
                  <a:moveTo>
                    <a:pt x="9052560" y="480060"/>
                  </a:moveTo>
                  <a:lnTo>
                    <a:pt x="9047988" y="480060"/>
                  </a:lnTo>
                  <a:lnTo>
                    <a:pt x="9047988" y="484632"/>
                  </a:lnTo>
                  <a:lnTo>
                    <a:pt x="9052560" y="484632"/>
                  </a:lnTo>
                  <a:lnTo>
                    <a:pt x="9052560" y="480060"/>
                  </a:lnTo>
                  <a:close/>
                </a:path>
              </a:pathLst>
            </a:custGeom>
            <a:solidFill>
              <a:srgbClr val="000000"/>
            </a:solidFill>
          </p:spPr>
          <p:txBody>
            <a:bodyPr wrap="square" lIns="0" tIns="0" rIns="0" bIns="0" rtlCol="0"/>
            <a:lstStyle/>
            <a:p>
              <a:endParaRPr sz="1539"/>
            </a:p>
          </p:txBody>
        </p:sp>
        <p:sp>
          <p:nvSpPr>
            <p:cNvPr id="59" name="object 59"/>
            <p:cNvSpPr/>
            <p:nvPr/>
          </p:nvSpPr>
          <p:spPr>
            <a:xfrm>
              <a:off x="1161288" y="3576827"/>
              <a:ext cx="969644" cy="5080"/>
            </a:xfrm>
            <a:custGeom>
              <a:avLst/>
              <a:gdLst/>
              <a:ahLst/>
              <a:cxnLst/>
              <a:rect l="l" t="t" r="r" b="b"/>
              <a:pathLst>
                <a:path w="969644" h="5079">
                  <a:moveTo>
                    <a:pt x="10668" y="0"/>
                  </a:moveTo>
                  <a:lnTo>
                    <a:pt x="0" y="0"/>
                  </a:lnTo>
                  <a:lnTo>
                    <a:pt x="0" y="4572"/>
                  </a:lnTo>
                  <a:lnTo>
                    <a:pt x="10668" y="4572"/>
                  </a:lnTo>
                  <a:lnTo>
                    <a:pt x="10668" y="0"/>
                  </a:lnTo>
                  <a:close/>
                </a:path>
                <a:path w="969644" h="5079">
                  <a:moveTo>
                    <a:pt x="24384" y="0"/>
                  </a:moveTo>
                  <a:lnTo>
                    <a:pt x="13716" y="0"/>
                  </a:lnTo>
                  <a:lnTo>
                    <a:pt x="13716" y="4572"/>
                  </a:lnTo>
                  <a:lnTo>
                    <a:pt x="24384" y="4572"/>
                  </a:lnTo>
                  <a:lnTo>
                    <a:pt x="24384" y="0"/>
                  </a:lnTo>
                  <a:close/>
                </a:path>
                <a:path w="969644" h="5079">
                  <a:moveTo>
                    <a:pt x="38100" y="0"/>
                  </a:moveTo>
                  <a:lnTo>
                    <a:pt x="27432" y="0"/>
                  </a:lnTo>
                  <a:lnTo>
                    <a:pt x="27432" y="4572"/>
                  </a:lnTo>
                  <a:lnTo>
                    <a:pt x="38100" y="4572"/>
                  </a:lnTo>
                  <a:lnTo>
                    <a:pt x="38100" y="0"/>
                  </a:lnTo>
                  <a:close/>
                </a:path>
                <a:path w="969644" h="5079">
                  <a:moveTo>
                    <a:pt x="51816" y="0"/>
                  </a:moveTo>
                  <a:lnTo>
                    <a:pt x="41148" y="0"/>
                  </a:lnTo>
                  <a:lnTo>
                    <a:pt x="41148" y="4572"/>
                  </a:lnTo>
                  <a:lnTo>
                    <a:pt x="51816" y="4572"/>
                  </a:lnTo>
                  <a:lnTo>
                    <a:pt x="51816" y="0"/>
                  </a:lnTo>
                  <a:close/>
                </a:path>
                <a:path w="969644" h="5079">
                  <a:moveTo>
                    <a:pt x="65532" y="0"/>
                  </a:moveTo>
                  <a:lnTo>
                    <a:pt x="54864" y="0"/>
                  </a:lnTo>
                  <a:lnTo>
                    <a:pt x="54864" y="4572"/>
                  </a:lnTo>
                  <a:lnTo>
                    <a:pt x="65532" y="4572"/>
                  </a:lnTo>
                  <a:lnTo>
                    <a:pt x="65532" y="0"/>
                  </a:lnTo>
                  <a:close/>
                </a:path>
                <a:path w="969644" h="5079">
                  <a:moveTo>
                    <a:pt x="79248" y="0"/>
                  </a:moveTo>
                  <a:lnTo>
                    <a:pt x="68580" y="0"/>
                  </a:lnTo>
                  <a:lnTo>
                    <a:pt x="68580" y="4572"/>
                  </a:lnTo>
                  <a:lnTo>
                    <a:pt x="79248" y="4572"/>
                  </a:lnTo>
                  <a:lnTo>
                    <a:pt x="79248" y="0"/>
                  </a:lnTo>
                  <a:close/>
                </a:path>
                <a:path w="969644" h="5079">
                  <a:moveTo>
                    <a:pt x="92964" y="0"/>
                  </a:moveTo>
                  <a:lnTo>
                    <a:pt x="82296" y="0"/>
                  </a:lnTo>
                  <a:lnTo>
                    <a:pt x="82296" y="4572"/>
                  </a:lnTo>
                  <a:lnTo>
                    <a:pt x="92964" y="4572"/>
                  </a:lnTo>
                  <a:lnTo>
                    <a:pt x="92964" y="0"/>
                  </a:lnTo>
                  <a:close/>
                </a:path>
                <a:path w="969644" h="5079">
                  <a:moveTo>
                    <a:pt x="106680" y="0"/>
                  </a:moveTo>
                  <a:lnTo>
                    <a:pt x="96012" y="0"/>
                  </a:lnTo>
                  <a:lnTo>
                    <a:pt x="96012" y="4572"/>
                  </a:lnTo>
                  <a:lnTo>
                    <a:pt x="106680" y="4572"/>
                  </a:lnTo>
                  <a:lnTo>
                    <a:pt x="106680" y="0"/>
                  </a:lnTo>
                  <a:close/>
                </a:path>
                <a:path w="969644" h="5079">
                  <a:moveTo>
                    <a:pt x="120396" y="0"/>
                  </a:moveTo>
                  <a:lnTo>
                    <a:pt x="109728" y="0"/>
                  </a:lnTo>
                  <a:lnTo>
                    <a:pt x="109728" y="4572"/>
                  </a:lnTo>
                  <a:lnTo>
                    <a:pt x="120396" y="4572"/>
                  </a:lnTo>
                  <a:lnTo>
                    <a:pt x="120396" y="0"/>
                  </a:lnTo>
                  <a:close/>
                </a:path>
                <a:path w="969644" h="5079">
                  <a:moveTo>
                    <a:pt x="134112" y="0"/>
                  </a:moveTo>
                  <a:lnTo>
                    <a:pt x="123444" y="0"/>
                  </a:lnTo>
                  <a:lnTo>
                    <a:pt x="123444" y="4572"/>
                  </a:lnTo>
                  <a:lnTo>
                    <a:pt x="134112" y="4572"/>
                  </a:lnTo>
                  <a:lnTo>
                    <a:pt x="134112" y="0"/>
                  </a:lnTo>
                  <a:close/>
                </a:path>
                <a:path w="969644" h="5079">
                  <a:moveTo>
                    <a:pt x="147828" y="0"/>
                  </a:moveTo>
                  <a:lnTo>
                    <a:pt x="137160" y="0"/>
                  </a:lnTo>
                  <a:lnTo>
                    <a:pt x="137160" y="4572"/>
                  </a:lnTo>
                  <a:lnTo>
                    <a:pt x="147828" y="4572"/>
                  </a:lnTo>
                  <a:lnTo>
                    <a:pt x="147828" y="0"/>
                  </a:lnTo>
                  <a:close/>
                </a:path>
                <a:path w="969644" h="5079">
                  <a:moveTo>
                    <a:pt x="161544" y="0"/>
                  </a:moveTo>
                  <a:lnTo>
                    <a:pt x="150876" y="0"/>
                  </a:lnTo>
                  <a:lnTo>
                    <a:pt x="150876" y="4572"/>
                  </a:lnTo>
                  <a:lnTo>
                    <a:pt x="161544" y="4572"/>
                  </a:lnTo>
                  <a:lnTo>
                    <a:pt x="161544" y="0"/>
                  </a:lnTo>
                  <a:close/>
                </a:path>
                <a:path w="969644" h="5079">
                  <a:moveTo>
                    <a:pt x="175260" y="0"/>
                  </a:moveTo>
                  <a:lnTo>
                    <a:pt x="164592" y="0"/>
                  </a:lnTo>
                  <a:lnTo>
                    <a:pt x="164592" y="4572"/>
                  </a:lnTo>
                  <a:lnTo>
                    <a:pt x="175260" y="4572"/>
                  </a:lnTo>
                  <a:lnTo>
                    <a:pt x="175260" y="0"/>
                  </a:lnTo>
                  <a:close/>
                </a:path>
                <a:path w="969644" h="5079">
                  <a:moveTo>
                    <a:pt x="188976" y="0"/>
                  </a:moveTo>
                  <a:lnTo>
                    <a:pt x="178308" y="0"/>
                  </a:lnTo>
                  <a:lnTo>
                    <a:pt x="178308" y="4572"/>
                  </a:lnTo>
                  <a:lnTo>
                    <a:pt x="188976" y="4572"/>
                  </a:lnTo>
                  <a:lnTo>
                    <a:pt x="188976" y="0"/>
                  </a:lnTo>
                  <a:close/>
                </a:path>
                <a:path w="969644" h="5079">
                  <a:moveTo>
                    <a:pt x="202692" y="0"/>
                  </a:moveTo>
                  <a:lnTo>
                    <a:pt x="192024" y="0"/>
                  </a:lnTo>
                  <a:lnTo>
                    <a:pt x="192024" y="4572"/>
                  </a:lnTo>
                  <a:lnTo>
                    <a:pt x="202692" y="4572"/>
                  </a:lnTo>
                  <a:lnTo>
                    <a:pt x="202692" y="0"/>
                  </a:lnTo>
                  <a:close/>
                </a:path>
                <a:path w="969644" h="5079">
                  <a:moveTo>
                    <a:pt x="216408" y="0"/>
                  </a:moveTo>
                  <a:lnTo>
                    <a:pt x="205740" y="0"/>
                  </a:lnTo>
                  <a:lnTo>
                    <a:pt x="205740" y="4572"/>
                  </a:lnTo>
                  <a:lnTo>
                    <a:pt x="216408" y="4572"/>
                  </a:lnTo>
                  <a:lnTo>
                    <a:pt x="216408" y="0"/>
                  </a:lnTo>
                  <a:close/>
                </a:path>
                <a:path w="969644" h="5079">
                  <a:moveTo>
                    <a:pt x="230124" y="0"/>
                  </a:moveTo>
                  <a:lnTo>
                    <a:pt x="219456" y="0"/>
                  </a:lnTo>
                  <a:lnTo>
                    <a:pt x="219456" y="4572"/>
                  </a:lnTo>
                  <a:lnTo>
                    <a:pt x="230124" y="4572"/>
                  </a:lnTo>
                  <a:lnTo>
                    <a:pt x="230124" y="0"/>
                  </a:lnTo>
                  <a:close/>
                </a:path>
                <a:path w="969644" h="5079">
                  <a:moveTo>
                    <a:pt x="243840" y="0"/>
                  </a:moveTo>
                  <a:lnTo>
                    <a:pt x="233172" y="0"/>
                  </a:lnTo>
                  <a:lnTo>
                    <a:pt x="233172" y="4572"/>
                  </a:lnTo>
                  <a:lnTo>
                    <a:pt x="243840" y="4572"/>
                  </a:lnTo>
                  <a:lnTo>
                    <a:pt x="243840" y="0"/>
                  </a:lnTo>
                  <a:close/>
                </a:path>
                <a:path w="969644" h="5079">
                  <a:moveTo>
                    <a:pt x="257556" y="0"/>
                  </a:moveTo>
                  <a:lnTo>
                    <a:pt x="246888" y="0"/>
                  </a:lnTo>
                  <a:lnTo>
                    <a:pt x="246888" y="4572"/>
                  </a:lnTo>
                  <a:lnTo>
                    <a:pt x="257556" y="4572"/>
                  </a:lnTo>
                  <a:lnTo>
                    <a:pt x="257556" y="0"/>
                  </a:lnTo>
                  <a:close/>
                </a:path>
                <a:path w="969644" h="5079">
                  <a:moveTo>
                    <a:pt x="271272" y="0"/>
                  </a:moveTo>
                  <a:lnTo>
                    <a:pt x="260604" y="0"/>
                  </a:lnTo>
                  <a:lnTo>
                    <a:pt x="260604" y="4572"/>
                  </a:lnTo>
                  <a:lnTo>
                    <a:pt x="271272" y="4572"/>
                  </a:lnTo>
                  <a:lnTo>
                    <a:pt x="271272" y="0"/>
                  </a:lnTo>
                  <a:close/>
                </a:path>
                <a:path w="969644" h="5079">
                  <a:moveTo>
                    <a:pt x="284988" y="0"/>
                  </a:moveTo>
                  <a:lnTo>
                    <a:pt x="274320" y="0"/>
                  </a:lnTo>
                  <a:lnTo>
                    <a:pt x="274320" y="4572"/>
                  </a:lnTo>
                  <a:lnTo>
                    <a:pt x="284988" y="4572"/>
                  </a:lnTo>
                  <a:lnTo>
                    <a:pt x="284988" y="0"/>
                  </a:lnTo>
                  <a:close/>
                </a:path>
                <a:path w="969644" h="5079">
                  <a:moveTo>
                    <a:pt x="298704" y="0"/>
                  </a:moveTo>
                  <a:lnTo>
                    <a:pt x="288036" y="0"/>
                  </a:lnTo>
                  <a:lnTo>
                    <a:pt x="288036" y="4572"/>
                  </a:lnTo>
                  <a:lnTo>
                    <a:pt x="298704" y="4572"/>
                  </a:lnTo>
                  <a:lnTo>
                    <a:pt x="298704" y="0"/>
                  </a:lnTo>
                  <a:close/>
                </a:path>
                <a:path w="969644" h="5079">
                  <a:moveTo>
                    <a:pt x="312420" y="0"/>
                  </a:moveTo>
                  <a:lnTo>
                    <a:pt x="301752" y="0"/>
                  </a:lnTo>
                  <a:lnTo>
                    <a:pt x="301752" y="4572"/>
                  </a:lnTo>
                  <a:lnTo>
                    <a:pt x="312420" y="4572"/>
                  </a:lnTo>
                  <a:lnTo>
                    <a:pt x="312420" y="0"/>
                  </a:lnTo>
                  <a:close/>
                </a:path>
                <a:path w="969644" h="5079">
                  <a:moveTo>
                    <a:pt x="326136" y="0"/>
                  </a:moveTo>
                  <a:lnTo>
                    <a:pt x="315468" y="0"/>
                  </a:lnTo>
                  <a:lnTo>
                    <a:pt x="315468" y="4572"/>
                  </a:lnTo>
                  <a:lnTo>
                    <a:pt x="326136" y="4572"/>
                  </a:lnTo>
                  <a:lnTo>
                    <a:pt x="326136" y="0"/>
                  </a:lnTo>
                  <a:close/>
                </a:path>
                <a:path w="969644" h="5079">
                  <a:moveTo>
                    <a:pt x="339852" y="0"/>
                  </a:moveTo>
                  <a:lnTo>
                    <a:pt x="329184" y="0"/>
                  </a:lnTo>
                  <a:lnTo>
                    <a:pt x="329184" y="4572"/>
                  </a:lnTo>
                  <a:lnTo>
                    <a:pt x="339852" y="4572"/>
                  </a:lnTo>
                  <a:lnTo>
                    <a:pt x="339852" y="0"/>
                  </a:lnTo>
                  <a:close/>
                </a:path>
                <a:path w="969644" h="5079">
                  <a:moveTo>
                    <a:pt x="353568" y="0"/>
                  </a:moveTo>
                  <a:lnTo>
                    <a:pt x="342900" y="0"/>
                  </a:lnTo>
                  <a:lnTo>
                    <a:pt x="342900" y="4572"/>
                  </a:lnTo>
                  <a:lnTo>
                    <a:pt x="353568" y="4572"/>
                  </a:lnTo>
                  <a:lnTo>
                    <a:pt x="353568" y="0"/>
                  </a:lnTo>
                  <a:close/>
                </a:path>
                <a:path w="969644" h="5079">
                  <a:moveTo>
                    <a:pt x="367284" y="0"/>
                  </a:moveTo>
                  <a:lnTo>
                    <a:pt x="356616" y="0"/>
                  </a:lnTo>
                  <a:lnTo>
                    <a:pt x="356616" y="4572"/>
                  </a:lnTo>
                  <a:lnTo>
                    <a:pt x="367284" y="4572"/>
                  </a:lnTo>
                  <a:lnTo>
                    <a:pt x="367284" y="0"/>
                  </a:lnTo>
                  <a:close/>
                </a:path>
                <a:path w="969644" h="5079">
                  <a:moveTo>
                    <a:pt x="379476" y="0"/>
                  </a:moveTo>
                  <a:lnTo>
                    <a:pt x="370332" y="0"/>
                  </a:lnTo>
                  <a:lnTo>
                    <a:pt x="370332" y="4572"/>
                  </a:lnTo>
                  <a:lnTo>
                    <a:pt x="379476" y="4572"/>
                  </a:lnTo>
                  <a:lnTo>
                    <a:pt x="379476" y="0"/>
                  </a:lnTo>
                  <a:close/>
                </a:path>
                <a:path w="969644" h="5079">
                  <a:moveTo>
                    <a:pt x="393192" y="0"/>
                  </a:moveTo>
                  <a:lnTo>
                    <a:pt x="384048" y="0"/>
                  </a:lnTo>
                  <a:lnTo>
                    <a:pt x="384048" y="4572"/>
                  </a:lnTo>
                  <a:lnTo>
                    <a:pt x="393192" y="4572"/>
                  </a:lnTo>
                  <a:lnTo>
                    <a:pt x="393192" y="0"/>
                  </a:lnTo>
                  <a:close/>
                </a:path>
                <a:path w="969644" h="5079">
                  <a:moveTo>
                    <a:pt x="406908" y="0"/>
                  </a:moveTo>
                  <a:lnTo>
                    <a:pt x="397764" y="0"/>
                  </a:lnTo>
                  <a:lnTo>
                    <a:pt x="397764" y="4572"/>
                  </a:lnTo>
                  <a:lnTo>
                    <a:pt x="406908" y="4572"/>
                  </a:lnTo>
                  <a:lnTo>
                    <a:pt x="406908" y="0"/>
                  </a:lnTo>
                  <a:close/>
                </a:path>
                <a:path w="969644" h="5079">
                  <a:moveTo>
                    <a:pt x="420624" y="0"/>
                  </a:moveTo>
                  <a:lnTo>
                    <a:pt x="411480" y="0"/>
                  </a:lnTo>
                  <a:lnTo>
                    <a:pt x="411480" y="4572"/>
                  </a:lnTo>
                  <a:lnTo>
                    <a:pt x="420624" y="4572"/>
                  </a:lnTo>
                  <a:lnTo>
                    <a:pt x="420624" y="0"/>
                  </a:lnTo>
                  <a:close/>
                </a:path>
                <a:path w="969644" h="5079">
                  <a:moveTo>
                    <a:pt x="434340" y="0"/>
                  </a:moveTo>
                  <a:lnTo>
                    <a:pt x="425196" y="0"/>
                  </a:lnTo>
                  <a:lnTo>
                    <a:pt x="425196" y="4572"/>
                  </a:lnTo>
                  <a:lnTo>
                    <a:pt x="434340" y="4572"/>
                  </a:lnTo>
                  <a:lnTo>
                    <a:pt x="434340" y="0"/>
                  </a:lnTo>
                  <a:close/>
                </a:path>
                <a:path w="969644" h="5079">
                  <a:moveTo>
                    <a:pt x="448056" y="0"/>
                  </a:moveTo>
                  <a:lnTo>
                    <a:pt x="438912" y="0"/>
                  </a:lnTo>
                  <a:lnTo>
                    <a:pt x="438912" y="4572"/>
                  </a:lnTo>
                  <a:lnTo>
                    <a:pt x="448056" y="4572"/>
                  </a:lnTo>
                  <a:lnTo>
                    <a:pt x="448056" y="0"/>
                  </a:lnTo>
                  <a:close/>
                </a:path>
                <a:path w="969644" h="5079">
                  <a:moveTo>
                    <a:pt x="461772" y="0"/>
                  </a:moveTo>
                  <a:lnTo>
                    <a:pt x="452628" y="0"/>
                  </a:lnTo>
                  <a:lnTo>
                    <a:pt x="452628" y="4572"/>
                  </a:lnTo>
                  <a:lnTo>
                    <a:pt x="461772" y="4572"/>
                  </a:lnTo>
                  <a:lnTo>
                    <a:pt x="461772" y="0"/>
                  </a:lnTo>
                  <a:close/>
                </a:path>
                <a:path w="969644" h="5079">
                  <a:moveTo>
                    <a:pt x="475488" y="0"/>
                  </a:moveTo>
                  <a:lnTo>
                    <a:pt x="466344" y="0"/>
                  </a:lnTo>
                  <a:lnTo>
                    <a:pt x="466344" y="4572"/>
                  </a:lnTo>
                  <a:lnTo>
                    <a:pt x="475488" y="4572"/>
                  </a:lnTo>
                  <a:lnTo>
                    <a:pt x="475488" y="0"/>
                  </a:lnTo>
                  <a:close/>
                </a:path>
                <a:path w="969644" h="5079">
                  <a:moveTo>
                    <a:pt x="489204" y="0"/>
                  </a:moveTo>
                  <a:lnTo>
                    <a:pt x="480060" y="0"/>
                  </a:lnTo>
                  <a:lnTo>
                    <a:pt x="480060" y="4572"/>
                  </a:lnTo>
                  <a:lnTo>
                    <a:pt x="489204" y="4572"/>
                  </a:lnTo>
                  <a:lnTo>
                    <a:pt x="489204" y="0"/>
                  </a:lnTo>
                  <a:close/>
                </a:path>
                <a:path w="969644" h="5079">
                  <a:moveTo>
                    <a:pt x="502907" y="0"/>
                  </a:moveTo>
                  <a:lnTo>
                    <a:pt x="493776" y="0"/>
                  </a:lnTo>
                  <a:lnTo>
                    <a:pt x="493776" y="4572"/>
                  </a:lnTo>
                  <a:lnTo>
                    <a:pt x="502907" y="4572"/>
                  </a:lnTo>
                  <a:lnTo>
                    <a:pt x="502907" y="0"/>
                  </a:lnTo>
                  <a:close/>
                </a:path>
                <a:path w="969644" h="5079">
                  <a:moveTo>
                    <a:pt x="516636" y="0"/>
                  </a:moveTo>
                  <a:lnTo>
                    <a:pt x="507492" y="0"/>
                  </a:lnTo>
                  <a:lnTo>
                    <a:pt x="507492" y="4572"/>
                  </a:lnTo>
                  <a:lnTo>
                    <a:pt x="516636" y="4572"/>
                  </a:lnTo>
                  <a:lnTo>
                    <a:pt x="516636" y="0"/>
                  </a:lnTo>
                  <a:close/>
                </a:path>
                <a:path w="969644" h="5079">
                  <a:moveTo>
                    <a:pt x="530352" y="0"/>
                  </a:moveTo>
                  <a:lnTo>
                    <a:pt x="521208" y="0"/>
                  </a:lnTo>
                  <a:lnTo>
                    <a:pt x="521208" y="4572"/>
                  </a:lnTo>
                  <a:lnTo>
                    <a:pt x="530352" y="4572"/>
                  </a:lnTo>
                  <a:lnTo>
                    <a:pt x="530352" y="0"/>
                  </a:lnTo>
                  <a:close/>
                </a:path>
                <a:path w="969644" h="5079">
                  <a:moveTo>
                    <a:pt x="544068" y="0"/>
                  </a:moveTo>
                  <a:lnTo>
                    <a:pt x="534924" y="0"/>
                  </a:lnTo>
                  <a:lnTo>
                    <a:pt x="534924" y="4572"/>
                  </a:lnTo>
                  <a:lnTo>
                    <a:pt x="544068" y="4572"/>
                  </a:lnTo>
                  <a:lnTo>
                    <a:pt x="544068" y="0"/>
                  </a:lnTo>
                  <a:close/>
                </a:path>
                <a:path w="969644" h="5079">
                  <a:moveTo>
                    <a:pt x="557784" y="0"/>
                  </a:moveTo>
                  <a:lnTo>
                    <a:pt x="548640" y="0"/>
                  </a:lnTo>
                  <a:lnTo>
                    <a:pt x="548640" y="4572"/>
                  </a:lnTo>
                  <a:lnTo>
                    <a:pt x="557784" y="4572"/>
                  </a:lnTo>
                  <a:lnTo>
                    <a:pt x="557784" y="0"/>
                  </a:lnTo>
                  <a:close/>
                </a:path>
                <a:path w="969644" h="5079">
                  <a:moveTo>
                    <a:pt x="571500" y="0"/>
                  </a:moveTo>
                  <a:lnTo>
                    <a:pt x="562356" y="0"/>
                  </a:lnTo>
                  <a:lnTo>
                    <a:pt x="562356" y="4572"/>
                  </a:lnTo>
                  <a:lnTo>
                    <a:pt x="571500" y="4572"/>
                  </a:lnTo>
                  <a:lnTo>
                    <a:pt x="571500" y="0"/>
                  </a:lnTo>
                  <a:close/>
                </a:path>
                <a:path w="969644" h="5079">
                  <a:moveTo>
                    <a:pt x="585216" y="0"/>
                  </a:moveTo>
                  <a:lnTo>
                    <a:pt x="576072" y="0"/>
                  </a:lnTo>
                  <a:lnTo>
                    <a:pt x="576072" y="4572"/>
                  </a:lnTo>
                  <a:lnTo>
                    <a:pt x="585216" y="4572"/>
                  </a:lnTo>
                  <a:lnTo>
                    <a:pt x="585216" y="0"/>
                  </a:lnTo>
                  <a:close/>
                </a:path>
                <a:path w="969644" h="5079">
                  <a:moveTo>
                    <a:pt x="598932" y="0"/>
                  </a:moveTo>
                  <a:lnTo>
                    <a:pt x="589788" y="0"/>
                  </a:lnTo>
                  <a:lnTo>
                    <a:pt x="589788" y="4572"/>
                  </a:lnTo>
                  <a:lnTo>
                    <a:pt x="598932" y="4572"/>
                  </a:lnTo>
                  <a:lnTo>
                    <a:pt x="598932" y="0"/>
                  </a:lnTo>
                  <a:close/>
                </a:path>
                <a:path w="969644" h="5079">
                  <a:moveTo>
                    <a:pt x="612648" y="0"/>
                  </a:moveTo>
                  <a:lnTo>
                    <a:pt x="603504" y="0"/>
                  </a:lnTo>
                  <a:lnTo>
                    <a:pt x="603504" y="4572"/>
                  </a:lnTo>
                  <a:lnTo>
                    <a:pt x="612648" y="4572"/>
                  </a:lnTo>
                  <a:lnTo>
                    <a:pt x="612648" y="0"/>
                  </a:lnTo>
                  <a:close/>
                </a:path>
                <a:path w="969644" h="5079">
                  <a:moveTo>
                    <a:pt x="626364" y="0"/>
                  </a:moveTo>
                  <a:lnTo>
                    <a:pt x="617220" y="0"/>
                  </a:lnTo>
                  <a:lnTo>
                    <a:pt x="617220" y="4572"/>
                  </a:lnTo>
                  <a:lnTo>
                    <a:pt x="626364" y="4572"/>
                  </a:lnTo>
                  <a:lnTo>
                    <a:pt x="626364" y="0"/>
                  </a:lnTo>
                  <a:close/>
                </a:path>
                <a:path w="969644" h="5079">
                  <a:moveTo>
                    <a:pt x="640080" y="0"/>
                  </a:moveTo>
                  <a:lnTo>
                    <a:pt x="630936" y="0"/>
                  </a:lnTo>
                  <a:lnTo>
                    <a:pt x="630936" y="4572"/>
                  </a:lnTo>
                  <a:lnTo>
                    <a:pt x="640080" y="4572"/>
                  </a:lnTo>
                  <a:lnTo>
                    <a:pt x="640080" y="0"/>
                  </a:lnTo>
                  <a:close/>
                </a:path>
                <a:path w="969644" h="5079">
                  <a:moveTo>
                    <a:pt x="653796" y="0"/>
                  </a:moveTo>
                  <a:lnTo>
                    <a:pt x="644652" y="0"/>
                  </a:lnTo>
                  <a:lnTo>
                    <a:pt x="644652" y="4572"/>
                  </a:lnTo>
                  <a:lnTo>
                    <a:pt x="653796" y="4572"/>
                  </a:lnTo>
                  <a:lnTo>
                    <a:pt x="653796" y="0"/>
                  </a:lnTo>
                  <a:close/>
                </a:path>
                <a:path w="969644" h="5079">
                  <a:moveTo>
                    <a:pt x="667512" y="0"/>
                  </a:moveTo>
                  <a:lnTo>
                    <a:pt x="658368" y="0"/>
                  </a:lnTo>
                  <a:lnTo>
                    <a:pt x="658368" y="4572"/>
                  </a:lnTo>
                  <a:lnTo>
                    <a:pt x="667512" y="4572"/>
                  </a:lnTo>
                  <a:lnTo>
                    <a:pt x="667512" y="0"/>
                  </a:lnTo>
                  <a:close/>
                </a:path>
                <a:path w="969644" h="5079">
                  <a:moveTo>
                    <a:pt x="681228" y="0"/>
                  </a:moveTo>
                  <a:lnTo>
                    <a:pt x="672084" y="0"/>
                  </a:lnTo>
                  <a:lnTo>
                    <a:pt x="672084" y="4572"/>
                  </a:lnTo>
                  <a:lnTo>
                    <a:pt x="681228" y="4572"/>
                  </a:lnTo>
                  <a:lnTo>
                    <a:pt x="681228" y="0"/>
                  </a:lnTo>
                  <a:close/>
                </a:path>
                <a:path w="969644" h="5079">
                  <a:moveTo>
                    <a:pt x="694944" y="0"/>
                  </a:moveTo>
                  <a:lnTo>
                    <a:pt x="685800" y="0"/>
                  </a:lnTo>
                  <a:lnTo>
                    <a:pt x="685800" y="4572"/>
                  </a:lnTo>
                  <a:lnTo>
                    <a:pt x="694944" y="4572"/>
                  </a:lnTo>
                  <a:lnTo>
                    <a:pt x="694944" y="0"/>
                  </a:lnTo>
                  <a:close/>
                </a:path>
                <a:path w="969644" h="5079">
                  <a:moveTo>
                    <a:pt x="708660" y="0"/>
                  </a:moveTo>
                  <a:lnTo>
                    <a:pt x="699516" y="0"/>
                  </a:lnTo>
                  <a:lnTo>
                    <a:pt x="699516" y="4572"/>
                  </a:lnTo>
                  <a:lnTo>
                    <a:pt x="708660" y="4572"/>
                  </a:lnTo>
                  <a:lnTo>
                    <a:pt x="708660" y="0"/>
                  </a:lnTo>
                  <a:close/>
                </a:path>
                <a:path w="969644" h="5079">
                  <a:moveTo>
                    <a:pt x="722376" y="0"/>
                  </a:moveTo>
                  <a:lnTo>
                    <a:pt x="713232" y="0"/>
                  </a:lnTo>
                  <a:lnTo>
                    <a:pt x="713232" y="4572"/>
                  </a:lnTo>
                  <a:lnTo>
                    <a:pt x="722376" y="4572"/>
                  </a:lnTo>
                  <a:lnTo>
                    <a:pt x="722376" y="0"/>
                  </a:lnTo>
                  <a:close/>
                </a:path>
                <a:path w="969644" h="5079">
                  <a:moveTo>
                    <a:pt x="736092" y="0"/>
                  </a:moveTo>
                  <a:lnTo>
                    <a:pt x="726948" y="0"/>
                  </a:lnTo>
                  <a:lnTo>
                    <a:pt x="726948" y="4572"/>
                  </a:lnTo>
                  <a:lnTo>
                    <a:pt x="736092" y="4572"/>
                  </a:lnTo>
                  <a:lnTo>
                    <a:pt x="736092" y="0"/>
                  </a:lnTo>
                  <a:close/>
                </a:path>
                <a:path w="969644" h="5079">
                  <a:moveTo>
                    <a:pt x="749808" y="0"/>
                  </a:moveTo>
                  <a:lnTo>
                    <a:pt x="740664" y="0"/>
                  </a:lnTo>
                  <a:lnTo>
                    <a:pt x="740664" y="4572"/>
                  </a:lnTo>
                  <a:lnTo>
                    <a:pt x="749808" y="4572"/>
                  </a:lnTo>
                  <a:lnTo>
                    <a:pt x="749808" y="0"/>
                  </a:lnTo>
                  <a:close/>
                </a:path>
                <a:path w="969644" h="5079">
                  <a:moveTo>
                    <a:pt x="763524" y="0"/>
                  </a:moveTo>
                  <a:lnTo>
                    <a:pt x="754380" y="0"/>
                  </a:lnTo>
                  <a:lnTo>
                    <a:pt x="754380" y="4572"/>
                  </a:lnTo>
                  <a:lnTo>
                    <a:pt x="763524" y="4572"/>
                  </a:lnTo>
                  <a:lnTo>
                    <a:pt x="763524" y="0"/>
                  </a:lnTo>
                  <a:close/>
                </a:path>
                <a:path w="969644" h="5079">
                  <a:moveTo>
                    <a:pt x="777240" y="0"/>
                  </a:moveTo>
                  <a:lnTo>
                    <a:pt x="768096" y="0"/>
                  </a:lnTo>
                  <a:lnTo>
                    <a:pt x="768096" y="4572"/>
                  </a:lnTo>
                  <a:lnTo>
                    <a:pt x="777240" y="4572"/>
                  </a:lnTo>
                  <a:lnTo>
                    <a:pt x="777240" y="0"/>
                  </a:lnTo>
                  <a:close/>
                </a:path>
                <a:path w="969644" h="5079">
                  <a:moveTo>
                    <a:pt x="790956" y="0"/>
                  </a:moveTo>
                  <a:lnTo>
                    <a:pt x="781812" y="0"/>
                  </a:lnTo>
                  <a:lnTo>
                    <a:pt x="781812" y="4572"/>
                  </a:lnTo>
                  <a:lnTo>
                    <a:pt x="790956" y="4572"/>
                  </a:lnTo>
                  <a:lnTo>
                    <a:pt x="790956" y="0"/>
                  </a:lnTo>
                  <a:close/>
                </a:path>
                <a:path w="969644" h="5079">
                  <a:moveTo>
                    <a:pt x="804672" y="0"/>
                  </a:moveTo>
                  <a:lnTo>
                    <a:pt x="795528" y="0"/>
                  </a:lnTo>
                  <a:lnTo>
                    <a:pt x="795528" y="4572"/>
                  </a:lnTo>
                  <a:lnTo>
                    <a:pt x="804672" y="4572"/>
                  </a:lnTo>
                  <a:lnTo>
                    <a:pt x="804672" y="0"/>
                  </a:lnTo>
                  <a:close/>
                </a:path>
                <a:path w="969644" h="5079">
                  <a:moveTo>
                    <a:pt x="818388" y="0"/>
                  </a:moveTo>
                  <a:lnTo>
                    <a:pt x="809244" y="0"/>
                  </a:lnTo>
                  <a:lnTo>
                    <a:pt x="809244" y="4572"/>
                  </a:lnTo>
                  <a:lnTo>
                    <a:pt x="818388" y="4572"/>
                  </a:lnTo>
                  <a:lnTo>
                    <a:pt x="818388" y="0"/>
                  </a:lnTo>
                  <a:close/>
                </a:path>
                <a:path w="969644" h="5079">
                  <a:moveTo>
                    <a:pt x="832104" y="0"/>
                  </a:moveTo>
                  <a:lnTo>
                    <a:pt x="822960" y="0"/>
                  </a:lnTo>
                  <a:lnTo>
                    <a:pt x="822960" y="4572"/>
                  </a:lnTo>
                  <a:lnTo>
                    <a:pt x="832104" y="4572"/>
                  </a:lnTo>
                  <a:lnTo>
                    <a:pt x="832104" y="0"/>
                  </a:lnTo>
                  <a:close/>
                </a:path>
                <a:path w="969644" h="5079">
                  <a:moveTo>
                    <a:pt x="845820" y="0"/>
                  </a:moveTo>
                  <a:lnTo>
                    <a:pt x="836676" y="0"/>
                  </a:lnTo>
                  <a:lnTo>
                    <a:pt x="836676" y="4572"/>
                  </a:lnTo>
                  <a:lnTo>
                    <a:pt x="845820" y="4572"/>
                  </a:lnTo>
                  <a:lnTo>
                    <a:pt x="845820" y="0"/>
                  </a:lnTo>
                  <a:close/>
                </a:path>
                <a:path w="969644" h="5079">
                  <a:moveTo>
                    <a:pt x="859536" y="0"/>
                  </a:moveTo>
                  <a:lnTo>
                    <a:pt x="850392" y="0"/>
                  </a:lnTo>
                  <a:lnTo>
                    <a:pt x="850392" y="4572"/>
                  </a:lnTo>
                  <a:lnTo>
                    <a:pt x="859536" y="4572"/>
                  </a:lnTo>
                  <a:lnTo>
                    <a:pt x="859536" y="0"/>
                  </a:lnTo>
                  <a:close/>
                </a:path>
                <a:path w="969644" h="5079">
                  <a:moveTo>
                    <a:pt x="873252" y="0"/>
                  </a:moveTo>
                  <a:lnTo>
                    <a:pt x="864108" y="0"/>
                  </a:lnTo>
                  <a:lnTo>
                    <a:pt x="864108" y="4572"/>
                  </a:lnTo>
                  <a:lnTo>
                    <a:pt x="873252" y="4572"/>
                  </a:lnTo>
                  <a:lnTo>
                    <a:pt x="873252" y="0"/>
                  </a:lnTo>
                  <a:close/>
                </a:path>
                <a:path w="969644" h="5079">
                  <a:moveTo>
                    <a:pt x="886968" y="0"/>
                  </a:moveTo>
                  <a:lnTo>
                    <a:pt x="877824" y="0"/>
                  </a:lnTo>
                  <a:lnTo>
                    <a:pt x="877824" y="4572"/>
                  </a:lnTo>
                  <a:lnTo>
                    <a:pt x="886968" y="4572"/>
                  </a:lnTo>
                  <a:lnTo>
                    <a:pt x="886968" y="0"/>
                  </a:lnTo>
                  <a:close/>
                </a:path>
                <a:path w="969644" h="5079">
                  <a:moveTo>
                    <a:pt x="900684" y="0"/>
                  </a:moveTo>
                  <a:lnTo>
                    <a:pt x="891540" y="0"/>
                  </a:lnTo>
                  <a:lnTo>
                    <a:pt x="891540" y="4572"/>
                  </a:lnTo>
                  <a:lnTo>
                    <a:pt x="900684" y="4572"/>
                  </a:lnTo>
                  <a:lnTo>
                    <a:pt x="900684" y="0"/>
                  </a:lnTo>
                  <a:close/>
                </a:path>
                <a:path w="969644" h="5079">
                  <a:moveTo>
                    <a:pt x="914400" y="0"/>
                  </a:moveTo>
                  <a:lnTo>
                    <a:pt x="905256" y="0"/>
                  </a:lnTo>
                  <a:lnTo>
                    <a:pt x="905256" y="4572"/>
                  </a:lnTo>
                  <a:lnTo>
                    <a:pt x="914400" y="4572"/>
                  </a:lnTo>
                  <a:lnTo>
                    <a:pt x="914400" y="0"/>
                  </a:lnTo>
                  <a:close/>
                </a:path>
                <a:path w="969644" h="5079">
                  <a:moveTo>
                    <a:pt x="928116" y="0"/>
                  </a:moveTo>
                  <a:lnTo>
                    <a:pt x="918972" y="0"/>
                  </a:lnTo>
                  <a:lnTo>
                    <a:pt x="918972" y="4572"/>
                  </a:lnTo>
                  <a:lnTo>
                    <a:pt x="928116" y="4572"/>
                  </a:lnTo>
                  <a:lnTo>
                    <a:pt x="928116" y="0"/>
                  </a:lnTo>
                  <a:close/>
                </a:path>
                <a:path w="969644" h="5079">
                  <a:moveTo>
                    <a:pt x="941832" y="0"/>
                  </a:moveTo>
                  <a:lnTo>
                    <a:pt x="932688" y="0"/>
                  </a:lnTo>
                  <a:lnTo>
                    <a:pt x="932688" y="4572"/>
                  </a:lnTo>
                  <a:lnTo>
                    <a:pt x="941832" y="4572"/>
                  </a:lnTo>
                  <a:lnTo>
                    <a:pt x="941832" y="0"/>
                  </a:lnTo>
                  <a:close/>
                </a:path>
                <a:path w="969644" h="5079">
                  <a:moveTo>
                    <a:pt x="955548" y="0"/>
                  </a:moveTo>
                  <a:lnTo>
                    <a:pt x="946404" y="0"/>
                  </a:lnTo>
                  <a:lnTo>
                    <a:pt x="946404" y="4572"/>
                  </a:lnTo>
                  <a:lnTo>
                    <a:pt x="955548" y="4572"/>
                  </a:lnTo>
                  <a:lnTo>
                    <a:pt x="955548" y="0"/>
                  </a:lnTo>
                  <a:close/>
                </a:path>
                <a:path w="969644"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60" name="object 60"/>
            <p:cNvSpPr/>
            <p:nvPr/>
          </p:nvSpPr>
          <p:spPr>
            <a:xfrm>
              <a:off x="2121408" y="3576827"/>
              <a:ext cx="969644" cy="5080"/>
            </a:xfrm>
            <a:custGeom>
              <a:avLst/>
              <a:gdLst/>
              <a:ahLst/>
              <a:cxnLst/>
              <a:rect l="l" t="t" r="r" b="b"/>
              <a:pathLst>
                <a:path w="969644" h="5079">
                  <a:moveTo>
                    <a:pt x="9144" y="0"/>
                  </a:moveTo>
                  <a:lnTo>
                    <a:pt x="0" y="0"/>
                  </a:lnTo>
                  <a:lnTo>
                    <a:pt x="0" y="4572"/>
                  </a:lnTo>
                  <a:lnTo>
                    <a:pt x="9144" y="4572"/>
                  </a:lnTo>
                  <a:lnTo>
                    <a:pt x="9144" y="0"/>
                  </a:lnTo>
                  <a:close/>
                </a:path>
                <a:path w="969644" h="5079">
                  <a:moveTo>
                    <a:pt x="22860" y="0"/>
                  </a:moveTo>
                  <a:lnTo>
                    <a:pt x="13716" y="0"/>
                  </a:lnTo>
                  <a:lnTo>
                    <a:pt x="13716" y="4572"/>
                  </a:lnTo>
                  <a:lnTo>
                    <a:pt x="22860" y="4572"/>
                  </a:lnTo>
                  <a:lnTo>
                    <a:pt x="22860" y="0"/>
                  </a:lnTo>
                  <a:close/>
                </a:path>
                <a:path w="969644" h="5079">
                  <a:moveTo>
                    <a:pt x="36576" y="0"/>
                  </a:moveTo>
                  <a:lnTo>
                    <a:pt x="27432" y="0"/>
                  </a:lnTo>
                  <a:lnTo>
                    <a:pt x="27432" y="4572"/>
                  </a:lnTo>
                  <a:lnTo>
                    <a:pt x="36576" y="4572"/>
                  </a:lnTo>
                  <a:lnTo>
                    <a:pt x="36576" y="0"/>
                  </a:lnTo>
                  <a:close/>
                </a:path>
                <a:path w="969644" h="5079">
                  <a:moveTo>
                    <a:pt x="50292" y="0"/>
                  </a:moveTo>
                  <a:lnTo>
                    <a:pt x="39624" y="0"/>
                  </a:lnTo>
                  <a:lnTo>
                    <a:pt x="39624" y="4572"/>
                  </a:lnTo>
                  <a:lnTo>
                    <a:pt x="50292" y="4572"/>
                  </a:lnTo>
                  <a:lnTo>
                    <a:pt x="50292" y="0"/>
                  </a:lnTo>
                  <a:close/>
                </a:path>
                <a:path w="969644" h="5079">
                  <a:moveTo>
                    <a:pt x="64008" y="0"/>
                  </a:moveTo>
                  <a:lnTo>
                    <a:pt x="53340" y="0"/>
                  </a:lnTo>
                  <a:lnTo>
                    <a:pt x="53340" y="4572"/>
                  </a:lnTo>
                  <a:lnTo>
                    <a:pt x="64008" y="4572"/>
                  </a:lnTo>
                  <a:lnTo>
                    <a:pt x="64008" y="0"/>
                  </a:lnTo>
                  <a:close/>
                </a:path>
                <a:path w="969644" h="5079">
                  <a:moveTo>
                    <a:pt x="77724" y="0"/>
                  </a:moveTo>
                  <a:lnTo>
                    <a:pt x="67056" y="0"/>
                  </a:lnTo>
                  <a:lnTo>
                    <a:pt x="67056" y="4572"/>
                  </a:lnTo>
                  <a:lnTo>
                    <a:pt x="77724" y="4572"/>
                  </a:lnTo>
                  <a:lnTo>
                    <a:pt x="77724" y="0"/>
                  </a:lnTo>
                  <a:close/>
                </a:path>
                <a:path w="969644" h="5079">
                  <a:moveTo>
                    <a:pt x="91440" y="0"/>
                  </a:moveTo>
                  <a:lnTo>
                    <a:pt x="80772" y="0"/>
                  </a:lnTo>
                  <a:lnTo>
                    <a:pt x="80772" y="4572"/>
                  </a:lnTo>
                  <a:lnTo>
                    <a:pt x="91440" y="4572"/>
                  </a:lnTo>
                  <a:lnTo>
                    <a:pt x="91440" y="0"/>
                  </a:lnTo>
                  <a:close/>
                </a:path>
                <a:path w="969644" h="5079">
                  <a:moveTo>
                    <a:pt x="105156" y="0"/>
                  </a:moveTo>
                  <a:lnTo>
                    <a:pt x="94488" y="0"/>
                  </a:lnTo>
                  <a:lnTo>
                    <a:pt x="94488" y="4572"/>
                  </a:lnTo>
                  <a:lnTo>
                    <a:pt x="105156" y="4572"/>
                  </a:lnTo>
                  <a:lnTo>
                    <a:pt x="105156" y="0"/>
                  </a:lnTo>
                  <a:close/>
                </a:path>
                <a:path w="969644" h="5079">
                  <a:moveTo>
                    <a:pt x="118872" y="0"/>
                  </a:moveTo>
                  <a:lnTo>
                    <a:pt x="108204" y="0"/>
                  </a:lnTo>
                  <a:lnTo>
                    <a:pt x="108204" y="4572"/>
                  </a:lnTo>
                  <a:lnTo>
                    <a:pt x="118872" y="4572"/>
                  </a:lnTo>
                  <a:lnTo>
                    <a:pt x="118872" y="0"/>
                  </a:lnTo>
                  <a:close/>
                </a:path>
                <a:path w="969644" h="5079">
                  <a:moveTo>
                    <a:pt x="132588" y="0"/>
                  </a:moveTo>
                  <a:lnTo>
                    <a:pt x="121920" y="0"/>
                  </a:lnTo>
                  <a:lnTo>
                    <a:pt x="121920" y="4572"/>
                  </a:lnTo>
                  <a:lnTo>
                    <a:pt x="132588" y="4572"/>
                  </a:lnTo>
                  <a:lnTo>
                    <a:pt x="132588" y="0"/>
                  </a:lnTo>
                  <a:close/>
                </a:path>
                <a:path w="969644" h="5079">
                  <a:moveTo>
                    <a:pt x="146304" y="0"/>
                  </a:moveTo>
                  <a:lnTo>
                    <a:pt x="135636" y="0"/>
                  </a:lnTo>
                  <a:lnTo>
                    <a:pt x="135636" y="4572"/>
                  </a:lnTo>
                  <a:lnTo>
                    <a:pt x="146304" y="4572"/>
                  </a:lnTo>
                  <a:lnTo>
                    <a:pt x="146304" y="0"/>
                  </a:lnTo>
                  <a:close/>
                </a:path>
                <a:path w="969644" h="5079">
                  <a:moveTo>
                    <a:pt x="160020" y="0"/>
                  </a:moveTo>
                  <a:lnTo>
                    <a:pt x="149352" y="0"/>
                  </a:lnTo>
                  <a:lnTo>
                    <a:pt x="149352" y="4572"/>
                  </a:lnTo>
                  <a:lnTo>
                    <a:pt x="160020" y="4572"/>
                  </a:lnTo>
                  <a:lnTo>
                    <a:pt x="160020" y="0"/>
                  </a:lnTo>
                  <a:close/>
                </a:path>
                <a:path w="969644" h="5079">
                  <a:moveTo>
                    <a:pt x="173736" y="0"/>
                  </a:moveTo>
                  <a:lnTo>
                    <a:pt x="163068" y="0"/>
                  </a:lnTo>
                  <a:lnTo>
                    <a:pt x="163068" y="4572"/>
                  </a:lnTo>
                  <a:lnTo>
                    <a:pt x="173736" y="4572"/>
                  </a:lnTo>
                  <a:lnTo>
                    <a:pt x="173736" y="0"/>
                  </a:lnTo>
                  <a:close/>
                </a:path>
                <a:path w="969644" h="5079">
                  <a:moveTo>
                    <a:pt x="187452" y="0"/>
                  </a:moveTo>
                  <a:lnTo>
                    <a:pt x="176784" y="0"/>
                  </a:lnTo>
                  <a:lnTo>
                    <a:pt x="176784" y="4572"/>
                  </a:lnTo>
                  <a:lnTo>
                    <a:pt x="187452" y="4572"/>
                  </a:lnTo>
                  <a:lnTo>
                    <a:pt x="187452" y="0"/>
                  </a:lnTo>
                  <a:close/>
                </a:path>
                <a:path w="969644" h="5079">
                  <a:moveTo>
                    <a:pt x="201168" y="0"/>
                  </a:moveTo>
                  <a:lnTo>
                    <a:pt x="190500" y="0"/>
                  </a:lnTo>
                  <a:lnTo>
                    <a:pt x="190500" y="4572"/>
                  </a:lnTo>
                  <a:lnTo>
                    <a:pt x="201168" y="4572"/>
                  </a:lnTo>
                  <a:lnTo>
                    <a:pt x="201168" y="0"/>
                  </a:lnTo>
                  <a:close/>
                </a:path>
                <a:path w="969644" h="5079">
                  <a:moveTo>
                    <a:pt x="214884" y="0"/>
                  </a:moveTo>
                  <a:lnTo>
                    <a:pt x="204216" y="0"/>
                  </a:lnTo>
                  <a:lnTo>
                    <a:pt x="204216" y="4572"/>
                  </a:lnTo>
                  <a:lnTo>
                    <a:pt x="214884" y="4572"/>
                  </a:lnTo>
                  <a:lnTo>
                    <a:pt x="214884" y="0"/>
                  </a:lnTo>
                  <a:close/>
                </a:path>
                <a:path w="969644" h="5079">
                  <a:moveTo>
                    <a:pt x="228600" y="0"/>
                  </a:moveTo>
                  <a:lnTo>
                    <a:pt x="217932" y="0"/>
                  </a:lnTo>
                  <a:lnTo>
                    <a:pt x="217932" y="4572"/>
                  </a:lnTo>
                  <a:lnTo>
                    <a:pt x="228600" y="4572"/>
                  </a:lnTo>
                  <a:lnTo>
                    <a:pt x="228600" y="0"/>
                  </a:lnTo>
                  <a:close/>
                </a:path>
                <a:path w="969644" h="5079">
                  <a:moveTo>
                    <a:pt x="242316" y="0"/>
                  </a:moveTo>
                  <a:lnTo>
                    <a:pt x="231648" y="0"/>
                  </a:lnTo>
                  <a:lnTo>
                    <a:pt x="231648" y="4572"/>
                  </a:lnTo>
                  <a:lnTo>
                    <a:pt x="242316" y="4572"/>
                  </a:lnTo>
                  <a:lnTo>
                    <a:pt x="242316" y="0"/>
                  </a:lnTo>
                  <a:close/>
                </a:path>
                <a:path w="969644" h="5079">
                  <a:moveTo>
                    <a:pt x="256032" y="0"/>
                  </a:moveTo>
                  <a:lnTo>
                    <a:pt x="245364" y="0"/>
                  </a:lnTo>
                  <a:lnTo>
                    <a:pt x="245364" y="4572"/>
                  </a:lnTo>
                  <a:lnTo>
                    <a:pt x="256032" y="4572"/>
                  </a:lnTo>
                  <a:lnTo>
                    <a:pt x="256032" y="0"/>
                  </a:lnTo>
                  <a:close/>
                </a:path>
                <a:path w="969644" h="5079">
                  <a:moveTo>
                    <a:pt x="269748" y="0"/>
                  </a:moveTo>
                  <a:lnTo>
                    <a:pt x="259080" y="0"/>
                  </a:lnTo>
                  <a:lnTo>
                    <a:pt x="259080" y="4572"/>
                  </a:lnTo>
                  <a:lnTo>
                    <a:pt x="269748" y="4572"/>
                  </a:lnTo>
                  <a:lnTo>
                    <a:pt x="269748" y="0"/>
                  </a:lnTo>
                  <a:close/>
                </a:path>
                <a:path w="969644" h="5079">
                  <a:moveTo>
                    <a:pt x="283464" y="0"/>
                  </a:moveTo>
                  <a:lnTo>
                    <a:pt x="272796" y="0"/>
                  </a:lnTo>
                  <a:lnTo>
                    <a:pt x="272796" y="4572"/>
                  </a:lnTo>
                  <a:lnTo>
                    <a:pt x="283464" y="4572"/>
                  </a:lnTo>
                  <a:lnTo>
                    <a:pt x="283464" y="0"/>
                  </a:lnTo>
                  <a:close/>
                </a:path>
                <a:path w="969644" h="5079">
                  <a:moveTo>
                    <a:pt x="297180" y="0"/>
                  </a:moveTo>
                  <a:lnTo>
                    <a:pt x="286512" y="0"/>
                  </a:lnTo>
                  <a:lnTo>
                    <a:pt x="286512" y="4572"/>
                  </a:lnTo>
                  <a:lnTo>
                    <a:pt x="297180" y="4572"/>
                  </a:lnTo>
                  <a:lnTo>
                    <a:pt x="297180" y="0"/>
                  </a:lnTo>
                  <a:close/>
                </a:path>
                <a:path w="969644" h="5079">
                  <a:moveTo>
                    <a:pt x="310896" y="0"/>
                  </a:moveTo>
                  <a:lnTo>
                    <a:pt x="300228" y="0"/>
                  </a:lnTo>
                  <a:lnTo>
                    <a:pt x="300228" y="4572"/>
                  </a:lnTo>
                  <a:lnTo>
                    <a:pt x="310896" y="4572"/>
                  </a:lnTo>
                  <a:lnTo>
                    <a:pt x="310896" y="0"/>
                  </a:lnTo>
                  <a:close/>
                </a:path>
                <a:path w="969644" h="5079">
                  <a:moveTo>
                    <a:pt x="324612" y="0"/>
                  </a:moveTo>
                  <a:lnTo>
                    <a:pt x="313944" y="0"/>
                  </a:lnTo>
                  <a:lnTo>
                    <a:pt x="313944" y="4572"/>
                  </a:lnTo>
                  <a:lnTo>
                    <a:pt x="324612" y="4572"/>
                  </a:lnTo>
                  <a:lnTo>
                    <a:pt x="324612" y="0"/>
                  </a:lnTo>
                  <a:close/>
                </a:path>
                <a:path w="969644" h="5079">
                  <a:moveTo>
                    <a:pt x="338328" y="0"/>
                  </a:moveTo>
                  <a:lnTo>
                    <a:pt x="327660" y="0"/>
                  </a:lnTo>
                  <a:lnTo>
                    <a:pt x="327660" y="4572"/>
                  </a:lnTo>
                  <a:lnTo>
                    <a:pt x="338328" y="4572"/>
                  </a:lnTo>
                  <a:lnTo>
                    <a:pt x="338328" y="0"/>
                  </a:lnTo>
                  <a:close/>
                </a:path>
                <a:path w="969644" h="5079">
                  <a:moveTo>
                    <a:pt x="352044" y="0"/>
                  </a:moveTo>
                  <a:lnTo>
                    <a:pt x="341376" y="0"/>
                  </a:lnTo>
                  <a:lnTo>
                    <a:pt x="341376" y="4572"/>
                  </a:lnTo>
                  <a:lnTo>
                    <a:pt x="352044" y="4572"/>
                  </a:lnTo>
                  <a:lnTo>
                    <a:pt x="352044" y="0"/>
                  </a:lnTo>
                  <a:close/>
                </a:path>
                <a:path w="969644" h="5079">
                  <a:moveTo>
                    <a:pt x="365760" y="0"/>
                  </a:moveTo>
                  <a:lnTo>
                    <a:pt x="355092" y="0"/>
                  </a:lnTo>
                  <a:lnTo>
                    <a:pt x="355092" y="4572"/>
                  </a:lnTo>
                  <a:lnTo>
                    <a:pt x="365760" y="4572"/>
                  </a:lnTo>
                  <a:lnTo>
                    <a:pt x="365760" y="0"/>
                  </a:lnTo>
                  <a:close/>
                </a:path>
                <a:path w="969644" h="5079">
                  <a:moveTo>
                    <a:pt x="379476" y="0"/>
                  </a:moveTo>
                  <a:lnTo>
                    <a:pt x="368808" y="0"/>
                  </a:lnTo>
                  <a:lnTo>
                    <a:pt x="368808" y="4572"/>
                  </a:lnTo>
                  <a:lnTo>
                    <a:pt x="379476" y="4572"/>
                  </a:lnTo>
                  <a:lnTo>
                    <a:pt x="379476" y="0"/>
                  </a:lnTo>
                  <a:close/>
                </a:path>
                <a:path w="969644" h="5079">
                  <a:moveTo>
                    <a:pt x="393192" y="0"/>
                  </a:moveTo>
                  <a:lnTo>
                    <a:pt x="382524" y="0"/>
                  </a:lnTo>
                  <a:lnTo>
                    <a:pt x="382524" y="4572"/>
                  </a:lnTo>
                  <a:lnTo>
                    <a:pt x="393192" y="4572"/>
                  </a:lnTo>
                  <a:lnTo>
                    <a:pt x="393192" y="0"/>
                  </a:lnTo>
                  <a:close/>
                </a:path>
                <a:path w="969644" h="5079">
                  <a:moveTo>
                    <a:pt x="406908" y="0"/>
                  </a:moveTo>
                  <a:lnTo>
                    <a:pt x="396240" y="0"/>
                  </a:lnTo>
                  <a:lnTo>
                    <a:pt x="396240" y="4572"/>
                  </a:lnTo>
                  <a:lnTo>
                    <a:pt x="406908" y="4572"/>
                  </a:lnTo>
                  <a:lnTo>
                    <a:pt x="406908" y="0"/>
                  </a:lnTo>
                  <a:close/>
                </a:path>
                <a:path w="969644" h="5079">
                  <a:moveTo>
                    <a:pt x="420624" y="0"/>
                  </a:moveTo>
                  <a:lnTo>
                    <a:pt x="409956" y="0"/>
                  </a:lnTo>
                  <a:lnTo>
                    <a:pt x="409956" y="4572"/>
                  </a:lnTo>
                  <a:lnTo>
                    <a:pt x="420624" y="4572"/>
                  </a:lnTo>
                  <a:lnTo>
                    <a:pt x="420624" y="0"/>
                  </a:lnTo>
                  <a:close/>
                </a:path>
                <a:path w="969644" h="5079">
                  <a:moveTo>
                    <a:pt x="434340" y="0"/>
                  </a:moveTo>
                  <a:lnTo>
                    <a:pt x="423672" y="0"/>
                  </a:lnTo>
                  <a:lnTo>
                    <a:pt x="423672" y="4572"/>
                  </a:lnTo>
                  <a:lnTo>
                    <a:pt x="434340" y="4572"/>
                  </a:lnTo>
                  <a:lnTo>
                    <a:pt x="434340" y="0"/>
                  </a:lnTo>
                  <a:close/>
                </a:path>
                <a:path w="969644" h="5079">
                  <a:moveTo>
                    <a:pt x="448056" y="0"/>
                  </a:moveTo>
                  <a:lnTo>
                    <a:pt x="437388" y="0"/>
                  </a:lnTo>
                  <a:lnTo>
                    <a:pt x="437388" y="4572"/>
                  </a:lnTo>
                  <a:lnTo>
                    <a:pt x="448056" y="4572"/>
                  </a:lnTo>
                  <a:lnTo>
                    <a:pt x="448056" y="0"/>
                  </a:lnTo>
                  <a:close/>
                </a:path>
                <a:path w="969644" h="5079">
                  <a:moveTo>
                    <a:pt x="461772" y="0"/>
                  </a:moveTo>
                  <a:lnTo>
                    <a:pt x="451104" y="0"/>
                  </a:lnTo>
                  <a:lnTo>
                    <a:pt x="451104" y="4572"/>
                  </a:lnTo>
                  <a:lnTo>
                    <a:pt x="461772" y="4572"/>
                  </a:lnTo>
                  <a:lnTo>
                    <a:pt x="461772" y="0"/>
                  </a:lnTo>
                  <a:close/>
                </a:path>
                <a:path w="969644" h="5079">
                  <a:moveTo>
                    <a:pt x="475488" y="0"/>
                  </a:moveTo>
                  <a:lnTo>
                    <a:pt x="464820" y="0"/>
                  </a:lnTo>
                  <a:lnTo>
                    <a:pt x="464820" y="4572"/>
                  </a:lnTo>
                  <a:lnTo>
                    <a:pt x="475488" y="4572"/>
                  </a:lnTo>
                  <a:lnTo>
                    <a:pt x="475488" y="0"/>
                  </a:lnTo>
                  <a:close/>
                </a:path>
                <a:path w="969644" h="5079">
                  <a:moveTo>
                    <a:pt x="489204" y="0"/>
                  </a:moveTo>
                  <a:lnTo>
                    <a:pt x="478536" y="0"/>
                  </a:lnTo>
                  <a:lnTo>
                    <a:pt x="478536" y="4572"/>
                  </a:lnTo>
                  <a:lnTo>
                    <a:pt x="489204" y="4572"/>
                  </a:lnTo>
                  <a:lnTo>
                    <a:pt x="489204" y="0"/>
                  </a:lnTo>
                  <a:close/>
                </a:path>
                <a:path w="969644" h="5079">
                  <a:moveTo>
                    <a:pt x="502920" y="0"/>
                  </a:moveTo>
                  <a:lnTo>
                    <a:pt x="492252" y="0"/>
                  </a:lnTo>
                  <a:lnTo>
                    <a:pt x="492252" y="4572"/>
                  </a:lnTo>
                  <a:lnTo>
                    <a:pt x="502920" y="4572"/>
                  </a:lnTo>
                  <a:lnTo>
                    <a:pt x="502920" y="0"/>
                  </a:lnTo>
                  <a:close/>
                </a:path>
                <a:path w="969644" h="5079">
                  <a:moveTo>
                    <a:pt x="516636" y="0"/>
                  </a:moveTo>
                  <a:lnTo>
                    <a:pt x="505968" y="0"/>
                  </a:lnTo>
                  <a:lnTo>
                    <a:pt x="505968" y="4572"/>
                  </a:lnTo>
                  <a:lnTo>
                    <a:pt x="516636" y="4572"/>
                  </a:lnTo>
                  <a:lnTo>
                    <a:pt x="516636" y="0"/>
                  </a:lnTo>
                  <a:close/>
                </a:path>
                <a:path w="969644" h="5079">
                  <a:moveTo>
                    <a:pt x="530352" y="0"/>
                  </a:moveTo>
                  <a:lnTo>
                    <a:pt x="519684" y="0"/>
                  </a:lnTo>
                  <a:lnTo>
                    <a:pt x="519684" y="4572"/>
                  </a:lnTo>
                  <a:lnTo>
                    <a:pt x="530352" y="4572"/>
                  </a:lnTo>
                  <a:lnTo>
                    <a:pt x="530352" y="0"/>
                  </a:lnTo>
                  <a:close/>
                </a:path>
                <a:path w="969644" h="5079">
                  <a:moveTo>
                    <a:pt x="544068" y="0"/>
                  </a:moveTo>
                  <a:lnTo>
                    <a:pt x="533400" y="0"/>
                  </a:lnTo>
                  <a:lnTo>
                    <a:pt x="533400" y="4572"/>
                  </a:lnTo>
                  <a:lnTo>
                    <a:pt x="544068" y="4572"/>
                  </a:lnTo>
                  <a:lnTo>
                    <a:pt x="544068" y="0"/>
                  </a:lnTo>
                  <a:close/>
                </a:path>
                <a:path w="969644" h="5079">
                  <a:moveTo>
                    <a:pt x="557784" y="0"/>
                  </a:moveTo>
                  <a:lnTo>
                    <a:pt x="547116" y="0"/>
                  </a:lnTo>
                  <a:lnTo>
                    <a:pt x="547116" y="4572"/>
                  </a:lnTo>
                  <a:lnTo>
                    <a:pt x="557784" y="4572"/>
                  </a:lnTo>
                  <a:lnTo>
                    <a:pt x="557784" y="0"/>
                  </a:lnTo>
                  <a:close/>
                </a:path>
                <a:path w="969644" h="5079">
                  <a:moveTo>
                    <a:pt x="571500" y="0"/>
                  </a:moveTo>
                  <a:lnTo>
                    <a:pt x="560832" y="0"/>
                  </a:lnTo>
                  <a:lnTo>
                    <a:pt x="560832" y="4572"/>
                  </a:lnTo>
                  <a:lnTo>
                    <a:pt x="571500" y="4572"/>
                  </a:lnTo>
                  <a:lnTo>
                    <a:pt x="571500" y="0"/>
                  </a:lnTo>
                  <a:close/>
                </a:path>
                <a:path w="969644" h="5079">
                  <a:moveTo>
                    <a:pt x="585216" y="0"/>
                  </a:moveTo>
                  <a:lnTo>
                    <a:pt x="574548" y="0"/>
                  </a:lnTo>
                  <a:lnTo>
                    <a:pt x="574548" y="4572"/>
                  </a:lnTo>
                  <a:lnTo>
                    <a:pt x="585216" y="4572"/>
                  </a:lnTo>
                  <a:lnTo>
                    <a:pt x="585216" y="0"/>
                  </a:lnTo>
                  <a:close/>
                </a:path>
                <a:path w="969644" h="5079">
                  <a:moveTo>
                    <a:pt x="598932" y="0"/>
                  </a:moveTo>
                  <a:lnTo>
                    <a:pt x="588264" y="0"/>
                  </a:lnTo>
                  <a:lnTo>
                    <a:pt x="588264" y="4572"/>
                  </a:lnTo>
                  <a:lnTo>
                    <a:pt x="598932" y="4572"/>
                  </a:lnTo>
                  <a:lnTo>
                    <a:pt x="598932" y="0"/>
                  </a:lnTo>
                  <a:close/>
                </a:path>
                <a:path w="969644" h="5079">
                  <a:moveTo>
                    <a:pt x="612648" y="0"/>
                  </a:moveTo>
                  <a:lnTo>
                    <a:pt x="601980" y="0"/>
                  </a:lnTo>
                  <a:lnTo>
                    <a:pt x="601980" y="4572"/>
                  </a:lnTo>
                  <a:lnTo>
                    <a:pt x="612648" y="4572"/>
                  </a:lnTo>
                  <a:lnTo>
                    <a:pt x="612648" y="0"/>
                  </a:lnTo>
                  <a:close/>
                </a:path>
                <a:path w="969644" h="5079">
                  <a:moveTo>
                    <a:pt x="626364" y="0"/>
                  </a:moveTo>
                  <a:lnTo>
                    <a:pt x="615696" y="0"/>
                  </a:lnTo>
                  <a:lnTo>
                    <a:pt x="615696" y="4572"/>
                  </a:lnTo>
                  <a:lnTo>
                    <a:pt x="626364" y="4572"/>
                  </a:lnTo>
                  <a:lnTo>
                    <a:pt x="626364" y="0"/>
                  </a:lnTo>
                  <a:close/>
                </a:path>
                <a:path w="969644" h="5079">
                  <a:moveTo>
                    <a:pt x="640080" y="0"/>
                  </a:moveTo>
                  <a:lnTo>
                    <a:pt x="629412" y="0"/>
                  </a:lnTo>
                  <a:lnTo>
                    <a:pt x="629412" y="4572"/>
                  </a:lnTo>
                  <a:lnTo>
                    <a:pt x="640080" y="4572"/>
                  </a:lnTo>
                  <a:lnTo>
                    <a:pt x="640080" y="0"/>
                  </a:lnTo>
                  <a:close/>
                </a:path>
                <a:path w="969644" h="5079">
                  <a:moveTo>
                    <a:pt x="653796" y="0"/>
                  </a:moveTo>
                  <a:lnTo>
                    <a:pt x="643128" y="0"/>
                  </a:lnTo>
                  <a:lnTo>
                    <a:pt x="643128" y="4572"/>
                  </a:lnTo>
                  <a:lnTo>
                    <a:pt x="653796" y="4572"/>
                  </a:lnTo>
                  <a:lnTo>
                    <a:pt x="653796" y="0"/>
                  </a:lnTo>
                  <a:close/>
                </a:path>
                <a:path w="969644" h="5079">
                  <a:moveTo>
                    <a:pt x="667512" y="0"/>
                  </a:moveTo>
                  <a:lnTo>
                    <a:pt x="656844" y="0"/>
                  </a:lnTo>
                  <a:lnTo>
                    <a:pt x="656844" y="4572"/>
                  </a:lnTo>
                  <a:lnTo>
                    <a:pt x="667512" y="4572"/>
                  </a:lnTo>
                  <a:lnTo>
                    <a:pt x="667512" y="0"/>
                  </a:lnTo>
                  <a:close/>
                </a:path>
                <a:path w="969644" h="5079">
                  <a:moveTo>
                    <a:pt x="681228" y="0"/>
                  </a:moveTo>
                  <a:lnTo>
                    <a:pt x="670560" y="0"/>
                  </a:lnTo>
                  <a:lnTo>
                    <a:pt x="670560" y="4572"/>
                  </a:lnTo>
                  <a:lnTo>
                    <a:pt x="681228" y="4572"/>
                  </a:lnTo>
                  <a:lnTo>
                    <a:pt x="681228" y="0"/>
                  </a:lnTo>
                  <a:close/>
                </a:path>
                <a:path w="969644" h="5079">
                  <a:moveTo>
                    <a:pt x="694944" y="0"/>
                  </a:moveTo>
                  <a:lnTo>
                    <a:pt x="684276" y="0"/>
                  </a:lnTo>
                  <a:lnTo>
                    <a:pt x="684276" y="4572"/>
                  </a:lnTo>
                  <a:lnTo>
                    <a:pt x="694944" y="4572"/>
                  </a:lnTo>
                  <a:lnTo>
                    <a:pt x="694944" y="0"/>
                  </a:lnTo>
                  <a:close/>
                </a:path>
                <a:path w="969644" h="5079">
                  <a:moveTo>
                    <a:pt x="708660" y="0"/>
                  </a:moveTo>
                  <a:lnTo>
                    <a:pt x="697992" y="0"/>
                  </a:lnTo>
                  <a:lnTo>
                    <a:pt x="697992" y="4572"/>
                  </a:lnTo>
                  <a:lnTo>
                    <a:pt x="708660" y="4572"/>
                  </a:lnTo>
                  <a:lnTo>
                    <a:pt x="708660" y="0"/>
                  </a:lnTo>
                  <a:close/>
                </a:path>
                <a:path w="969644" h="5079">
                  <a:moveTo>
                    <a:pt x="722376" y="0"/>
                  </a:moveTo>
                  <a:lnTo>
                    <a:pt x="711708" y="0"/>
                  </a:lnTo>
                  <a:lnTo>
                    <a:pt x="711708" y="4572"/>
                  </a:lnTo>
                  <a:lnTo>
                    <a:pt x="722376" y="4572"/>
                  </a:lnTo>
                  <a:lnTo>
                    <a:pt x="722376" y="0"/>
                  </a:lnTo>
                  <a:close/>
                </a:path>
                <a:path w="969644" h="5079">
                  <a:moveTo>
                    <a:pt x="736092" y="0"/>
                  </a:moveTo>
                  <a:lnTo>
                    <a:pt x="725424" y="0"/>
                  </a:lnTo>
                  <a:lnTo>
                    <a:pt x="725424" y="4572"/>
                  </a:lnTo>
                  <a:lnTo>
                    <a:pt x="736092" y="4572"/>
                  </a:lnTo>
                  <a:lnTo>
                    <a:pt x="736092" y="0"/>
                  </a:lnTo>
                  <a:close/>
                </a:path>
                <a:path w="969644" h="5079">
                  <a:moveTo>
                    <a:pt x="749808" y="0"/>
                  </a:moveTo>
                  <a:lnTo>
                    <a:pt x="739140" y="0"/>
                  </a:lnTo>
                  <a:lnTo>
                    <a:pt x="739140" y="4572"/>
                  </a:lnTo>
                  <a:lnTo>
                    <a:pt x="749808" y="4572"/>
                  </a:lnTo>
                  <a:lnTo>
                    <a:pt x="749808" y="0"/>
                  </a:lnTo>
                  <a:close/>
                </a:path>
                <a:path w="969644" h="5079">
                  <a:moveTo>
                    <a:pt x="763524" y="0"/>
                  </a:moveTo>
                  <a:lnTo>
                    <a:pt x="752856" y="0"/>
                  </a:lnTo>
                  <a:lnTo>
                    <a:pt x="752856" y="4572"/>
                  </a:lnTo>
                  <a:lnTo>
                    <a:pt x="763524" y="4572"/>
                  </a:lnTo>
                  <a:lnTo>
                    <a:pt x="763524" y="0"/>
                  </a:lnTo>
                  <a:close/>
                </a:path>
                <a:path w="969644" h="5079">
                  <a:moveTo>
                    <a:pt x="777240" y="0"/>
                  </a:moveTo>
                  <a:lnTo>
                    <a:pt x="766572" y="0"/>
                  </a:lnTo>
                  <a:lnTo>
                    <a:pt x="766572" y="4572"/>
                  </a:lnTo>
                  <a:lnTo>
                    <a:pt x="777240" y="4572"/>
                  </a:lnTo>
                  <a:lnTo>
                    <a:pt x="777240" y="0"/>
                  </a:lnTo>
                  <a:close/>
                </a:path>
                <a:path w="969644" h="5079">
                  <a:moveTo>
                    <a:pt x="790956" y="0"/>
                  </a:moveTo>
                  <a:lnTo>
                    <a:pt x="780288" y="0"/>
                  </a:lnTo>
                  <a:lnTo>
                    <a:pt x="780288" y="4572"/>
                  </a:lnTo>
                  <a:lnTo>
                    <a:pt x="790956" y="4572"/>
                  </a:lnTo>
                  <a:lnTo>
                    <a:pt x="790956" y="0"/>
                  </a:lnTo>
                  <a:close/>
                </a:path>
                <a:path w="969644" h="5079">
                  <a:moveTo>
                    <a:pt x="804672" y="0"/>
                  </a:moveTo>
                  <a:lnTo>
                    <a:pt x="794004" y="0"/>
                  </a:lnTo>
                  <a:lnTo>
                    <a:pt x="794004" y="4572"/>
                  </a:lnTo>
                  <a:lnTo>
                    <a:pt x="804672" y="4572"/>
                  </a:lnTo>
                  <a:lnTo>
                    <a:pt x="804672" y="0"/>
                  </a:lnTo>
                  <a:close/>
                </a:path>
                <a:path w="969644" h="5079">
                  <a:moveTo>
                    <a:pt x="818388" y="0"/>
                  </a:moveTo>
                  <a:lnTo>
                    <a:pt x="807720" y="0"/>
                  </a:lnTo>
                  <a:lnTo>
                    <a:pt x="807720" y="4572"/>
                  </a:lnTo>
                  <a:lnTo>
                    <a:pt x="818388" y="4572"/>
                  </a:lnTo>
                  <a:lnTo>
                    <a:pt x="818388" y="0"/>
                  </a:lnTo>
                  <a:close/>
                </a:path>
                <a:path w="969644" h="5079">
                  <a:moveTo>
                    <a:pt x="832104" y="0"/>
                  </a:moveTo>
                  <a:lnTo>
                    <a:pt x="821436" y="0"/>
                  </a:lnTo>
                  <a:lnTo>
                    <a:pt x="821436" y="4572"/>
                  </a:lnTo>
                  <a:lnTo>
                    <a:pt x="832104" y="4572"/>
                  </a:lnTo>
                  <a:lnTo>
                    <a:pt x="832104" y="0"/>
                  </a:lnTo>
                  <a:close/>
                </a:path>
                <a:path w="969644" h="5079">
                  <a:moveTo>
                    <a:pt x="845820" y="0"/>
                  </a:moveTo>
                  <a:lnTo>
                    <a:pt x="835152" y="0"/>
                  </a:lnTo>
                  <a:lnTo>
                    <a:pt x="835152" y="4572"/>
                  </a:lnTo>
                  <a:lnTo>
                    <a:pt x="845820" y="4572"/>
                  </a:lnTo>
                  <a:lnTo>
                    <a:pt x="845820" y="0"/>
                  </a:lnTo>
                  <a:close/>
                </a:path>
                <a:path w="969644" h="5079">
                  <a:moveTo>
                    <a:pt x="859536" y="0"/>
                  </a:moveTo>
                  <a:lnTo>
                    <a:pt x="848868" y="0"/>
                  </a:lnTo>
                  <a:lnTo>
                    <a:pt x="848868" y="4572"/>
                  </a:lnTo>
                  <a:lnTo>
                    <a:pt x="859536" y="4572"/>
                  </a:lnTo>
                  <a:lnTo>
                    <a:pt x="859536" y="0"/>
                  </a:lnTo>
                  <a:close/>
                </a:path>
                <a:path w="969644" h="5079">
                  <a:moveTo>
                    <a:pt x="873252" y="0"/>
                  </a:moveTo>
                  <a:lnTo>
                    <a:pt x="862584" y="0"/>
                  </a:lnTo>
                  <a:lnTo>
                    <a:pt x="862584" y="4572"/>
                  </a:lnTo>
                  <a:lnTo>
                    <a:pt x="873252" y="4572"/>
                  </a:lnTo>
                  <a:lnTo>
                    <a:pt x="873252" y="0"/>
                  </a:lnTo>
                  <a:close/>
                </a:path>
                <a:path w="969644" h="5079">
                  <a:moveTo>
                    <a:pt x="886968" y="0"/>
                  </a:moveTo>
                  <a:lnTo>
                    <a:pt x="876300" y="0"/>
                  </a:lnTo>
                  <a:lnTo>
                    <a:pt x="876300" y="4572"/>
                  </a:lnTo>
                  <a:lnTo>
                    <a:pt x="886968" y="4572"/>
                  </a:lnTo>
                  <a:lnTo>
                    <a:pt x="886968" y="0"/>
                  </a:lnTo>
                  <a:close/>
                </a:path>
                <a:path w="969644" h="5079">
                  <a:moveTo>
                    <a:pt x="900684" y="0"/>
                  </a:moveTo>
                  <a:lnTo>
                    <a:pt x="890016" y="0"/>
                  </a:lnTo>
                  <a:lnTo>
                    <a:pt x="890016" y="4572"/>
                  </a:lnTo>
                  <a:lnTo>
                    <a:pt x="900684" y="4572"/>
                  </a:lnTo>
                  <a:lnTo>
                    <a:pt x="900684" y="0"/>
                  </a:lnTo>
                  <a:close/>
                </a:path>
                <a:path w="969644" h="5079">
                  <a:moveTo>
                    <a:pt x="914400" y="0"/>
                  </a:moveTo>
                  <a:lnTo>
                    <a:pt x="903732" y="0"/>
                  </a:lnTo>
                  <a:lnTo>
                    <a:pt x="903732" y="4572"/>
                  </a:lnTo>
                  <a:lnTo>
                    <a:pt x="914400" y="4572"/>
                  </a:lnTo>
                  <a:lnTo>
                    <a:pt x="914400" y="0"/>
                  </a:lnTo>
                  <a:close/>
                </a:path>
                <a:path w="969644" h="5079">
                  <a:moveTo>
                    <a:pt x="928116" y="0"/>
                  </a:moveTo>
                  <a:lnTo>
                    <a:pt x="917448" y="0"/>
                  </a:lnTo>
                  <a:lnTo>
                    <a:pt x="917448" y="4572"/>
                  </a:lnTo>
                  <a:lnTo>
                    <a:pt x="928116" y="4572"/>
                  </a:lnTo>
                  <a:lnTo>
                    <a:pt x="928116" y="0"/>
                  </a:lnTo>
                  <a:close/>
                </a:path>
                <a:path w="969644" h="5079">
                  <a:moveTo>
                    <a:pt x="941832" y="0"/>
                  </a:moveTo>
                  <a:lnTo>
                    <a:pt x="931164" y="0"/>
                  </a:lnTo>
                  <a:lnTo>
                    <a:pt x="931164" y="4572"/>
                  </a:lnTo>
                  <a:lnTo>
                    <a:pt x="941832" y="4572"/>
                  </a:lnTo>
                  <a:lnTo>
                    <a:pt x="941832" y="0"/>
                  </a:lnTo>
                  <a:close/>
                </a:path>
                <a:path w="969644" h="5079">
                  <a:moveTo>
                    <a:pt x="955548" y="0"/>
                  </a:moveTo>
                  <a:lnTo>
                    <a:pt x="944880" y="0"/>
                  </a:lnTo>
                  <a:lnTo>
                    <a:pt x="944880" y="4572"/>
                  </a:lnTo>
                  <a:lnTo>
                    <a:pt x="955548" y="4572"/>
                  </a:lnTo>
                  <a:lnTo>
                    <a:pt x="955548" y="0"/>
                  </a:lnTo>
                  <a:close/>
                </a:path>
                <a:path w="969644"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61" name="object 61"/>
            <p:cNvSpPr/>
            <p:nvPr/>
          </p:nvSpPr>
          <p:spPr>
            <a:xfrm>
              <a:off x="3080004" y="357682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63" y="0"/>
                  </a:moveTo>
                  <a:lnTo>
                    <a:pt x="178308" y="0"/>
                  </a:lnTo>
                  <a:lnTo>
                    <a:pt x="178308" y="4572"/>
                  </a:lnTo>
                  <a:lnTo>
                    <a:pt x="188963" y="4572"/>
                  </a:lnTo>
                  <a:lnTo>
                    <a:pt x="188963"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75" y="0"/>
                  </a:lnTo>
                  <a:lnTo>
                    <a:pt x="246875"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7012" y="0"/>
                  </a:moveTo>
                  <a:lnTo>
                    <a:pt x="466344" y="0"/>
                  </a:lnTo>
                  <a:lnTo>
                    <a:pt x="466344" y="4572"/>
                  </a:lnTo>
                  <a:lnTo>
                    <a:pt x="477012" y="4572"/>
                  </a:lnTo>
                  <a:lnTo>
                    <a:pt x="477012" y="0"/>
                  </a:lnTo>
                  <a:close/>
                </a:path>
                <a:path w="969645" h="5079">
                  <a:moveTo>
                    <a:pt x="490728" y="0"/>
                  </a:moveTo>
                  <a:lnTo>
                    <a:pt x="480060" y="0"/>
                  </a:lnTo>
                  <a:lnTo>
                    <a:pt x="480060" y="4572"/>
                  </a:lnTo>
                  <a:lnTo>
                    <a:pt x="490728" y="4572"/>
                  </a:lnTo>
                  <a:lnTo>
                    <a:pt x="490728" y="0"/>
                  </a:lnTo>
                  <a:close/>
                </a:path>
                <a:path w="969645" h="5079">
                  <a:moveTo>
                    <a:pt x="504444" y="0"/>
                  </a:moveTo>
                  <a:lnTo>
                    <a:pt x="493776" y="0"/>
                  </a:lnTo>
                  <a:lnTo>
                    <a:pt x="493776" y="4572"/>
                  </a:lnTo>
                  <a:lnTo>
                    <a:pt x="504444" y="4572"/>
                  </a:lnTo>
                  <a:lnTo>
                    <a:pt x="504444" y="0"/>
                  </a:lnTo>
                  <a:close/>
                </a:path>
                <a:path w="969645" h="5079">
                  <a:moveTo>
                    <a:pt x="518160" y="0"/>
                  </a:moveTo>
                  <a:lnTo>
                    <a:pt x="507492" y="0"/>
                  </a:lnTo>
                  <a:lnTo>
                    <a:pt x="507492" y="4572"/>
                  </a:lnTo>
                  <a:lnTo>
                    <a:pt x="518160" y="4572"/>
                  </a:lnTo>
                  <a:lnTo>
                    <a:pt x="518160" y="0"/>
                  </a:lnTo>
                  <a:close/>
                </a:path>
                <a:path w="969645" h="5079">
                  <a:moveTo>
                    <a:pt x="531876" y="0"/>
                  </a:moveTo>
                  <a:lnTo>
                    <a:pt x="521208" y="0"/>
                  </a:lnTo>
                  <a:lnTo>
                    <a:pt x="521208" y="4572"/>
                  </a:lnTo>
                  <a:lnTo>
                    <a:pt x="531876" y="4572"/>
                  </a:lnTo>
                  <a:lnTo>
                    <a:pt x="531876" y="0"/>
                  </a:lnTo>
                  <a:close/>
                </a:path>
                <a:path w="969645" h="5079">
                  <a:moveTo>
                    <a:pt x="545592" y="0"/>
                  </a:moveTo>
                  <a:lnTo>
                    <a:pt x="534924" y="0"/>
                  </a:lnTo>
                  <a:lnTo>
                    <a:pt x="534924" y="4572"/>
                  </a:lnTo>
                  <a:lnTo>
                    <a:pt x="545592" y="4572"/>
                  </a:lnTo>
                  <a:lnTo>
                    <a:pt x="545592" y="0"/>
                  </a:lnTo>
                  <a:close/>
                </a:path>
                <a:path w="969645" h="5079">
                  <a:moveTo>
                    <a:pt x="559308" y="0"/>
                  </a:moveTo>
                  <a:lnTo>
                    <a:pt x="548640" y="0"/>
                  </a:lnTo>
                  <a:lnTo>
                    <a:pt x="548640" y="4572"/>
                  </a:lnTo>
                  <a:lnTo>
                    <a:pt x="559308" y="4572"/>
                  </a:lnTo>
                  <a:lnTo>
                    <a:pt x="559308" y="0"/>
                  </a:lnTo>
                  <a:close/>
                </a:path>
                <a:path w="969645" h="5079">
                  <a:moveTo>
                    <a:pt x="573024" y="0"/>
                  </a:moveTo>
                  <a:lnTo>
                    <a:pt x="562356" y="0"/>
                  </a:lnTo>
                  <a:lnTo>
                    <a:pt x="562356" y="4572"/>
                  </a:lnTo>
                  <a:lnTo>
                    <a:pt x="573024" y="4572"/>
                  </a:lnTo>
                  <a:lnTo>
                    <a:pt x="573024" y="0"/>
                  </a:lnTo>
                  <a:close/>
                </a:path>
                <a:path w="969645" h="5079">
                  <a:moveTo>
                    <a:pt x="586740" y="0"/>
                  </a:moveTo>
                  <a:lnTo>
                    <a:pt x="576072" y="0"/>
                  </a:lnTo>
                  <a:lnTo>
                    <a:pt x="576072" y="4572"/>
                  </a:lnTo>
                  <a:lnTo>
                    <a:pt x="586740" y="4572"/>
                  </a:lnTo>
                  <a:lnTo>
                    <a:pt x="586740" y="0"/>
                  </a:lnTo>
                  <a:close/>
                </a:path>
                <a:path w="969645" h="5079">
                  <a:moveTo>
                    <a:pt x="600456" y="0"/>
                  </a:moveTo>
                  <a:lnTo>
                    <a:pt x="589788" y="0"/>
                  </a:lnTo>
                  <a:lnTo>
                    <a:pt x="589788" y="4572"/>
                  </a:lnTo>
                  <a:lnTo>
                    <a:pt x="600456" y="4572"/>
                  </a:lnTo>
                  <a:lnTo>
                    <a:pt x="600456" y="0"/>
                  </a:lnTo>
                  <a:close/>
                </a:path>
                <a:path w="969645" h="5079">
                  <a:moveTo>
                    <a:pt x="614172" y="0"/>
                  </a:moveTo>
                  <a:lnTo>
                    <a:pt x="603504" y="0"/>
                  </a:lnTo>
                  <a:lnTo>
                    <a:pt x="603504" y="4572"/>
                  </a:lnTo>
                  <a:lnTo>
                    <a:pt x="614172" y="4572"/>
                  </a:lnTo>
                  <a:lnTo>
                    <a:pt x="614172" y="0"/>
                  </a:lnTo>
                  <a:close/>
                </a:path>
                <a:path w="969645" h="5079">
                  <a:moveTo>
                    <a:pt x="627888" y="0"/>
                  </a:moveTo>
                  <a:lnTo>
                    <a:pt x="617220" y="0"/>
                  </a:lnTo>
                  <a:lnTo>
                    <a:pt x="617220" y="4572"/>
                  </a:lnTo>
                  <a:lnTo>
                    <a:pt x="627888" y="4572"/>
                  </a:lnTo>
                  <a:lnTo>
                    <a:pt x="627888" y="0"/>
                  </a:lnTo>
                  <a:close/>
                </a:path>
                <a:path w="969645" h="5079">
                  <a:moveTo>
                    <a:pt x="641604" y="0"/>
                  </a:moveTo>
                  <a:lnTo>
                    <a:pt x="630936" y="0"/>
                  </a:lnTo>
                  <a:lnTo>
                    <a:pt x="630936" y="4572"/>
                  </a:lnTo>
                  <a:lnTo>
                    <a:pt x="641604" y="4572"/>
                  </a:lnTo>
                  <a:lnTo>
                    <a:pt x="641604" y="0"/>
                  </a:lnTo>
                  <a:close/>
                </a:path>
                <a:path w="969645" h="5079">
                  <a:moveTo>
                    <a:pt x="655320" y="0"/>
                  </a:moveTo>
                  <a:lnTo>
                    <a:pt x="644652" y="0"/>
                  </a:lnTo>
                  <a:lnTo>
                    <a:pt x="644652" y="4572"/>
                  </a:lnTo>
                  <a:lnTo>
                    <a:pt x="655320" y="4572"/>
                  </a:lnTo>
                  <a:lnTo>
                    <a:pt x="655320" y="0"/>
                  </a:lnTo>
                  <a:close/>
                </a:path>
                <a:path w="969645" h="5079">
                  <a:moveTo>
                    <a:pt x="669036" y="0"/>
                  </a:moveTo>
                  <a:lnTo>
                    <a:pt x="658368" y="0"/>
                  </a:lnTo>
                  <a:lnTo>
                    <a:pt x="658368" y="4572"/>
                  </a:lnTo>
                  <a:lnTo>
                    <a:pt x="669036" y="4572"/>
                  </a:lnTo>
                  <a:lnTo>
                    <a:pt x="669036" y="0"/>
                  </a:lnTo>
                  <a:close/>
                </a:path>
                <a:path w="969645" h="5079">
                  <a:moveTo>
                    <a:pt x="682752" y="0"/>
                  </a:moveTo>
                  <a:lnTo>
                    <a:pt x="672084" y="0"/>
                  </a:lnTo>
                  <a:lnTo>
                    <a:pt x="672084" y="4572"/>
                  </a:lnTo>
                  <a:lnTo>
                    <a:pt x="682752" y="4572"/>
                  </a:lnTo>
                  <a:lnTo>
                    <a:pt x="682752" y="0"/>
                  </a:lnTo>
                  <a:close/>
                </a:path>
                <a:path w="969645" h="5079">
                  <a:moveTo>
                    <a:pt x="696468" y="0"/>
                  </a:moveTo>
                  <a:lnTo>
                    <a:pt x="685800" y="0"/>
                  </a:lnTo>
                  <a:lnTo>
                    <a:pt x="685800" y="4572"/>
                  </a:lnTo>
                  <a:lnTo>
                    <a:pt x="696468" y="4572"/>
                  </a:lnTo>
                  <a:lnTo>
                    <a:pt x="696468" y="0"/>
                  </a:lnTo>
                  <a:close/>
                </a:path>
                <a:path w="969645" h="5079">
                  <a:moveTo>
                    <a:pt x="710184" y="0"/>
                  </a:moveTo>
                  <a:lnTo>
                    <a:pt x="699516" y="0"/>
                  </a:lnTo>
                  <a:lnTo>
                    <a:pt x="699516" y="4572"/>
                  </a:lnTo>
                  <a:lnTo>
                    <a:pt x="710184" y="4572"/>
                  </a:lnTo>
                  <a:lnTo>
                    <a:pt x="710184" y="0"/>
                  </a:lnTo>
                  <a:close/>
                </a:path>
                <a:path w="969645" h="5079">
                  <a:moveTo>
                    <a:pt x="723900" y="0"/>
                  </a:moveTo>
                  <a:lnTo>
                    <a:pt x="713232" y="0"/>
                  </a:lnTo>
                  <a:lnTo>
                    <a:pt x="713232" y="4572"/>
                  </a:lnTo>
                  <a:lnTo>
                    <a:pt x="723900" y="4572"/>
                  </a:lnTo>
                  <a:lnTo>
                    <a:pt x="723900" y="0"/>
                  </a:lnTo>
                  <a:close/>
                </a:path>
                <a:path w="969645" h="5079">
                  <a:moveTo>
                    <a:pt x="737616" y="0"/>
                  </a:moveTo>
                  <a:lnTo>
                    <a:pt x="726948" y="0"/>
                  </a:lnTo>
                  <a:lnTo>
                    <a:pt x="726948" y="4572"/>
                  </a:lnTo>
                  <a:lnTo>
                    <a:pt x="737616" y="4572"/>
                  </a:lnTo>
                  <a:lnTo>
                    <a:pt x="737616" y="0"/>
                  </a:lnTo>
                  <a:close/>
                </a:path>
                <a:path w="969645" h="5079">
                  <a:moveTo>
                    <a:pt x="751332" y="0"/>
                  </a:moveTo>
                  <a:lnTo>
                    <a:pt x="740664" y="0"/>
                  </a:lnTo>
                  <a:lnTo>
                    <a:pt x="740664" y="4572"/>
                  </a:lnTo>
                  <a:lnTo>
                    <a:pt x="751332" y="4572"/>
                  </a:lnTo>
                  <a:lnTo>
                    <a:pt x="751332" y="0"/>
                  </a:lnTo>
                  <a:close/>
                </a:path>
                <a:path w="969645" h="5079">
                  <a:moveTo>
                    <a:pt x="765048" y="0"/>
                  </a:moveTo>
                  <a:lnTo>
                    <a:pt x="754380" y="0"/>
                  </a:lnTo>
                  <a:lnTo>
                    <a:pt x="754380" y="4572"/>
                  </a:lnTo>
                  <a:lnTo>
                    <a:pt x="765048" y="4572"/>
                  </a:lnTo>
                  <a:lnTo>
                    <a:pt x="765048" y="0"/>
                  </a:lnTo>
                  <a:close/>
                </a:path>
                <a:path w="969645" h="5079">
                  <a:moveTo>
                    <a:pt x="778764" y="0"/>
                  </a:moveTo>
                  <a:lnTo>
                    <a:pt x="768096" y="0"/>
                  </a:lnTo>
                  <a:lnTo>
                    <a:pt x="768096" y="4572"/>
                  </a:lnTo>
                  <a:lnTo>
                    <a:pt x="778764" y="4572"/>
                  </a:lnTo>
                  <a:lnTo>
                    <a:pt x="778764" y="0"/>
                  </a:lnTo>
                  <a:close/>
                </a:path>
                <a:path w="969645" h="5079">
                  <a:moveTo>
                    <a:pt x="792480" y="0"/>
                  </a:moveTo>
                  <a:lnTo>
                    <a:pt x="781812" y="0"/>
                  </a:lnTo>
                  <a:lnTo>
                    <a:pt x="781812" y="4572"/>
                  </a:lnTo>
                  <a:lnTo>
                    <a:pt x="792480" y="4572"/>
                  </a:lnTo>
                  <a:lnTo>
                    <a:pt x="792480" y="0"/>
                  </a:lnTo>
                  <a:close/>
                </a:path>
                <a:path w="969645" h="5079">
                  <a:moveTo>
                    <a:pt x="806196" y="0"/>
                  </a:moveTo>
                  <a:lnTo>
                    <a:pt x="795528" y="0"/>
                  </a:lnTo>
                  <a:lnTo>
                    <a:pt x="795528" y="4572"/>
                  </a:lnTo>
                  <a:lnTo>
                    <a:pt x="806196" y="4572"/>
                  </a:lnTo>
                  <a:lnTo>
                    <a:pt x="806196" y="0"/>
                  </a:lnTo>
                  <a:close/>
                </a:path>
                <a:path w="969645" h="5079">
                  <a:moveTo>
                    <a:pt x="819912" y="0"/>
                  </a:moveTo>
                  <a:lnTo>
                    <a:pt x="809244" y="0"/>
                  </a:lnTo>
                  <a:lnTo>
                    <a:pt x="809244" y="4572"/>
                  </a:lnTo>
                  <a:lnTo>
                    <a:pt x="819912" y="4572"/>
                  </a:lnTo>
                  <a:lnTo>
                    <a:pt x="819912" y="0"/>
                  </a:lnTo>
                  <a:close/>
                </a:path>
                <a:path w="969645" h="5079">
                  <a:moveTo>
                    <a:pt x="833628" y="0"/>
                  </a:moveTo>
                  <a:lnTo>
                    <a:pt x="822960" y="0"/>
                  </a:lnTo>
                  <a:lnTo>
                    <a:pt x="822960" y="4572"/>
                  </a:lnTo>
                  <a:lnTo>
                    <a:pt x="833628" y="4572"/>
                  </a:lnTo>
                  <a:lnTo>
                    <a:pt x="833628" y="0"/>
                  </a:lnTo>
                  <a:close/>
                </a:path>
                <a:path w="969645" h="5079">
                  <a:moveTo>
                    <a:pt x="847344" y="0"/>
                  </a:moveTo>
                  <a:lnTo>
                    <a:pt x="836676" y="0"/>
                  </a:lnTo>
                  <a:lnTo>
                    <a:pt x="836676" y="4572"/>
                  </a:lnTo>
                  <a:lnTo>
                    <a:pt x="847344" y="4572"/>
                  </a:lnTo>
                  <a:lnTo>
                    <a:pt x="847344" y="0"/>
                  </a:lnTo>
                  <a:close/>
                </a:path>
                <a:path w="969645" h="5079">
                  <a:moveTo>
                    <a:pt x="861060" y="0"/>
                  </a:moveTo>
                  <a:lnTo>
                    <a:pt x="850392" y="0"/>
                  </a:lnTo>
                  <a:lnTo>
                    <a:pt x="850392" y="4572"/>
                  </a:lnTo>
                  <a:lnTo>
                    <a:pt x="861060" y="4572"/>
                  </a:lnTo>
                  <a:lnTo>
                    <a:pt x="861060" y="0"/>
                  </a:lnTo>
                  <a:close/>
                </a:path>
                <a:path w="969645" h="5079">
                  <a:moveTo>
                    <a:pt x="874776" y="0"/>
                  </a:moveTo>
                  <a:lnTo>
                    <a:pt x="864108" y="0"/>
                  </a:lnTo>
                  <a:lnTo>
                    <a:pt x="864108" y="4572"/>
                  </a:lnTo>
                  <a:lnTo>
                    <a:pt x="874776" y="4572"/>
                  </a:lnTo>
                  <a:lnTo>
                    <a:pt x="874776" y="0"/>
                  </a:lnTo>
                  <a:close/>
                </a:path>
                <a:path w="969645" h="5079">
                  <a:moveTo>
                    <a:pt x="888492" y="0"/>
                  </a:moveTo>
                  <a:lnTo>
                    <a:pt x="877824" y="0"/>
                  </a:lnTo>
                  <a:lnTo>
                    <a:pt x="877824" y="4572"/>
                  </a:lnTo>
                  <a:lnTo>
                    <a:pt x="888492" y="4572"/>
                  </a:lnTo>
                  <a:lnTo>
                    <a:pt x="888492" y="0"/>
                  </a:lnTo>
                  <a:close/>
                </a:path>
                <a:path w="969645" h="5079">
                  <a:moveTo>
                    <a:pt x="902208" y="0"/>
                  </a:moveTo>
                  <a:lnTo>
                    <a:pt x="891540" y="0"/>
                  </a:lnTo>
                  <a:lnTo>
                    <a:pt x="891540" y="4572"/>
                  </a:lnTo>
                  <a:lnTo>
                    <a:pt x="902208" y="4572"/>
                  </a:lnTo>
                  <a:lnTo>
                    <a:pt x="902208"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62" name="object 62"/>
            <p:cNvSpPr/>
            <p:nvPr/>
          </p:nvSpPr>
          <p:spPr>
            <a:xfrm>
              <a:off x="4040124" y="3576827"/>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3444" y="0"/>
                  </a:lnTo>
                  <a:lnTo>
                    <a:pt x="123444" y="4572"/>
                  </a:lnTo>
                  <a:lnTo>
                    <a:pt x="132588" y="4572"/>
                  </a:lnTo>
                  <a:lnTo>
                    <a:pt x="132588" y="0"/>
                  </a:lnTo>
                  <a:close/>
                </a:path>
                <a:path w="969645" h="5079">
                  <a:moveTo>
                    <a:pt x="146304" y="0"/>
                  </a:moveTo>
                  <a:lnTo>
                    <a:pt x="137160" y="0"/>
                  </a:lnTo>
                  <a:lnTo>
                    <a:pt x="137160" y="4572"/>
                  </a:lnTo>
                  <a:lnTo>
                    <a:pt x="146304" y="4572"/>
                  </a:lnTo>
                  <a:lnTo>
                    <a:pt x="146304" y="0"/>
                  </a:lnTo>
                  <a:close/>
                </a:path>
                <a:path w="969645" h="5079">
                  <a:moveTo>
                    <a:pt x="160020" y="0"/>
                  </a:moveTo>
                  <a:lnTo>
                    <a:pt x="150876" y="0"/>
                  </a:lnTo>
                  <a:lnTo>
                    <a:pt x="150876" y="4572"/>
                  </a:lnTo>
                  <a:lnTo>
                    <a:pt x="160020" y="4572"/>
                  </a:lnTo>
                  <a:lnTo>
                    <a:pt x="160020" y="0"/>
                  </a:lnTo>
                  <a:close/>
                </a:path>
                <a:path w="969645" h="5079">
                  <a:moveTo>
                    <a:pt x="173736" y="0"/>
                  </a:moveTo>
                  <a:lnTo>
                    <a:pt x="164592" y="0"/>
                  </a:lnTo>
                  <a:lnTo>
                    <a:pt x="164592" y="4572"/>
                  </a:lnTo>
                  <a:lnTo>
                    <a:pt x="173736" y="4572"/>
                  </a:lnTo>
                  <a:lnTo>
                    <a:pt x="173736" y="0"/>
                  </a:lnTo>
                  <a:close/>
                </a:path>
                <a:path w="969645" h="5079">
                  <a:moveTo>
                    <a:pt x="187452" y="0"/>
                  </a:moveTo>
                  <a:lnTo>
                    <a:pt x="178308" y="0"/>
                  </a:lnTo>
                  <a:lnTo>
                    <a:pt x="178308" y="4572"/>
                  </a:lnTo>
                  <a:lnTo>
                    <a:pt x="187452" y="4572"/>
                  </a:lnTo>
                  <a:lnTo>
                    <a:pt x="187452" y="0"/>
                  </a:lnTo>
                  <a:close/>
                </a:path>
                <a:path w="969645" h="5079">
                  <a:moveTo>
                    <a:pt x="201168" y="0"/>
                  </a:moveTo>
                  <a:lnTo>
                    <a:pt x="192024" y="0"/>
                  </a:lnTo>
                  <a:lnTo>
                    <a:pt x="192024" y="4572"/>
                  </a:lnTo>
                  <a:lnTo>
                    <a:pt x="201168" y="4572"/>
                  </a:lnTo>
                  <a:lnTo>
                    <a:pt x="201168" y="0"/>
                  </a:lnTo>
                  <a:close/>
                </a:path>
                <a:path w="969645" h="5079">
                  <a:moveTo>
                    <a:pt x="214884" y="0"/>
                  </a:moveTo>
                  <a:lnTo>
                    <a:pt x="205740" y="0"/>
                  </a:lnTo>
                  <a:lnTo>
                    <a:pt x="205740" y="4572"/>
                  </a:lnTo>
                  <a:lnTo>
                    <a:pt x="214884" y="4572"/>
                  </a:lnTo>
                  <a:lnTo>
                    <a:pt x="214884" y="0"/>
                  </a:lnTo>
                  <a:close/>
                </a:path>
                <a:path w="969645" h="5079">
                  <a:moveTo>
                    <a:pt x="228600" y="0"/>
                  </a:moveTo>
                  <a:lnTo>
                    <a:pt x="219456" y="0"/>
                  </a:lnTo>
                  <a:lnTo>
                    <a:pt x="219456" y="4572"/>
                  </a:lnTo>
                  <a:lnTo>
                    <a:pt x="228600" y="4572"/>
                  </a:lnTo>
                  <a:lnTo>
                    <a:pt x="228600" y="0"/>
                  </a:lnTo>
                  <a:close/>
                </a:path>
                <a:path w="969645" h="5079">
                  <a:moveTo>
                    <a:pt x="242316" y="0"/>
                  </a:moveTo>
                  <a:lnTo>
                    <a:pt x="233172" y="0"/>
                  </a:lnTo>
                  <a:lnTo>
                    <a:pt x="233172" y="4572"/>
                  </a:lnTo>
                  <a:lnTo>
                    <a:pt x="242316" y="4572"/>
                  </a:lnTo>
                  <a:lnTo>
                    <a:pt x="242316" y="0"/>
                  </a:lnTo>
                  <a:close/>
                </a:path>
                <a:path w="969645" h="5079">
                  <a:moveTo>
                    <a:pt x="256032" y="0"/>
                  </a:moveTo>
                  <a:lnTo>
                    <a:pt x="246888" y="0"/>
                  </a:lnTo>
                  <a:lnTo>
                    <a:pt x="246888" y="4572"/>
                  </a:lnTo>
                  <a:lnTo>
                    <a:pt x="256032" y="4572"/>
                  </a:lnTo>
                  <a:lnTo>
                    <a:pt x="256032" y="0"/>
                  </a:lnTo>
                  <a:close/>
                </a:path>
                <a:path w="969645" h="5079">
                  <a:moveTo>
                    <a:pt x="269748" y="0"/>
                  </a:moveTo>
                  <a:lnTo>
                    <a:pt x="260604" y="0"/>
                  </a:lnTo>
                  <a:lnTo>
                    <a:pt x="260604" y="4572"/>
                  </a:lnTo>
                  <a:lnTo>
                    <a:pt x="269748" y="4572"/>
                  </a:lnTo>
                  <a:lnTo>
                    <a:pt x="269748" y="0"/>
                  </a:lnTo>
                  <a:close/>
                </a:path>
                <a:path w="969645" h="5079">
                  <a:moveTo>
                    <a:pt x="283464" y="0"/>
                  </a:moveTo>
                  <a:lnTo>
                    <a:pt x="274320" y="0"/>
                  </a:lnTo>
                  <a:lnTo>
                    <a:pt x="274320" y="4572"/>
                  </a:lnTo>
                  <a:lnTo>
                    <a:pt x="283464" y="4572"/>
                  </a:lnTo>
                  <a:lnTo>
                    <a:pt x="283464" y="0"/>
                  </a:lnTo>
                  <a:close/>
                </a:path>
                <a:path w="969645" h="5079">
                  <a:moveTo>
                    <a:pt x="297180" y="0"/>
                  </a:moveTo>
                  <a:lnTo>
                    <a:pt x="288036" y="0"/>
                  </a:lnTo>
                  <a:lnTo>
                    <a:pt x="288036" y="4572"/>
                  </a:lnTo>
                  <a:lnTo>
                    <a:pt x="297180" y="4572"/>
                  </a:lnTo>
                  <a:lnTo>
                    <a:pt x="297180" y="0"/>
                  </a:lnTo>
                  <a:close/>
                </a:path>
                <a:path w="969645" h="5079">
                  <a:moveTo>
                    <a:pt x="310896" y="0"/>
                  </a:moveTo>
                  <a:lnTo>
                    <a:pt x="301752" y="0"/>
                  </a:lnTo>
                  <a:lnTo>
                    <a:pt x="301752" y="4572"/>
                  </a:lnTo>
                  <a:lnTo>
                    <a:pt x="310896" y="4572"/>
                  </a:lnTo>
                  <a:lnTo>
                    <a:pt x="310896" y="0"/>
                  </a:lnTo>
                  <a:close/>
                </a:path>
                <a:path w="969645" h="5079">
                  <a:moveTo>
                    <a:pt x="324612" y="0"/>
                  </a:moveTo>
                  <a:lnTo>
                    <a:pt x="315468" y="0"/>
                  </a:lnTo>
                  <a:lnTo>
                    <a:pt x="315468" y="4572"/>
                  </a:lnTo>
                  <a:lnTo>
                    <a:pt x="324612" y="4572"/>
                  </a:lnTo>
                  <a:lnTo>
                    <a:pt x="324612" y="0"/>
                  </a:lnTo>
                  <a:close/>
                </a:path>
                <a:path w="969645" h="5079">
                  <a:moveTo>
                    <a:pt x="338328" y="0"/>
                  </a:moveTo>
                  <a:lnTo>
                    <a:pt x="329184" y="0"/>
                  </a:lnTo>
                  <a:lnTo>
                    <a:pt x="329184" y="4572"/>
                  </a:lnTo>
                  <a:lnTo>
                    <a:pt x="338328" y="4572"/>
                  </a:lnTo>
                  <a:lnTo>
                    <a:pt x="338328" y="0"/>
                  </a:lnTo>
                  <a:close/>
                </a:path>
                <a:path w="969645" h="5079">
                  <a:moveTo>
                    <a:pt x="352044" y="0"/>
                  </a:moveTo>
                  <a:lnTo>
                    <a:pt x="342900" y="0"/>
                  </a:lnTo>
                  <a:lnTo>
                    <a:pt x="342900" y="4572"/>
                  </a:lnTo>
                  <a:lnTo>
                    <a:pt x="352044" y="4572"/>
                  </a:lnTo>
                  <a:lnTo>
                    <a:pt x="352044" y="0"/>
                  </a:lnTo>
                  <a:close/>
                </a:path>
                <a:path w="969645" h="5079">
                  <a:moveTo>
                    <a:pt x="365760" y="0"/>
                  </a:moveTo>
                  <a:lnTo>
                    <a:pt x="356616" y="0"/>
                  </a:lnTo>
                  <a:lnTo>
                    <a:pt x="356616" y="4572"/>
                  </a:lnTo>
                  <a:lnTo>
                    <a:pt x="365760" y="4572"/>
                  </a:lnTo>
                  <a:lnTo>
                    <a:pt x="365760" y="0"/>
                  </a:lnTo>
                  <a:close/>
                </a:path>
                <a:path w="969645" h="5079">
                  <a:moveTo>
                    <a:pt x="379476" y="0"/>
                  </a:moveTo>
                  <a:lnTo>
                    <a:pt x="370332" y="0"/>
                  </a:lnTo>
                  <a:lnTo>
                    <a:pt x="370332" y="4572"/>
                  </a:lnTo>
                  <a:lnTo>
                    <a:pt x="379476" y="4572"/>
                  </a:lnTo>
                  <a:lnTo>
                    <a:pt x="379476" y="0"/>
                  </a:lnTo>
                  <a:close/>
                </a:path>
                <a:path w="969645" h="5079">
                  <a:moveTo>
                    <a:pt x="393192" y="0"/>
                  </a:moveTo>
                  <a:lnTo>
                    <a:pt x="384048" y="0"/>
                  </a:lnTo>
                  <a:lnTo>
                    <a:pt x="384048" y="4572"/>
                  </a:lnTo>
                  <a:lnTo>
                    <a:pt x="393192" y="4572"/>
                  </a:lnTo>
                  <a:lnTo>
                    <a:pt x="393192" y="0"/>
                  </a:lnTo>
                  <a:close/>
                </a:path>
                <a:path w="969645" h="5079">
                  <a:moveTo>
                    <a:pt x="406908" y="0"/>
                  </a:moveTo>
                  <a:lnTo>
                    <a:pt x="397764" y="0"/>
                  </a:lnTo>
                  <a:lnTo>
                    <a:pt x="397764" y="4572"/>
                  </a:lnTo>
                  <a:lnTo>
                    <a:pt x="406908" y="4572"/>
                  </a:lnTo>
                  <a:lnTo>
                    <a:pt x="406908" y="0"/>
                  </a:lnTo>
                  <a:close/>
                </a:path>
                <a:path w="969645" h="5079">
                  <a:moveTo>
                    <a:pt x="420624" y="0"/>
                  </a:moveTo>
                  <a:lnTo>
                    <a:pt x="411480" y="0"/>
                  </a:lnTo>
                  <a:lnTo>
                    <a:pt x="411480" y="4572"/>
                  </a:lnTo>
                  <a:lnTo>
                    <a:pt x="420624" y="4572"/>
                  </a:lnTo>
                  <a:lnTo>
                    <a:pt x="420624" y="0"/>
                  </a:lnTo>
                  <a:close/>
                </a:path>
                <a:path w="969645" h="5079">
                  <a:moveTo>
                    <a:pt x="434340" y="0"/>
                  </a:moveTo>
                  <a:lnTo>
                    <a:pt x="425196" y="0"/>
                  </a:lnTo>
                  <a:lnTo>
                    <a:pt x="425196" y="4572"/>
                  </a:lnTo>
                  <a:lnTo>
                    <a:pt x="434340" y="4572"/>
                  </a:lnTo>
                  <a:lnTo>
                    <a:pt x="434340" y="0"/>
                  </a:lnTo>
                  <a:close/>
                </a:path>
                <a:path w="969645" h="5079">
                  <a:moveTo>
                    <a:pt x="448056" y="0"/>
                  </a:moveTo>
                  <a:lnTo>
                    <a:pt x="438912" y="0"/>
                  </a:lnTo>
                  <a:lnTo>
                    <a:pt x="438912" y="4572"/>
                  </a:lnTo>
                  <a:lnTo>
                    <a:pt x="448056" y="4572"/>
                  </a:lnTo>
                  <a:lnTo>
                    <a:pt x="448056" y="0"/>
                  </a:lnTo>
                  <a:close/>
                </a:path>
                <a:path w="969645" h="5079">
                  <a:moveTo>
                    <a:pt x="461772" y="0"/>
                  </a:moveTo>
                  <a:lnTo>
                    <a:pt x="452628" y="0"/>
                  </a:lnTo>
                  <a:lnTo>
                    <a:pt x="452628" y="4572"/>
                  </a:lnTo>
                  <a:lnTo>
                    <a:pt x="461772" y="4572"/>
                  </a:lnTo>
                  <a:lnTo>
                    <a:pt x="461772"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68" y="0"/>
                  </a:moveTo>
                  <a:lnTo>
                    <a:pt x="534924" y="0"/>
                  </a:lnTo>
                  <a:lnTo>
                    <a:pt x="534924" y="4572"/>
                  </a:lnTo>
                  <a:lnTo>
                    <a:pt x="544068" y="4572"/>
                  </a:lnTo>
                  <a:lnTo>
                    <a:pt x="544068" y="0"/>
                  </a:lnTo>
                  <a:close/>
                </a:path>
                <a:path w="969645" h="5079">
                  <a:moveTo>
                    <a:pt x="557784" y="0"/>
                  </a:moveTo>
                  <a:lnTo>
                    <a:pt x="548640" y="0"/>
                  </a:lnTo>
                  <a:lnTo>
                    <a:pt x="548640"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63" name="object 63"/>
            <p:cNvSpPr/>
            <p:nvPr/>
          </p:nvSpPr>
          <p:spPr>
            <a:xfrm>
              <a:off x="4998720" y="3576827"/>
              <a:ext cx="970915" cy="5080"/>
            </a:xfrm>
            <a:custGeom>
              <a:avLst/>
              <a:gdLst/>
              <a:ahLst/>
              <a:cxnLst/>
              <a:rect l="l" t="t" r="r" b="b"/>
              <a:pathLst>
                <a:path w="970914" h="5079">
                  <a:moveTo>
                    <a:pt x="10668" y="0"/>
                  </a:moveTo>
                  <a:lnTo>
                    <a:pt x="0" y="0"/>
                  </a:lnTo>
                  <a:lnTo>
                    <a:pt x="0" y="4572"/>
                  </a:lnTo>
                  <a:lnTo>
                    <a:pt x="10668" y="4572"/>
                  </a:lnTo>
                  <a:lnTo>
                    <a:pt x="10668" y="0"/>
                  </a:lnTo>
                  <a:close/>
                </a:path>
                <a:path w="970914" h="5079">
                  <a:moveTo>
                    <a:pt x="24384" y="0"/>
                  </a:moveTo>
                  <a:lnTo>
                    <a:pt x="13716" y="0"/>
                  </a:lnTo>
                  <a:lnTo>
                    <a:pt x="13716" y="4572"/>
                  </a:lnTo>
                  <a:lnTo>
                    <a:pt x="24384" y="4572"/>
                  </a:lnTo>
                  <a:lnTo>
                    <a:pt x="24384" y="0"/>
                  </a:lnTo>
                  <a:close/>
                </a:path>
                <a:path w="970914" h="5079">
                  <a:moveTo>
                    <a:pt x="38100" y="0"/>
                  </a:moveTo>
                  <a:lnTo>
                    <a:pt x="27432" y="0"/>
                  </a:lnTo>
                  <a:lnTo>
                    <a:pt x="27432" y="4572"/>
                  </a:lnTo>
                  <a:lnTo>
                    <a:pt x="38100" y="4572"/>
                  </a:lnTo>
                  <a:lnTo>
                    <a:pt x="38100" y="0"/>
                  </a:lnTo>
                  <a:close/>
                </a:path>
                <a:path w="970914" h="5079">
                  <a:moveTo>
                    <a:pt x="51816" y="0"/>
                  </a:moveTo>
                  <a:lnTo>
                    <a:pt x="41148" y="0"/>
                  </a:lnTo>
                  <a:lnTo>
                    <a:pt x="41148" y="4572"/>
                  </a:lnTo>
                  <a:lnTo>
                    <a:pt x="51816" y="4572"/>
                  </a:lnTo>
                  <a:lnTo>
                    <a:pt x="51816" y="0"/>
                  </a:lnTo>
                  <a:close/>
                </a:path>
                <a:path w="970914" h="5079">
                  <a:moveTo>
                    <a:pt x="65532" y="0"/>
                  </a:moveTo>
                  <a:lnTo>
                    <a:pt x="54864" y="0"/>
                  </a:lnTo>
                  <a:lnTo>
                    <a:pt x="54864" y="4572"/>
                  </a:lnTo>
                  <a:lnTo>
                    <a:pt x="65532" y="4572"/>
                  </a:lnTo>
                  <a:lnTo>
                    <a:pt x="65532" y="0"/>
                  </a:lnTo>
                  <a:close/>
                </a:path>
                <a:path w="970914" h="5079">
                  <a:moveTo>
                    <a:pt x="79248" y="0"/>
                  </a:moveTo>
                  <a:lnTo>
                    <a:pt x="68580" y="0"/>
                  </a:lnTo>
                  <a:lnTo>
                    <a:pt x="68580" y="4572"/>
                  </a:lnTo>
                  <a:lnTo>
                    <a:pt x="79248" y="4572"/>
                  </a:lnTo>
                  <a:lnTo>
                    <a:pt x="79248" y="0"/>
                  </a:lnTo>
                  <a:close/>
                </a:path>
                <a:path w="970914" h="5079">
                  <a:moveTo>
                    <a:pt x="92964" y="0"/>
                  </a:moveTo>
                  <a:lnTo>
                    <a:pt x="82296" y="0"/>
                  </a:lnTo>
                  <a:lnTo>
                    <a:pt x="82296" y="4572"/>
                  </a:lnTo>
                  <a:lnTo>
                    <a:pt x="92964" y="4572"/>
                  </a:lnTo>
                  <a:lnTo>
                    <a:pt x="92964" y="0"/>
                  </a:lnTo>
                  <a:close/>
                </a:path>
                <a:path w="970914" h="5079">
                  <a:moveTo>
                    <a:pt x="106680" y="0"/>
                  </a:moveTo>
                  <a:lnTo>
                    <a:pt x="96012" y="0"/>
                  </a:lnTo>
                  <a:lnTo>
                    <a:pt x="96012" y="4572"/>
                  </a:lnTo>
                  <a:lnTo>
                    <a:pt x="106680" y="4572"/>
                  </a:lnTo>
                  <a:lnTo>
                    <a:pt x="106680" y="0"/>
                  </a:lnTo>
                  <a:close/>
                </a:path>
                <a:path w="970914" h="5079">
                  <a:moveTo>
                    <a:pt x="120396" y="0"/>
                  </a:moveTo>
                  <a:lnTo>
                    <a:pt x="109728" y="0"/>
                  </a:lnTo>
                  <a:lnTo>
                    <a:pt x="109728" y="4572"/>
                  </a:lnTo>
                  <a:lnTo>
                    <a:pt x="120396" y="4572"/>
                  </a:lnTo>
                  <a:lnTo>
                    <a:pt x="120396" y="0"/>
                  </a:lnTo>
                  <a:close/>
                </a:path>
                <a:path w="970914" h="5079">
                  <a:moveTo>
                    <a:pt x="134112" y="0"/>
                  </a:moveTo>
                  <a:lnTo>
                    <a:pt x="123444" y="0"/>
                  </a:lnTo>
                  <a:lnTo>
                    <a:pt x="123444" y="4572"/>
                  </a:lnTo>
                  <a:lnTo>
                    <a:pt x="134112" y="4572"/>
                  </a:lnTo>
                  <a:lnTo>
                    <a:pt x="134112" y="0"/>
                  </a:lnTo>
                  <a:close/>
                </a:path>
                <a:path w="970914" h="5079">
                  <a:moveTo>
                    <a:pt x="147828" y="0"/>
                  </a:moveTo>
                  <a:lnTo>
                    <a:pt x="137160" y="0"/>
                  </a:lnTo>
                  <a:lnTo>
                    <a:pt x="137160" y="4572"/>
                  </a:lnTo>
                  <a:lnTo>
                    <a:pt x="147828" y="4572"/>
                  </a:lnTo>
                  <a:lnTo>
                    <a:pt x="147828" y="0"/>
                  </a:lnTo>
                  <a:close/>
                </a:path>
                <a:path w="970914" h="5079">
                  <a:moveTo>
                    <a:pt x="161544" y="0"/>
                  </a:moveTo>
                  <a:lnTo>
                    <a:pt x="150876" y="0"/>
                  </a:lnTo>
                  <a:lnTo>
                    <a:pt x="150876" y="4572"/>
                  </a:lnTo>
                  <a:lnTo>
                    <a:pt x="161544" y="4572"/>
                  </a:lnTo>
                  <a:lnTo>
                    <a:pt x="161544" y="0"/>
                  </a:lnTo>
                  <a:close/>
                </a:path>
                <a:path w="970914" h="5079">
                  <a:moveTo>
                    <a:pt x="175260" y="0"/>
                  </a:moveTo>
                  <a:lnTo>
                    <a:pt x="164592" y="0"/>
                  </a:lnTo>
                  <a:lnTo>
                    <a:pt x="164592" y="4572"/>
                  </a:lnTo>
                  <a:lnTo>
                    <a:pt x="175260" y="4572"/>
                  </a:lnTo>
                  <a:lnTo>
                    <a:pt x="175260" y="0"/>
                  </a:lnTo>
                  <a:close/>
                </a:path>
                <a:path w="970914" h="5079">
                  <a:moveTo>
                    <a:pt x="188976" y="0"/>
                  </a:moveTo>
                  <a:lnTo>
                    <a:pt x="178308" y="0"/>
                  </a:lnTo>
                  <a:lnTo>
                    <a:pt x="178308" y="4572"/>
                  </a:lnTo>
                  <a:lnTo>
                    <a:pt x="188976" y="4572"/>
                  </a:lnTo>
                  <a:lnTo>
                    <a:pt x="188976" y="0"/>
                  </a:lnTo>
                  <a:close/>
                </a:path>
                <a:path w="970914" h="5079">
                  <a:moveTo>
                    <a:pt x="202692" y="0"/>
                  </a:moveTo>
                  <a:lnTo>
                    <a:pt x="192024" y="0"/>
                  </a:lnTo>
                  <a:lnTo>
                    <a:pt x="192024" y="4572"/>
                  </a:lnTo>
                  <a:lnTo>
                    <a:pt x="202692" y="4572"/>
                  </a:lnTo>
                  <a:lnTo>
                    <a:pt x="202692" y="0"/>
                  </a:lnTo>
                  <a:close/>
                </a:path>
                <a:path w="970914" h="5079">
                  <a:moveTo>
                    <a:pt x="216408" y="0"/>
                  </a:moveTo>
                  <a:lnTo>
                    <a:pt x="205740" y="0"/>
                  </a:lnTo>
                  <a:lnTo>
                    <a:pt x="205740" y="4572"/>
                  </a:lnTo>
                  <a:lnTo>
                    <a:pt x="216408" y="4572"/>
                  </a:lnTo>
                  <a:lnTo>
                    <a:pt x="216408" y="0"/>
                  </a:lnTo>
                  <a:close/>
                </a:path>
                <a:path w="970914" h="5079">
                  <a:moveTo>
                    <a:pt x="230124" y="0"/>
                  </a:moveTo>
                  <a:lnTo>
                    <a:pt x="219456" y="0"/>
                  </a:lnTo>
                  <a:lnTo>
                    <a:pt x="219456" y="4572"/>
                  </a:lnTo>
                  <a:lnTo>
                    <a:pt x="230124" y="4572"/>
                  </a:lnTo>
                  <a:lnTo>
                    <a:pt x="230124" y="0"/>
                  </a:lnTo>
                  <a:close/>
                </a:path>
                <a:path w="970914" h="5079">
                  <a:moveTo>
                    <a:pt x="243840" y="0"/>
                  </a:moveTo>
                  <a:lnTo>
                    <a:pt x="233172" y="0"/>
                  </a:lnTo>
                  <a:lnTo>
                    <a:pt x="233172" y="4572"/>
                  </a:lnTo>
                  <a:lnTo>
                    <a:pt x="243840" y="4572"/>
                  </a:lnTo>
                  <a:lnTo>
                    <a:pt x="243840" y="0"/>
                  </a:lnTo>
                  <a:close/>
                </a:path>
                <a:path w="970914" h="5079">
                  <a:moveTo>
                    <a:pt x="257556" y="0"/>
                  </a:moveTo>
                  <a:lnTo>
                    <a:pt x="246888" y="0"/>
                  </a:lnTo>
                  <a:lnTo>
                    <a:pt x="246888" y="4572"/>
                  </a:lnTo>
                  <a:lnTo>
                    <a:pt x="257556" y="4572"/>
                  </a:lnTo>
                  <a:lnTo>
                    <a:pt x="257556" y="0"/>
                  </a:lnTo>
                  <a:close/>
                </a:path>
                <a:path w="970914" h="5079">
                  <a:moveTo>
                    <a:pt x="271272" y="0"/>
                  </a:moveTo>
                  <a:lnTo>
                    <a:pt x="260604" y="0"/>
                  </a:lnTo>
                  <a:lnTo>
                    <a:pt x="260604" y="4572"/>
                  </a:lnTo>
                  <a:lnTo>
                    <a:pt x="271272" y="4572"/>
                  </a:lnTo>
                  <a:lnTo>
                    <a:pt x="271272" y="0"/>
                  </a:lnTo>
                  <a:close/>
                </a:path>
                <a:path w="970914" h="5079">
                  <a:moveTo>
                    <a:pt x="284988" y="0"/>
                  </a:moveTo>
                  <a:lnTo>
                    <a:pt x="274320" y="0"/>
                  </a:lnTo>
                  <a:lnTo>
                    <a:pt x="274320" y="4572"/>
                  </a:lnTo>
                  <a:lnTo>
                    <a:pt x="284988" y="4572"/>
                  </a:lnTo>
                  <a:lnTo>
                    <a:pt x="284988" y="0"/>
                  </a:lnTo>
                  <a:close/>
                </a:path>
                <a:path w="970914" h="5079">
                  <a:moveTo>
                    <a:pt x="298704" y="0"/>
                  </a:moveTo>
                  <a:lnTo>
                    <a:pt x="288036" y="0"/>
                  </a:lnTo>
                  <a:lnTo>
                    <a:pt x="288036" y="4572"/>
                  </a:lnTo>
                  <a:lnTo>
                    <a:pt x="298704" y="4572"/>
                  </a:lnTo>
                  <a:lnTo>
                    <a:pt x="298704" y="0"/>
                  </a:lnTo>
                  <a:close/>
                </a:path>
                <a:path w="970914" h="5079">
                  <a:moveTo>
                    <a:pt x="312420" y="0"/>
                  </a:moveTo>
                  <a:lnTo>
                    <a:pt x="301752" y="0"/>
                  </a:lnTo>
                  <a:lnTo>
                    <a:pt x="301752" y="4572"/>
                  </a:lnTo>
                  <a:lnTo>
                    <a:pt x="312420" y="4572"/>
                  </a:lnTo>
                  <a:lnTo>
                    <a:pt x="312420" y="0"/>
                  </a:lnTo>
                  <a:close/>
                </a:path>
                <a:path w="970914" h="5079">
                  <a:moveTo>
                    <a:pt x="326136" y="0"/>
                  </a:moveTo>
                  <a:lnTo>
                    <a:pt x="315468" y="0"/>
                  </a:lnTo>
                  <a:lnTo>
                    <a:pt x="315468" y="4572"/>
                  </a:lnTo>
                  <a:lnTo>
                    <a:pt x="326136" y="4572"/>
                  </a:lnTo>
                  <a:lnTo>
                    <a:pt x="326136" y="0"/>
                  </a:lnTo>
                  <a:close/>
                </a:path>
                <a:path w="970914" h="5079">
                  <a:moveTo>
                    <a:pt x="339852" y="0"/>
                  </a:moveTo>
                  <a:lnTo>
                    <a:pt x="329184" y="0"/>
                  </a:lnTo>
                  <a:lnTo>
                    <a:pt x="329184" y="4572"/>
                  </a:lnTo>
                  <a:lnTo>
                    <a:pt x="339852" y="4572"/>
                  </a:lnTo>
                  <a:lnTo>
                    <a:pt x="339852" y="0"/>
                  </a:lnTo>
                  <a:close/>
                </a:path>
                <a:path w="970914" h="5079">
                  <a:moveTo>
                    <a:pt x="353568" y="0"/>
                  </a:moveTo>
                  <a:lnTo>
                    <a:pt x="342900" y="0"/>
                  </a:lnTo>
                  <a:lnTo>
                    <a:pt x="342900" y="4572"/>
                  </a:lnTo>
                  <a:lnTo>
                    <a:pt x="353568" y="4572"/>
                  </a:lnTo>
                  <a:lnTo>
                    <a:pt x="353568" y="0"/>
                  </a:lnTo>
                  <a:close/>
                </a:path>
                <a:path w="970914" h="5079">
                  <a:moveTo>
                    <a:pt x="367284" y="0"/>
                  </a:moveTo>
                  <a:lnTo>
                    <a:pt x="356616" y="0"/>
                  </a:lnTo>
                  <a:lnTo>
                    <a:pt x="356616" y="4572"/>
                  </a:lnTo>
                  <a:lnTo>
                    <a:pt x="367284" y="4572"/>
                  </a:lnTo>
                  <a:lnTo>
                    <a:pt x="367284" y="0"/>
                  </a:lnTo>
                  <a:close/>
                </a:path>
                <a:path w="970914" h="5079">
                  <a:moveTo>
                    <a:pt x="381000" y="0"/>
                  </a:moveTo>
                  <a:lnTo>
                    <a:pt x="370332" y="0"/>
                  </a:lnTo>
                  <a:lnTo>
                    <a:pt x="370332" y="4572"/>
                  </a:lnTo>
                  <a:lnTo>
                    <a:pt x="381000" y="4572"/>
                  </a:lnTo>
                  <a:lnTo>
                    <a:pt x="381000" y="0"/>
                  </a:lnTo>
                  <a:close/>
                </a:path>
                <a:path w="970914" h="5079">
                  <a:moveTo>
                    <a:pt x="394716" y="0"/>
                  </a:moveTo>
                  <a:lnTo>
                    <a:pt x="384048" y="0"/>
                  </a:lnTo>
                  <a:lnTo>
                    <a:pt x="384048" y="4572"/>
                  </a:lnTo>
                  <a:lnTo>
                    <a:pt x="394716" y="4572"/>
                  </a:lnTo>
                  <a:lnTo>
                    <a:pt x="394716" y="0"/>
                  </a:lnTo>
                  <a:close/>
                </a:path>
                <a:path w="970914" h="5079">
                  <a:moveTo>
                    <a:pt x="408432" y="0"/>
                  </a:moveTo>
                  <a:lnTo>
                    <a:pt x="397764" y="0"/>
                  </a:lnTo>
                  <a:lnTo>
                    <a:pt x="397764" y="4572"/>
                  </a:lnTo>
                  <a:lnTo>
                    <a:pt x="408432" y="4572"/>
                  </a:lnTo>
                  <a:lnTo>
                    <a:pt x="408432" y="0"/>
                  </a:lnTo>
                  <a:close/>
                </a:path>
                <a:path w="970914" h="5079">
                  <a:moveTo>
                    <a:pt x="422148" y="0"/>
                  </a:moveTo>
                  <a:lnTo>
                    <a:pt x="411480" y="0"/>
                  </a:lnTo>
                  <a:lnTo>
                    <a:pt x="411480" y="4572"/>
                  </a:lnTo>
                  <a:lnTo>
                    <a:pt x="422148" y="4572"/>
                  </a:lnTo>
                  <a:lnTo>
                    <a:pt x="422148" y="0"/>
                  </a:lnTo>
                  <a:close/>
                </a:path>
                <a:path w="970914" h="5079">
                  <a:moveTo>
                    <a:pt x="435864" y="0"/>
                  </a:moveTo>
                  <a:lnTo>
                    <a:pt x="425196" y="0"/>
                  </a:lnTo>
                  <a:lnTo>
                    <a:pt x="425196" y="4572"/>
                  </a:lnTo>
                  <a:lnTo>
                    <a:pt x="435864" y="4572"/>
                  </a:lnTo>
                  <a:lnTo>
                    <a:pt x="435864" y="0"/>
                  </a:lnTo>
                  <a:close/>
                </a:path>
                <a:path w="970914" h="5079">
                  <a:moveTo>
                    <a:pt x="449580" y="0"/>
                  </a:moveTo>
                  <a:lnTo>
                    <a:pt x="438912" y="0"/>
                  </a:lnTo>
                  <a:lnTo>
                    <a:pt x="438912" y="4572"/>
                  </a:lnTo>
                  <a:lnTo>
                    <a:pt x="449580" y="4572"/>
                  </a:lnTo>
                  <a:lnTo>
                    <a:pt x="449580" y="0"/>
                  </a:lnTo>
                  <a:close/>
                </a:path>
                <a:path w="970914" h="5079">
                  <a:moveTo>
                    <a:pt x="463296" y="0"/>
                  </a:moveTo>
                  <a:lnTo>
                    <a:pt x="452628" y="0"/>
                  </a:lnTo>
                  <a:lnTo>
                    <a:pt x="452628" y="4572"/>
                  </a:lnTo>
                  <a:lnTo>
                    <a:pt x="463296" y="4572"/>
                  </a:lnTo>
                  <a:lnTo>
                    <a:pt x="463296" y="0"/>
                  </a:lnTo>
                  <a:close/>
                </a:path>
                <a:path w="970914" h="5079">
                  <a:moveTo>
                    <a:pt x="477012" y="0"/>
                  </a:moveTo>
                  <a:lnTo>
                    <a:pt x="466344" y="0"/>
                  </a:lnTo>
                  <a:lnTo>
                    <a:pt x="466344" y="4572"/>
                  </a:lnTo>
                  <a:lnTo>
                    <a:pt x="477012" y="4572"/>
                  </a:lnTo>
                  <a:lnTo>
                    <a:pt x="477012" y="0"/>
                  </a:lnTo>
                  <a:close/>
                </a:path>
                <a:path w="970914" h="5079">
                  <a:moveTo>
                    <a:pt x="490728" y="0"/>
                  </a:moveTo>
                  <a:lnTo>
                    <a:pt x="480060" y="0"/>
                  </a:lnTo>
                  <a:lnTo>
                    <a:pt x="480060" y="4572"/>
                  </a:lnTo>
                  <a:lnTo>
                    <a:pt x="490728" y="4572"/>
                  </a:lnTo>
                  <a:lnTo>
                    <a:pt x="490728" y="0"/>
                  </a:lnTo>
                  <a:close/>
                </a:path>
                <a:path w="970914" h="5079">
                  <a:moveTo>
                    <a:pt x="504444" y="0"/>
                  </a:moveTo>
                  <a:lnTo>
                    <a:pt x="493776" y="0"/>
                  </a:lnTo>
                  <a:lnTo>
                    <a:pt x="493776" y="4572"/>
                  </a:lnTo>
                  <a:lnTo>
                    <a:pt x="504444" y="4572"/>
                  </a:lnTo>
                  <a:lnTo>
                    <a:pt x="504444" y="0"/>
                  </a:lnTo>
                  <a:close/>
                </a:path>
                <a:path w="970914" h="5079">
                  <a:moveTo>
                    <a:pt x="518160" y="0"/>
                  </a:moveTo>
                  <a:lnTo>
                    <a:pt x="507492" y="0"/>
                  </a:lnTo>
                  <a:lnTo>
                    <a:pt x="507492" y="4572"/>
                  </a:lnTo>
                  <a:lnTo>
                    <a:pt x="518160" y="4572"/>
                  </a:lnTo>
                  <a:lnTo>
                    <a:pt x="518160" y="0"/>
                  </a:lnTo>
                  <a:close/>
                </a:path>
                <a:path w="970914" h="5079">
                  <a:moveTo>
                    <a:pt x="531876" y="0"/>
                  </a:moveTo>
                  <a:lnTo>
                    <a:pt x="521208" y="0"/>
                  </a:lnTo>
                  <a:lnTo>
                    <a:pt x="521208" y="4572"/>
                  </a:lnTo>
                  <a:lnTo>
                    <a:pt x="531876" y="4572"/>
                  </a:lnTo>
                  <a:lnTo>
                    <a:pt x="531876" y="0"/>
                  </a:lnTo>
                  <a:close/>
                </a:path>
                <a:path w="970914" h="5079">
                  <a:moveTo>
                    <a:pt x="545592" y="0"/>
                  </a:moveTo>
                  <a:lnTo>
                    <a:pt x="534924" y="0"/>
                  </a:lnTo>
                  <a:lnTo>
                    <a:pt x="534924" y="4572"/>
                  </a:lnTo>
                  <a:lnTo>
                    <a:pt x="545592" y="4572"/>
                  </a:lnTo>
                  <a:lnTo>
                    <a:pt x="545592" y="0"/>
                  </a:lnTo>
                  <a:close/>
                </a:path>
                <a:path w="970914" h="5079">
                  <a:moveTo>
                    <a:pt x="559308" y="0"/>
                  </a:moveTo>
                  <a:lnTo>
                    <a:pt x="548640" y="0"/>
                  </a:lnTo>
                  <a:lnTo>
                    <a:pt x="548640" y="4572"/>
                  </a:lnTo>
                  <a:lnTo>
                    <a:pt x="559308" y="4572"/>
                  </a:lnTo>
                  <a:lnTo>
                    <a:pt x="559308" y="0"/>
                  </a:lnTo>
                  <a:close/>
                </a:path>
                <a:path w="970914" h="5079">
                  <a:moveTo>
                    <a:pt x="573024" y="0"/>
                  </a:moveTo>
                  <a:lnTo>
                    <a:pt x="562356" y="0"/>
                  </a:lnTo>
                  <a:lnTo>
                    <a:pt x="562356" y="4572"/>
                  </a:lnTo>
                  <a:lnTo>
                    <a:pt x="573024" y="4572"/>
                  </a:lnTo>
                  <a:lnTo>
                    <a:pt x="573024" y="0"/>
                  </a:lnTo>
                  <a:close/>
                </a:path>
                <a:path w="970914" h="5079">
                  <a:moveTo>
                    <a:pt x="586740" y="0"/>
                  </a:moveTo>
                  <a:lnTo>
                    <a:pt x="576072" y="0"/>
                  </a:lnTo>
                  <a:lnTo>
                    <a:pt x="576072" y="4572"/>
                  </a:lnTo>
                  <a:lnTo>
                    <a:pt x="586740" y="4572"/>
                  </a:lnTo>
                  <a:lnTo>
                    <a:pt x="586740" y="0"/>
                  </a:lnTo>
                  <a:close/>
                </a:path>
                <a:path w="970914" h="5079">
                  <a:moveTo>
                    <a:pt x="600456" y="0"/>
                  </a:moveTo>
                  <a:lnTo>
                    <a:pt x="589788" y="0"/>
                  </a:lnTo>
                  <a:lnTo>
                    <a:pt x="589788" y="4572"/>
                  </a:lnTo>
                  <a:lnTo>
                    <a:pt x="600456" y="4572"/>
                  </a:lnTo>
                  <a:lnTo>
                    <a:pt x="600456" y="0"/>
                  </a:lnTo>
                  <a:close/>
                </a:path>
                <a:path w="970914" h="5079">
                  <a:moveTo>
                    <a:pt x="614172" y="0"/>
                  </a:moveTo>
                  <a:lnTo>
                    <a:pt x="603504" y="0"/>
                  </a:lnTo>
                  <a:lnTo>
                    <a:pt x="603504" y="4572"/>
                  </a:lnTo>
                  <a:lnTo>
                    <a:pt x="614172" y="4572"/>
                  </a:lnTo>
                  <a:lnTo>
                    <a:pt x="614172" y="0"/>
                  </a:lnTo>
                  <a:close/>
                </a:path>
                <a:path w="970914" h="5079">
                  <a:moveTo>
                    <a:pt x="627888" y="0"/>
                  </a:moveTo>
                  <a:lnTo>
                    <a:pt x="617220" y="0"/>
                  </a:lnTo>
                  <a:lnTo>
                    <a:pt x="617220" y="4572"/>
                  </a:lnTo>
                  <a:lnTo>
                    <a:pt x="627888" y="4572"/>
                  </a:lnTo>
                  <a:lnTo>
                    <a:pt x="627888" y="0"/>
                  </a:lnTo>
                  <a:close/>
                </a:path>
                <a:path w="970914" h="5079">
                  <a:moveTo>
                    <a:pt x="641604" y="0"/>
                  </a:moveTo>
                  <a:lnTo>
                    <a:pt x="630936" y="0"/>
                  </a:lnTo>
                  <a:lnTo>
                    <a:pt x="630936" y="4572"/>
                  </a:lnTo>
                  <a:lnTo>
                    <a:pt x="641604" y="4572"/>
                  </a:lnTo>
                  <a:lnTo>
                    <a:pt x="641604" y="0"/>
                  </a:lnTo>
                  <a:close/>
                </a:path>
                <a:path w="970914" h="5079">
                  <a:moveTo>
                    <a:pt x="655320" y="0"/>
                  </a:moveTo>
                  <a:lnTo>
                    <a:pt x="644652" y="0"/>
                  </a:lnTo>
                  <a:lnTo>
                    <a:pt x="644652" y="4572"/>
                  </a:lnTo>
                  <a:lnTo>
                    <a:pt x="655320" y="4572"/>
                  </a:lnTo>
                  <a:lnTo>
                    <a:pt x="655320" y="0"/>
                  </a:lnTo>
                  <a:close/>
                </a:path>
                <a:path w="970914" h="5079">
                  <a:moveTo>
                    <a:pt x="669036" y="0"/>
                  </a:moveTo>
                  <a:lnTo>
                    <a:pt x="658368" y="0"/>
                  </a:lnTo>
                  <a:lnTo>
                    <a:pt x="658368" y="4572"/>
                  </a:lnTo>
                  <a:lnTo>
                    <a:pt x="669036" y="4572"/>
                  </a:lnTo>
                  <a:lnTo>
                    <a:pt x="669036" y="0"/>
                  </a:lnTo>
                  <a:close/>
                </a:path>
                <a:path w="970914" h="5079">
                  <a:moveTo>
                    <a:pt x="682752" y="0"/>
                  </a:moveTo>
                  <a:lnTo>
                    <a:pt x="672084" y="0"/>
                  </a:lnTo>
                  <a:lnTo>
                    <a:pt x="672084" y="4572"/>
                  </a:lnTo>
                  <a:lnTo>
                    <a:pt x="682752" y="4572"/>
                  </a:lnTo>
                  <a:lnTo>
                    <a:pt x="682752" y="0"/>
                  </a:lnTo>
                  <a:close/>
                </a:path>
                <a:path w="970914" h="5079">
                  <a:moveTo>
                    <a:pt x="696468" y="0"/>
                  </a:moveTo>
                  <a:lnTo>
                    <a:pt x="685800" y="0"/>
                  </a:lnTo>
                  <a:lnTo>
                    <a:pt x="685800" y="4572"/>
                  </a:lnTo>
                  <a:lnTo>
                    <a:pt x="696468" y="4572"/>
                  </a:lnTo>
                  <a:lnTo>
                    <a:pt x="696468" y="0"/>
                  </a:lnTo>
                  <a:close/>
                </a:path>
                <a:path w="970914" h="5079">
                  <a:moveTo>
                    <a:pt x="710184" y="0"/>
                  </a:moveTo>
                  <a:lnTo>
                    <a:pt x="699516" y="0"/>
                  </a:lnTo>
                  <a:lnTo>
                    <a:pt x="699516" y="4572"/>
                  </a:lnTo>
                  <a:lnTo>
                    <a:pt x="710184" y="4572"/>
                  </a:lnTo>
                  <a:lnTo>
                    <a:pt x="710184" y="0"/>
                  </a:lnTo>
                  <a:close/>
                </a:path>
                <a:path w="970914" h="5079">
                  <a:moveTo>
                    <a:pt x="723900" y="0"/>
                  </a:moveTo>
                  <a:lnTo>
                    <a:pt x="713232" y="0"/>
                  </a:lnTo>
                  <a:lnTo>
                    <a:pt x="713232" y="4572"/>
                  </a:lnTo>
                  <a:lnTo>
                    <a:pt x="723900" y="4572"/>
                  </a:lnTo>
                  <a:lnTo>
                    <a:pt x="723900" y="0"/>
                  </a:lnTo>
                  <a:close/>
                </a:path>
                <a:path w="970914" h="5079">
                  <a:moveTo>
                    <a:pt x="737616" y="0"/>
                  </a:moveTo>
                  <a:lnTo>
                    <a:pt x="726948" y="0"/>
                  </a:lnTo>
                  <a:lnTo>
                    <a:pt x="726948" y="4572"/>
                  </a:lnTo>
                  <a:lnTo>
                    <a:pt x="737616" y="4572"/>
                  </a:lnTo>
                  <a:lnTo>
                    <a:pt x="737616" y="0"/>
                  </a:lnTo>
                  <a:close/>
                </a:path>
                <a:path w="970914" h="5079">
                  <a:moveTo>
                    <a:pt x="751332" y="0"/>
                  </a:moveTo>
                  <a:lnTo>
                    <a:pt x="740664" y="0"/>
                  </a:lnTo>
                  <a:lnTo>
                    <a:pt x="740664" y="4572"/>
                  </a:lnTo>
                  <a:lnTo>
                    <a:pt x="751332" y="4572"/>
                  </a:lnTo>
                  <a:lnTo>
                    <a:pt x="751332" y="0"/>
                  </a:lnTo>
                  <a:close/>
                </a:path>
                <a:path w="970914" h="5079">
                  <a:moveTo>
                    <a:pt x="765048" y="0"/>
                  </a:moveTo>
                  <a:lnTo>
                    <a:pt x="754380" y="0"/>
                  </a:lnTo>
                  <a:lnTo>
                    <a:pt x="754380" y="4572"/>
                  </a:lnTo>
                  <a:lnTo>
                    <a:pt x="765048" y="4572"/>
                  </a:lnTo>
                  <a:lnTo>
                    <a:pt x="765048" y="0"/>
                  </a:lnTo>
                  <a:close/>
                </a:path>
                <a:path w="970914" h="5079">
                  <a:moveTo>
                    <a:pt x="778764" y="0"/>
                  </a:moveTo>
                  <a:lnTo>
                    <a:pt x="768096" y="0"/>
                  </a:lnTo>
                  <a:lnTo>
                    <a:pt x="768096" y="4572"/>
                  </a:lnTo>
                  <a:lnTo>
                    <a:pt x="778764" y="4572"/>
                  </a:lnTo>
                  <a:lnTo>
                    <a:pt x="778764" y="0"/>
                  </a:lnTo>
                  <a:close/>
                </a:path>
                <a:path w="970914" h="5079">
                  <a:moveTo>
                    <a:pt x="792480" y="0"/>
                  </a:moveTo>
                  <a:lnTo>
                    <a:pt x="781812" y="0"/>
                  </a:lnTo>
                  <a:lnTo>
                    <a:pt x="781812" y="4572"/>
                  </a:lnTo>
                  <a:lnTo>
                    <a:pt x="792480" y="4572"/>
                  </a:lnTo>
                  <a:lnTo>
                    <a:pt x="792480" y="0"/>
                  </a:lnTo>
                  <a:close/>
                </a:path>
                <a:path w="970914" h="5079">
                  <a:moveTo>
                    <a:pt x="806196" y="0"/>
                  </a:moveTo>
                  <a:lnTo>
                    <a:pt x="795528" y="0"/>
                  </a:lnTo>
                  <a:lnTo>
                    <a:pt x="795528" y="4572"/>
                  </a:lnTo>
                  <a:lnTo>
                    <a:pt x="806196" y="4572"/>
                  </a:lnTo>
                  <a:lnTo>
                    <a:pt x="806196" y="0"/>
                  </a:lnTo>
                  <a:close/>
                </a:path>
                <a:path w="970914" h="5079">
                  <a:moveTo>
                    <a:pt x="819912" y="0"/>
                  </a:moveTo>
                  <a:lnTo>
                    <a:pt x="809244" y="0"/>
                  </a:lnTo>
                  <a:lnTo>
                    <a:pt x="809244" y="4572"/>
                  </a:lnTo>
                  <a:lnTo>
                    <a:pt x="819912" y="4572"/>
                  </a:lnTo>
                  <a:lnTo>
                    <a:pt x="819912" y="0"/>
                  </a:lnTo>
                  <a:close/>
                </a:path>
                <a:path w="970914" h="5079">
                  <a:moveTo>
                    <a:pt x="833628" y="0"/>
                  </a:moveTo>
                  <a:lnTo>
                    <a:pt x="822960" y="0"/>
                  </a:lnTo>
                  <a:lnTo>
                    <a:pt x="822960" y="4572"/>
                  </a:lnTo>
                  <a:lnTo>
                    <a:pt x="833628" y="4572"/>
                  </a:lnTo>
                  <a:lnTo>
                    <a:pt x="833628" y="0"/>
                  </a:lnTo>
                  <a:close/>
                </a:path>
                <a:path w="970914" h="5079">
                  <a:moveTo>
                    <a:pt x="847344" y="0"/>
                  </a:moveTo>
                  <a:lnTo>
                    <a:pt x="836676" y="0"/>
                  </a:lnTo>
                  <a:lnTo>
                    <a:pt x="836676" y="4572"/>
                  </a:lnTo>
                  <a:lnTo>
                    <a:pt x="847344" y="4572"/>
                  </a:lnTo>
                  <a:lnTo>
                    <a:pt x="847344" y="0"/>
                  </a:lnTo>
                  <a:close/>
                </a:path>
                <a:path w="970914" h="5079">
                  <a:moveTo>
                    <a:pt x="861060" y="0"/>
                  </a:moveTo>
                  <a:lnTo>
                    <a:pt x="850392" y="0"/>
                  </a:lnTo>
                  <a:lnTo>
                    <a:pt x="850392" y="4572"/>
                  </a:lnTo>
                  <a:lnTo>
                    <a:pt x="861060" y="4572"/>
                  </a:lnTo>
                  <a:lnTo>
                    <a:pt x="861060" y="0"/>
                  </a:lnTo>
                  <a:close/>
                </a:path>
                <a:path w="970914" h="5079">
                  <a:moveTo>
                    <a:pt x="874776" y="0"/>
                  </a:moveTo>
                  <a:lnTo>
                    <a:pt x="864108" y="0"/>
                  </a:lnTo>
                  <a:lnTo>
                    <a:pt x="864108" y="4572"/>
                  </a:lnTo>
                  <a:lnTo>
                    <a:pt x="874776" y="4572"/>
                  </a:lnTo>
                  <a:lnTo>
                    <a:pt x="874776" y="0"/>
                  </a:lnTo>
                  <a:close/>
                </a:path>
                <a:path w="970914" h="5079">
                  <a:moveTo>
                    <a:pt x="888492" y="0"/>
                  </a:moveTo>
                  <a:lnTo>
                    <a:pt x="877824" y="0"/>
                  </a:lnTo>
                  <a:lnTo>
                    <a:pt x="877824" y="4572"/>
                  </a:lnTo>
                  <a:lnTo>
                    <a:pt x="888492" y="4572"/>
                  </a:lnTo>
                  <a:lnTo>
                    <a:pt x="888492" y="0"/>
                  </a:lnTo>
                  <a:close/>
                </a:path>
                <a:path w="970914" h="5079">
                  <a:moveTo>
                    <a:pt x="902208" y="0"/>
                  </a:moveTo>
                  <a:lnTo>
                    <a:pt x="891540" y="0"/>
                  </a:lnTo>
                  <a:lnTo>
                    <a:pt x="891540" y="4572"/>
                  </a:lnTo>
                  <a:lnTo>
                    <a:pt x="902208" y="4572"/>
                  </a:lnTo>
                  <a:lnTo>
                    <a:pt x="902208" y="0"/>
                  </a:lnTo>
                  <a:close/>
                </a:path>
                <a:path w="970914" h="5079">
                  <a:moveTo>
                    <a:pt x="915924" y="0"/>
                  </a:moveTo>
                  <a:lnTo>
                    <a:pt x="905256" y="0"/>
                  </a:lnTo>
                  <a:lnTo>
                    <a:pt x="905256" y="4572"/>
                  </a:lnTo>
                  <a:lnTo>
                    <a:pt x="915924" y="4572"/>
                  </a:lnTo>
                  <a:lnTo>
                    <a:pt x="915924" y="0"/>
                  </a:lnTo>
                  <a:close/>
                </a:path>
                <a:path w="970914" h="5079">
                  <a:moveTo>
                    <a:pt x="929640" y="0"/>
                  </a:moveTo>
                  <a:lnTo>
                    <a:pt x="918972" y="0"/>
                  </a:lnTo>
                  <a:lnTo>
                    <a:pt x="918972" y="4572"/>
                  </a:lnTo>
                  <a:lnTo>
                    <a:pt x="929640" y="4572"/>
                  </a:lnTo>
                  <a:lnTo>
                    <a:pt x="929640" y="0"/>
                  </a:lnTo>
                  <a:close/>
                </a:path>
                <a:path w="970914" h="5079">
                  <a:moveTo>
                    <a:pt x="943356" y="0"/>
                  </a:moveTo>
                  <a:lnTo>
                    <a:pt x="932688" y="0"/>
                  </a:lnTo>
                  <a:lnTo>
                    <a:pt x="932688" y="4572"/>
                  </a:lnTo>
                  <a:lnTo>
                    <a:pt x="943356" y="4572"/>
                  </a:lnTo>
                  <a:lnTo>
                    <a:pt x="943356" y="0"/>
                  </a:lnTo>
                  <a:close/>
                </a:path>
                <a:path w="970914" h="5079">
                  <a:moveTo>
                    <a:pt x="957072" y="0"/>
                  </a:moveTo>
                  <a:lnTo>
                    <a:pt x="946404" y="0"/>
                  </a:lnTo>
                  <a:lnTo>
                    <a:pt x="946404" y="4572"/>
                  </a:lnTo>
                  <a:lnTo>
                    <a:pt x="957072" y="4572"/>
                  </a:lnTo>
                  <a:lnTo>
                    <a:pt x="957072" y="0"/>
                  </a:lnTo>
                  <a:close/>
                </a:path>
                <a:path w="970914"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64" name="object 64"/>
            <p:cNvSpPr/>
            <p:nvPr/>
          </p:nvSpPr>
          <p:spPr>
            <a:xfrm>
              <a:off x="5958840" y="3576827"/>
              <a:ext cx="969644" cy="5080"/>
            </a:xfrm>
            <a:custGeom>
              <a:avLst/>
              <a:gdLst/>
              <a:ahLst/>
              <a:cxnLst/>
              <a:rect l="l" t="t" r="r" b="b"/>
              <a:pathLst>
                <a:path w="969645" h="5079">
                  <a:moveTo>
                    <a:pt x="10668" y="0"/>
                  </a:moveTo>
                  <a:lnTo>
                    <a:pt x="0" y="0"/>
                  </a:lnTo>
                  <a:lnTo>
                    <a:pt x="0" y="4572"/>
                  </a:lnTo>
                  <a:lnTo>
                    <a:pt x="10668" y="4572"/>
                  </a:lnTo>
                  <a:lnTo>
                    <a:pt x="10668" y="0"/>
                  </a:lnTo>
                  <a:close/>
                </a:path>
                <a:path w="969645" h="5079">
                  <a:moveTo>
                    <a:pt x="24384" y="0"/>
                  </a:moveTo>
                  <a:lnTo>
                    <a:pt x="13716" y="0"/>
                  </a:lnTo>
                  <a:lnTo>
                    <a:pt x="13716" y="4572"/>
                  </a:lnTo>
                  <a:lnTo>
                    <a:pt x="24384" y="4572"/>
                  </a:lnTo>
                  <a:lnTo>
                    <a:pt x="24384" y="0"/>
                  </a:lnTo>
                  <a:close/>
                </a:path>
                <a:path w="969645" h="5079">
                  <a:moveTo>
                    <a:pt x="38100" y="0"/>
                  </a:moveTo>
                  <a:lnTo>
                    <a:pt x="27432" y="0"/>
                  </a:lnTo>
                  <a:lnTo>
                    <a:pt x="27432" y="4572"/>
                  </a:lnTo>
                  <a:lnTo>
                    <a:pt x="38100" y="4572"/>
                  </a:lnTo>
                  <a:lnTo>
                    <a:pt x="38100" y="0"/>
                  </a:lnTo>
                  <a:close/>
                </a:path>
                <a:path w="969645" h="5079">
                  <a:moveTo>
                    <a:pt x="51816" y="0"/>
                  </a:moveTo>
                  <a:lnTo>
                    <a:pt x="41148" y="0"/>
                  </a:lnTo>
                  <a:lnTo>
                    <a:pt x="41148" y="4572"/>
                  </a:lnTo>
                  <a:lnTo>
                    <a:pt x="51816" y="4572"/>
                  </a:lnTo>
                  <a:lnTo>
                    <a:pt x="51816" y="0"/>
                  </a:lnTo>
                  <a:close/>
                </a:path>
                <a:path w="969645" h="5079">
                  <a:moveTo>
                    <a:pt x="65532" y="0"/>
                  </a:moveTo>
                  <a:lnTo>
                    <a:pt x="54864" y="0"/>
                  </a:lnTo>
                  <a:lnTo>
                    <a:pt x="54864" y="4572"/>
                  </a:lnTo>
                  <a:lnTo>
                    <a:pt x="65532" y="4572"/>
                  </a:lnTo>
                  <a:lnTo>
                    <a:pt x="65532" y="0"/>
                  </a:lnTo>
                  <a:close/>
                </a:path>
                <a:path w="969645" h="5079">
                  <a:moveTo>
                    <a:pt x="79248" y="0"/>
                  </a:moveTo>
                  <a:lnTo>
                    <a:pt x="68580" y="0"/>
                  </a:lnTo>
                  <a:lnTo>
                    <a:pt x="68580" y="4572"/>
                  </a:lnTo>
                  <a:lnTo>
                    <a:pt x="79248" y="4572"/>
                  </a:lnTo>
                  <a:lnTo>
                    <a:pt x="79248" y="0"/>
                  </a:lnTo>
                  <a:close/>
                </a:path>
                <a:path w="969645" h="5079">
                  <a:moveTo>
                    <a:pt x="92964" y="0"/>
                  </a:moveTo>
                  <a:lnTo>
                    <a:pt x="82296" y="0"/>
                  </a:lnTo>
                  <a:lnTo>
                    <a:pt x="82296" y="4572"/>
                  </a:lnTo>
                  <a:lnTo>
                    <a:pt x="92964" y="4572"/>
                  </a:lnTo>
                  <a:lnTo>
                    <a:pt x="92964" y="0"/>
                  </a:lnTo>
                  <a:close/>
                </a:path>
                <a:path w="969645" h="5079">
                  <a:moveTo>
                    <a:pt x="106680" y="0"/>
                  </a:moveTo>
                  <a:lnTo>
                    <a:pt x="96012" y="0"/>
                  </a:lnTo>
                  <a:lnTo>
                    <a:pt x="96012" y="4572"/>
                  </a:lnTo>
                  <a:lnTo>
                    <a:pt x="106680" y="4572"/>
                  </a:lnTo>
                  <a:lnTo>
                    <a:pt x="106680" y="0"/>
                  </a:lnTo>
                  <a:close/>
                </a:path>
                <a:path w="969645" h="5079">
                  <a:moveTo>
                    <a:pt x="120396" y="0"/>
                  </a:moveTo>
                  <a:lnTo>
                    <a:pt x="109728" y="0"/>
                  </a:lnTo>
                  <a:lnTo>
                    <a:pt x="109728" y="4572"/>
                  </a:lnTo>
                  <a:lnTo>
                    <a:pt x="120396" y="4572"/>
                  </a:lnTo>
                  <a:lnTo>
                    <a:pt x="120396" y="0"/>
                  </a:lnTo>
                  <a:close/>
                </a:path>
                <a:path w="969645" h="5079">
                  <a:moveTo>
                    <a:pt x="134112" y="0"/>
                  </a:moveTo>
                  <a:lnTo>
                    <a:pt x="123444" y="0"/>
                  </a:lnTo>
                  <a:lnTo>
                    <a:pt x="123444" y="4572"/>
                  </a:lnTo>
                  <a:lnTo>
                    <a:pt x="134112" y="4572"/>
                  </a:lnTo>
                  <a:lnTo>
                    <a:pt x="134112" y="0"/>
                  </a:lnTo>
                  <a:close/>
                </a:path>
                <a:path w="969645" h="5079">
                  <a:moveTo>
                    <a:pt x="147828" y="0"/>
                  </a:moveTo>
                  <a:lnTo>
                    <a:pt x="137160" y="0"/>
                  </a:lnTo>
                  <a:lnTo>
                    <a:pt x="137160" y="4572"/>
                  </a:lnTo>
                  <a:lnTo>
                    <a:pt x="147828" y="4572"/>
                  </a:lnTo>
                  <a:lnTo>
                    <a:pt x="147828" y="0"/>
                  </a:lnTo>
                  <a:close/>
                </a:path>
                <a:path w="969645" h="5079">
                  <a:moveTo>
                    <a:pt x="161544" y="0"/>
                  </a:moveTo>
                  <a:lnTo>
                    <a:pt x="150876" y="0"/>
                  </a:lnTo>
                  <a:lnTo>
                    <a:pt x="150876" y="4572"/>
                  </a:lnTo>
                  <a:lnTo>
                    <a:pt x="161544" y="4572"/>
                  </a:lnTo>
                  <a:lnTo>
                    <a:pt x="161544" y="0"/>
                  </a:lnTo>
                  <a:close/>
                </a:path>
                <a:path w="969645" h="5079">
                  <a:moveTo>
                    <a:pt x="175260" y="0"/>
                  </a:moveTo>
                  <a:lnTo>
                    <a:pt x="164592" y="0"/>
                  </a:lnTo>
                  <a:lnTo>
                    <a:pt x="164592" y="4572"/>
                  </a:lnTo>
                  <a:lnTo>
                    <a:pt x="175260" y="4572"/>
                  </a:lnTo>
                  <a:lnTo>
                    <a:pt x="175260" y="0"/>
                  </a:lnTo>
                  <a:close/>
                </a:path>
                <a:path w="969645" h="5079">
                  <a:moveTo>
                    <a:pt x="188976" y="0"/>
                  </a:moveTo>
                  <a:lnTo>
                    <a:pt x="178308" y="0"/>
                  </a:lnTo>
                  <a:lnTo>
                    <a:pt x="178308" y="4572"/>
                  </a:lnTo>
                  <a:lnTo>
                    <a:pt x="188976" y="4572"/>
                  </a:lnTo>
                  <a:lnTo>
                    <a:pt x="188976" y="0"/>
                  </a:lnTo>
                  <a:close/>
                </a:path>
                <a:path w="969645" h="5079">
                  <a:moveTo>
                    <a:pt x="202692" y="0"/>
                  </a:moveTo>
                  <a:lnTo>
                    <a:pt x="192024" y="0"/>
                  </a:lnTo>
                  <a:lnTo>
                    <a:pt x="192024" y="4572"/>
                  </a:lnTo>
                  <a:lnTo>
                    <a:pt x="202692" y="4572"/>
                  </a:lnTo>
                  <a:lnTo>
                    <a:pt x="202692" y="0"/>
                  </a:lnTo>
                  <a:close/>
                </a:path>
                <a:path w="969645" h="5079">
                  <a:moveTo>
                    <a:pt x="216408" y="0"/>
                  </a:moveTo>
                  <a:lnTo>
                    <a:pt x="205740" y="0"/>
                  </a:lnTo>
                  <a:lnTo>
                    <a:pt x="205740" y="4572"/>
                  </a:lnTo>
                  <a:lnTo>
                    <a:pt x="216408" y="4572"/>
                  </a:lnTo>
                  <a:lnTo>
                    <a:pt x="216408" y="0"/>
                  </a:lnTo>
                  <a:close/>
                </a:path>
                <a:path w="969645" h="5079">
                  <a:moveTo>
                    <a:pt x="230124" y="0"/>
                  </a:moveTo>
                  <a:lnTo>
                    <a:pt x="219456" y="0"/>
                  </a:lnTo>
                  <a:lnTo>
                    <a:pt x="219456" y="4572"/>
                  </a:lnTo>
                  <a:lnTo>
                    <a:pt x="230124" y="4572"/>
                  </a:lnTo>
                  <a:lnTo>
                    <a:pt x="230124" y="0"/>
                  </a:lnTo>
                  <a:close/>
                </a:path>
                <a:path w="969645" h="5079">
                  <a:moveTo>
                    <a:pt x="243840" y="0"/>
                  </a:moveTo>
                  <a:lnTo>
                    <a:pt x="233172" y="0"/>
                  </a:lnTo>
                  <a:lnTo>
                    <a:pt x="233172" y="4572"/>
                  </a:lnTo>
                  <a:lnTo>
                    <a:pt x="243840" y="4572"/>
                  </a:lnTo>
                  <a:lnTo>
                    <a:pt x="243840" y="0"/>
                  </a:lnTo>
                  <a:close/>
                </a:path>
                <a:path w="969645" h="5079">
                  <a:moveTo>
                    <a:pt x="257556" y="0"/>
                  </a:moveTo>
                  <a:lnTo>
                    <a:pt x="246888" y="0"/>
                  </a:lnTo>
                  <a:lnTo>
                    <a:pt x="246888" y="4572"/>
                  </a:lnTo>
                  <a:lnTo>
                    <a:pt x="257556" y="4572"/>
                  </a:lnTo>
                  <a:lnTo>
                    <a:pt x="257556" y="0"/>
                  </a:lnTo>
                  <a:close/>
                </a:path>
                <a:path w="969645" h="5079">
                  <a:moveTo>
                    <a:pt x="271272" y="0"/>
                  </a:moveTo>
                  <a:lnTo>
                    <a:pt x="260604" y="0"/>
                  </a:lnTo>
                  <a:lnTo>
                    <a:pt x="260604" y="4572"/>
                  </a:lnTo>
                  <a:lnTo>
                    <a:pt x="271272" y="4572"/>
                  </a:lnTo>
                  <a:lnTo>
                    <a:pt x="271272" y="0"/>
                  </a:lnTo>
                  <a:close/>
                </a:path>
                <a:path w="969645" h="5079">
                  <a:moveTo>
                    <a:pt x="284988" y="0"/>
                  </a:moveTo>
                  <a:lnTo>
                    <a:pt x="274320" y="0"/>
                  </a:lnTo>
                  <a:lnTo>
                    <a:pt x="274320" y="4572"/>
                  </a:lnTo>
                  <a:lnTo>
                    <a:pt x="284988" y="4572"/>
                  </a:lnTo>
                  <a:lnTo>
                    <a:pt x="284988" y="0"/>
                  </a:lnTo>
                  <a:close/>
                </a:path>
                <a:path w="969645" h="5079">
                  <a:moveTo>
                    <a:pt x="298704" y="0"/>
                  </a:moveTo>
                  <a:lnTo>
                    <a:pt x="288036" y="0"/>
                  </a:lnTo>
                  <a:lnTo>
                    <a:pt x="288036" y="4572"/>
                  </a:lnTo>
                  <a:lnTo>
                    <a:pt x="298704" y="4572"/>
                  </a:lnTo>
                  <a:lnTo>
                    <a:pt x="298704" y="0"/>
                  </a:lnTo>
                  <a:close/>
                </a:path>
                <a:path w="969645" h="5079">
                  <a:moveTo>
                    <a:pt x="312420" y="0"/>
                  </a:moveTo>
                  <a:lnTo>
                    <a:pt x="301752" y="0"/>
                  </a:lnTo>
                  <a:lnTo>
                    <a:pt x="301752" y="4572"/>
                  </a:lnTo>
                  <a:lnTo>
                    <a:pt x="312420" y="4572"/>
                  </a:lnTo>
                  <a:lnTo>
                    <a:pt x="312420" y="0"/>
                  </a:lnTo>
                  <a:close/>
                </a:path>
                <a:path w="969645" h="5079">
                  <a:moveTo>
                    <a:pt x="326136" y="0"/>
                  </a:moveTo>
                  <a:lnTo>
                    <a:pt x="315468" y="0"/>
                  </a:lnTo>
                  <a:lnTo>
                    <a:pt x="315468" y="4572"/>
                  </a:lnTo>
                  <a:lnTo>
                    <a:pt x="326136" y="4572"/>
                  </a:lnTo>
                  <a:lnTo>
                    <a:pt x="326136" y="0"/>
                  </a:lnTo>
                  <a:close/>
                </a:path>
                <a:path w="969645" h="5079">
                  <a:moveTo>
                    <a:pt x="339852" y="0"/>
                  </a:moveTo>
                  <a:lnTo>
                    <a:pt x="329184" y="0"/>
                  </a:lnTo>
                  <a:lnTo>
                    <a:pt x="329184" y="4572"/>
                  </a:lnTo>
                  <a:lnTo>
                    <a:pt x="339852" y="4572"/>
                  </a:lnTo>
                  <a:lnTo>
                    <a:pt x="339852" y="0"/>
                  </a:lnTo>
                  <a:close/>
                </a:path>
                <a:path w="969645" h="5079">
                  <a:moveTo>
                    <a:pt x="353568" y="0"/>
                  </a:moveTo>
                  <a:lnTo>
                    <a:pt x="342900" y="0"/>
                  </a:lnTo>
                  <a:lnTo>
                    <a:pt x="342900" y="4572"/>
                  </a:lnTo>
                  <a:lnTo>
                    <a:pt x="353568" y="4572"/>
                  </a:lnTo>
                  <a:lnTo>
                    <a:pt x="353568" y="0"/>
                  </a:lnTo>
                  <a:close/>
                </a:path>
                <a:path w="969645" h="5079">
                  <a:moveTo>
                    <a:pt x="367284" y="0"/>
                  </a:moveTo>
                  <a:lnTo>
                    <a:pt x="356616" y="0"/>
                  </a:lnTo>
                  <a:lnTo>
                    <a:pt x="356616" y="4572"/>
                  </a:lnTo>
                  <a:lnTo>
                    <a:pt x="367284" y="4572"/>
                  </a:lnTo>
                  <a:lnTo>
                    <a:pt x="367284" y="0"/>
                  </a:lnTo>
                  <a:close/>
                </a:path>
                <a:path w="969645" h="5079">
                  <a:moveTo>
                    <a:pt x="381000" y="0"/>
                  </a:moveTo>
                  <a:lnTo>
                    <a:pt x="370332" y="0"/>
                  </a:lnTo>
                  <a:lnTo>
                    <a:pt x="370332" y="4572"/>
                  </a:lnTo>
                  <a:lnTo>
                    <a:pt x="381000" y="4572"/>
                  </a:lnTo>
                  <a:lnTo>
                    <a:pt x="381000" y="0"/>
                  </a:lnTo>
                  <a:close/>
                </a:path>
                <a:path w="969645" h="5079">
                  <a:moveTo>
                    <a:pt x="394716" y="0"/>
                  </a:moveTo>
                  <a:lnTo>
                    <a:pt x="384048" y="0"/>
                  </a:lnTo>
                  <a:lnTo>
                    <a:pt x="384048" y="4572"/>
                  </a:lnTo>
                  <a:lnTo>
                    <a:pt x="394716" y="4572"/>
                  </a:lnTo>
                  <a:lnTo>
                    <a:pt x="394716" y="0"/>
                  </a:lnTo>
                  <a:close/>
                </a:path>
                <a:path w="969645" h="5079">
                  <a:moveTo>
                    <a:pt x="408432" y="0"/>
                  </a:moveTo>
                  <a:lnTo>
                    <a:pt x="397764" y="0"/>
                  </a:lnTo>
                  <a:lnTo>
                    <a:pt x="397764" y="4572"/>
                  </a:lnTo>
                  <a:lnTo>
                    <a:pt x="408432" y="4572"/>
                  </a:lnTo>
                  <a:lnTo>
                    <a:pt x="408432" y="0"/>
                  </a:lnTo>
                  <a:close/>
                </a:path>
                <a:path w="969645" h="5079">
                  <a:moveTo>
                    <a:pt x="422148" y="0"/>
                  </a:moveTo>
                  <a:lnTo>
                    <a:pt x="411480" y="0"/>
                  </a:lnTo>
                  <a:lnTo>
                    <a:pt x="411480" y="4572"/>
                  </a:lnTo>
                  <a:lnTo>
                    <a:pt x="422148" y="4572"/>
                  </a:lnTo>
                  <a:lnTo>
                    <a:pt x="422148" y="0"/>
                  </a:lnTo>
                  <a:close/>
                </a:path>
                <a:path w="969645" h="5079">
                  <a:moveTo>
                    <a:pt x="435864" y="0"/>
                  </a:moveTo>
                  <a:lnTo>
                    <a:pt x="425196" y="0"/>
                  </a:lnTo>
                  <a:lnTo>
                    <a:pt x="425196" y="4572"/>
                  </a:lnTo>
                  <a:lnTo>
                    <a:pt x="435864" y="4572"/>
                  </a:lnTo>
                  <a:lnTo>
                    <a:pt x="435864" y="0"/>
                  </a:lnTo>
                  <a:close/>
                </a:path>
                <a:path w="969645" h="5079">
                  <a:moveTo>
                    <a:pt x="449580" y="0"/>
                  </a:moveTo>
                  <a:lnTo>
                    <a:pt x="438912" y="0"/>
                  </a:lnTo>
                  <a:lnTo>
                    <a:pt x="438912" y="4572"/>
                  </a:lnTo>
                  <a:lnTo>
                    <a:pt x="449580" y="4572"/>
                  </a:lnTo>
                  <a:lnTo>
                    <a:pt x="449580" y="0"/>
                  </a:lnTo>
                  <a:close/>
                </a:path>
                <a:path w="969645" h="5079">
                  <a:moveTo>
                    <a:pt x="463296" y="0"/>
                  </a:moveTo>
                  <a:lnTo>
                    <a:pt x="452628" y="0"/>
                  </a:lnTo>
                  <a:lnTo>
                    <a:pt x="452628" y="4572"/>
                  </a:lnTo>
                  <a:lnTo>
                    <a:pt x="463296" y="4572"/>
                  </a:lnTo>
                  <a:lnTo>
                    <a:pt x="463296" y="0"/>
                  </a:lnTo>
                  <a:close/>
                </a:path>
                <a:path w="969645" h="5079">
                  <a:moveTo>
                    <a:pt x="475488" y="0"/>
                  </a:moveTo>
                  <a:lnTo>
                    <a:pt x="466344" y="0"/>
                  </a:lnTo>
                  <a:lnTo>
                    <a:pt x="466344" y="4572"/>
                  </a:lnTo>
                  <a:lnTo>
                    <a:pt x="475488" y="4572"/>
                  </a:lnTo>
                  <a:lnTo>
                    <a:pt x="475488" y="0"/>
                  </a:lnTo>
                  <a:close/>
                </a:path>
                <a:path w="969645" h="5079">
                  <a:moveTo>
                    <a:pt x="489204" y="0"/>
                  </a:moveTo>
                  <a:lnTo>
                    <a:pt x="480060" y="0"/>
                  </a:lnTo>
                  <a:lnTo>
                    <a:pt x="480060" y="4572"/>
                  </a:lnTo>
                  <a:lnTo>
                    <a:pt x="489204" y="4572"/>
                  </a:lnTo>
                  <a:lnTo>
                    <a:pt x="489204" y="0"/>
                  </a:lnTo>
                  <a:close/>
                </a:path>
                <a:path w="969645" h="5079">
                  <a:moveTo>
                    <a:pt x="502920" y="0"/>
                  </a:moveTo>
                  <a:lnTo>
                    <a:pt x="493776" y="0"/>
                  </a:lnTo>
                  <a:lnTo>
                    <a:pt x="493776" y="4572"/>
                  </a:lnTo>
                  <a:lnTo>
                    <a:pt x="502920" y="4572"/>
                  </a:lnTo>
                  <a:lnTo>
                    <a:pt x="502920" y="0"/>
                  </a:lnTo>
                  <a:close/>
                </a:path>
                <a:path w="969645" h="5079">
                  <a:moveTo>
                    <a:pt x="516636" y="0"/>
                  </a:moveTo>
                  <a:lnTo>
                    <a:pt x="507492" y="0"/>
                  </a:lnTo>
                  <a:lnTo>
                    <a:pt x="507492" y="4572"/>
                  </a:lnTo>
                  <a:lnTo>
                    <a:pt x="516636" y="4572"/>
                  </a:lnTo>
                  <a:lnTo>
                    <a:pt x="516636" y="0"/>
                  </a:lnTo>
                  <a:close/>
                </a:path>
                <a:path w="969645" h="5079">
                  <a:moveTo>
                    <a:pt x="530352" y="0"/>
                  </a:moveTo>
                  <a:lnTo>
                    <a:pt x="521208" y="0"/>
                  </a:lnTo>
                  <a:lnTo>
                    <a:pt x="521208" y="4572"/>
                  </a:lnTo>
                  <a:lnTo>
                    <a:pt x="530352" y="4572"/>
                  </a:lnTo>
                  <a:lnTo>
                    <a:pt x="530352" y="0"/>
                  </a:lnTo>
                  <a:close/>
                </a:path>
                <a:path w="969645" h="5079">
                  <a:moveTo>
                    <a:pt x="544055" y="0"/>
                  </a:moveTo>
                  <a:lnTo>
                    <a:pt x="534924" y="0"/>
                  </a:lnTo>
                  <a:lnTo>
                    <a:pt x="534924" y="4572"/>
                  </a:lnTo>
                  <a:lnTo>
                    <a:pt x="544055" y="4572"/>
                  </a:lnTo>
                  <a:lnTo>
                    <a:pt x="544055" y="0"/>
                  </a:lnTo>
                  <a:close/>
                </a:path>
                <a:path w="969645" h="5079">
                  <a:moveTo>
                    <a:pt x="557784" y="0"/>
                  </a:moveTo>
                  <a:lnTo>
                    <a:pt x="548640" y="0"/>
                  </a:lnTo>
                  <a:lnTo>
                    <a:pt x="548640" y="4572"/>
                  </a:lnTo>
                  <a:lnTo>
                    <a:pt x="557784" y="4572"/>
                  </a:lnTo>
                  <a:lnTo>
                    <a:pt x="557784" y="0"/>
                  </a:lnTo>
                  <a:close/>
                </a:path>
                <a:path w="969645" h="5079">
                  <a:moveTo>
                    <a:pt x="571500" y="0"/>
                  </a:moveTo>
                  <a:lnTo>
                    <a:pt x="562356" y="0"/>
                  </a:lnTo>
                  <a:lnTo>
                    <a:pt x="562356" y="4572"/>
                  </a:lnTo>
                  <a:lnTo>
                    <a:pt x="571500" y="4572"/>
                  </a:lnTo>
                  <a:lnTo>
                    <a:pt x="571500" y="0"/>
                  </a:lnTo>
                  <a:close/>
                </a:path>
                <a:path w="969645" h="5079">
                  <a:moveTo>
                    <a:pt x="585216" y="0"/>
                  </a:moveTo>
                  <a:lnTo>
                    <a:pt x="576059" y="0"/>
                  </a:lnTo>
                  <a:lnTo>
                    <a:pt x="576059" y="4572"/>
                  </a:lnTo>
                  <a:lnTo>
                    <a:pt x="585216" y="4572"/>
                  </a:lnTo>
                  <a:lnTo>
                    <a:pt x="585216" y="0"/>
                  </a:lnTo>
                  <a:close/>
                </a:path>
                <a:path w="969645" h="5079">
                  <a:moveTo>
                    <a:pt x="598932" y="0"/>
                  </a:moveTo>
                  <a:lnTo>
                    <a:pt x="589788" y="0"/>
                  </a:lnTo>
                  <a:lnTo>
                    <a:pt x="589788" y="4572"/>
                  </a:lnTo>
                  <a:lnTo>
                    <a:pt x="598932" y="4572"/>
                  </a:lnTo>
                  <a:lnTo>
                    <a:pt x="598932" y="0"/>
                  </a:lnTo>
                  <a:close/>
                </a:path>
                <a:path w="969645" h="5079">
                  <a:moveTo>
                    <a:pt x="612648" y="0"/>
                  </a:moveTo>
                  <a:lnTo>
                    <a:pt x="603504" y="0"/>
                  </a:lnTo>
                  <a:lnTo>
                    <a:pt x="603504" y="4572"/>
                  </a:lnTo>
                  <a:lnTo>
                    <a:pt x="612648" y="4572"/>
                  </a:lnTo>
                  <a:lnTo>
                    <a:pt x="612648" y="0"/>
                  </a:lnTo>
                  <a:close/>
                </a:path>
                <a:path w="969645" h="5079">
                  <a:moveTo>
                    <a:pt x="626364" y="0"/>
                  </a:moveTo>
                  <a:lnTo>
                    <a:pt x="617207" y="0"/>
                  </a:lnTo>
                  <a:lnTo>
                    <a:pt x="617207" y="4572"/>
                  </a:lnTo>
                  <a:lnTo>
                    <a:pt x="626364" y="4572"/>
                  </a:lnTo>
                  <a:lnTo>
                    <a:pt x="626364" y="0"/>
                  </a:lnTo>
                  <a:close/>
                </a:path>
                <a:path w="969645" h="5079">
                  <a:moveTo>
                    <a:pt x="640080" y="0"/>
                  </a:moveTo>
                  <a:lnTo>
                    <a:pt x="630936" y="0"/>
                  </a:lnTo>
                  <a:lnTo>
                    <a:pt x="630936" y="4572"/>
                  </a:lnTo>
                  <a:lnTo>
                    <a:pt x="640080" y="4572"/>
                  </a:lnTo>
                  <a:lnTo>
                    <a:pt x="640080" y="0"/>
                  </a:lnTo>
                  <a:close/>
                </a:path>
                <a:path w="969645" h="5079">
                  <a:moveTo>
                    <a:pt x="653783" y="0"/>
                  </a:moveTo>
                  <a:lnTo>
                    <a:pt x="644652" y="0"/>
                  </a:lnTo>
                  <a:lnTo>
                    <a:pt x="644652" y="4572"/>
                  </a:lnTo>
                  <a:lnTo>
                    <a:pt x="653783" y="4572"/>
                  </a:lnTo>
                  <a:lnTo>
                    <a:pt x="653783" y="0"/>
                  </a:lnTo>
                  <a:close/>
                </a:path>
                <a:path w="969645" h="5079">
                  <a:moveTo>
                    <a:pt x="667512" y="0"/>
                  </a:moveTo>
                  <a:lnTo>
                    <a:pt x="658355" y="0"/>
                  </a:lnTo>
                  <a:lnTo>
                    <a:pt x="658355" y="4572"/>
                  </a:lnTo>
                  <a:lnTo>
                    <a:pt x="667512" y="4572"/>
                  </a:lnTo>
                  <a:lnTo>
                    <a:pt x="667512" y="0"/>
                  </a:lnTo>
                  <a:close/>
                </a:path>
                <a:path w="969645" h="5079">
                  <a:moveTo>
                    <a:pt x="681228" y="0"/>
                  </a:moveTo>
                  <a:lnTo>
                    <a:pt x="672084" y="0"/>
                  </a:lnTo>
                  <a:lnTo>
                    <a:pt x="672084" y="4572"/>
                  </a:lnTo>
                  <a:lnTo>
                    <a:pt x="681228" y="4572"/>
                  </a:lnTo>
                  <a:lnTo>
                    <a:pt x="681228" y="0"/>
                  </a:lnTo>
                  <a:close/>
                </a:path>
                <a:path w="969645" h="5079">
                  <a:moveTo>
                    <a:pt x="694931" y="0"/>
                  </a:moveTo>
                  <a:lnTo>
                    <a:pt x="685800" y="0"/>
                  </a:lnTo>
                  <a:lnTo>
                    <a:pt x="685800" y="4572"/>
                  </a:lnTo>
                  <a:lnTo>
                    <a:pt x="694931" y="4572"/>
                  </a:lnTo>
                  <a:lnTo>
                    <a:pt x="694931" y="0"/>
                  </a:lnTo>
                  <a:close/>
                </a:path>
                <a:path w="969645" h="5079">
                  <a:moveTo>
                    <a:pt x="708660" y="0"/>
                  </a:moveTo>
                  <a:lnTo>
                    <a:pt x="699516" y="0"/>
                  </a:lnTo>
                  <a:lnTo>
                    <a:pt x="699516" y="4572"/>
                  </a:lnTo>
                  <a:lnTo>
                    <a:pt x="708660" y="4572"/>
                  </a:lnTo>
                  <a:lnTo>
                    <a:pt x="708660" y="0"/>
                  </a:lnTo>
                  <a:close/>
                </a:path>
                <a:path w="969645" h="5079">
                  <a:moveTo>
                    <a:pt x="722376" y="0"/>
                  </a:moveTo>
                  <a:lnTo>
                    <a:pt x="713232" y="0"/>
                  </a:lnTo>
                  <a:lnTo>
                    <a:pt x="713232" y="4572"/>
                  </a:lnTo>
                  <a:lnTo>
                    <a:pt x="722376" y="4572"/>
                  </a:lnTo>
                  <a:lnTo>
                    <a:pt x="722376" y="0"/>
                  </a:lnTo>
                  <a:close/>
                </a:path>
                <a:path w="969645" h="5079">
                  <a:moveTo>
                    <a:pt x="736092" y="0"/>
                  </a:moveTo>
                  <a:lnTo>
                    <a:pt x="726948" y="0"/>
                  </a:lnTo>
                  <a:lnTo>
                    <a:pt x="726948" y="4572"/>
                  </a:lnTo>
                  <a:lnTo>
                    <a:pt x="736092" y="4572"/>
                  </a:lnTo>
                  <a:lnTo>
                    <a:pt x="736092" y="0"/>
                  </a:lnTo>
                  <a:close/>
                </a:path>
                <a:path w="969645" h="5079">
                  <a:moveTo>
                    <a:pt x="749808" y="0"/>
                  </a:moveTo>
                  <a:lnTo>
                    <a:pt x="740664" y="0"/>
                  </a:lnTo>
                  <a:lnTo>
                    <a:pt x="740664" y="4572"/>
                  </a:lnTo>
                  <a:lnTo>
                    <a:pt x="749808" y="4572"/>
                  </a:lnTo>
                  <a:lnTo>
                    <a:pt x="749808" y="0"/>
                  </a:lnTo>
                  <a:close/>
                </a:path>
                <a:path w="969645" h="5079">
                  <a:moveTo>
                    <a:pt x="763524" y="0"/>
                  </a:moveTo>
                  <a:lnTo>
                    <a:pt x="754380" y="0"/>
                  </a:lnTo>
                  <a:lnTo>
                    <a:pt x="754380" y="4572"/>
                  </a:lnTo>
                  <a:lnTo>
                    <a:pt x="763524" y="4572"/>
                  </a:lnTo>
                  <a:lnTo>
                    <a:pt x="763524" y="0"/>
                  </a:lnTo>
                  <a:close/>
                </a:path>
                <a:path w="969645" h="5079">
                  <a:moveTo>
                    <a:pt x="777240" y="0"/>
                  </a:moveTo>
                  <a:lnTo>
                    <a:pt x="768096" y="0"/>
                  </a:lnTo>
                  <a:lnTo>
                    <a:pt x="768096" y="4572"/>
                  </a:lnTo>
                  <a:lnTo>
                    <a:pt x="777240" y="4572"/>
                  </a:lnTo>
                  <a:lnTo>
                    <a:pt x="777240" y="0"/>
                  </a:lnTo>
                  <a:close/>
                </a:path>
                <a:path w="969645" h="5079">
                  <a:moveTo>
                    <a:pt x="790956" y="0"/>
                  </a:moveTo>
                  <a:lnTo>
                    <a:pt x="781812" y="0"/>
                  </a:lnTo>
                  <a:lnTo>
                    <a:pt x="781812" y="4572"/>
                  </a:lnTo>
                  <a:lnTo>
                    <a:pt x="790956" y="4572"/>
                  </a:lnTo>
                  <a:lnTo>
                    <a:pt x="790956" y="0"/>
                  </a:lnTo>
                  <a:close/>
                </a:path>
                <a:path w="969645" h="5079">
                  <a:moveTo>
                    <a:pt x="804672" y="0"/>
                  </a:moveTo>
                  <a:lnTo>
                    <a:pt x="795528" y="0"/>
                  </a:lnTo>
                  <a:lnTo>
                    <a:pt x="795528" y="4572"/>
                  </a:lnTo>
                  <a:lnTo>
                    <a:pt x="804672" y="4572"/>
                  </a:lnTo>
                  <a:lnTo>
                    <a:pt x="804672" y="0"/>
                  </a:lnTo>
                  <a:close/>
                </a:path>
                <a:path w="969645" h="5079">
                  <a:moveTo>
                    <a:pt x="818388" y="0"/>
                  </a:moveTo>
                  <a:lnTo>
                    <a:pt x="809244" y="0"/>
                  </a:lnTo>
                  <a:lnTo>
                    <a:pt x="809244" y="4572"/>
                  </a:lnTo>
                  <a:lnTo>
                    <a:pt x="818388" y="4572"/>
                  </a:lnTo>
                  <a:lnTo>
                    <a:pt x="818388" y="0"/>
                  </a:lnTo>
                  <a:close/>
                </a:path>
                <a:path w="969645" h="5079">
                  <a:moveTo>
                    <a:pt x="832104" y="0"/>
                  </a:moveTo>
                  <a:lnTo>
                    <a:pt x="822960" y="0"/>
                  </a:lnTo>
                  <a:lnTo>
                    <a:pt x="822960" y="4572"/>
                  </a:lnTo>
                  <a:lnTo>
                    <a:pt x="832104" y="4572"/>
                  </a:lnTo>
                  <a:lnTo>
                    <a:pt x="832104" y="0"/>
                  </a:lnTo>
                  <a:close/>
                </a:path>
                <a:path w="969645" h="5079">
                  <a:moveTo>
                    <a:pt x="845820" y="0"/>
                  </a:moveTo>
                  <a:lnTo>
                    <a:pt x="836676" y="0"/>
                  </a:lnTo>
                  <a:lnTo>
                    <a:pt x="836676" y="4572"/>
                  </a:lnTo>
                  <a:lnTo>
                    <a:pt x="845820" y="4572"/>
                  </a:lnTo>
                  <a:lnTo>
                    <a:pt x="845820" y="0"/>
                  </a:lnTo>
                  <a:close/>
                </a:path>
                <a:path w="969645" h="5079">
                  <a:moveTo>
                    <a:pt x="859536" y="0"/>
                  </a:moveTo>
                  <a:lnTo>
                    <a:pt x="850392" y="0"/>
                  </a:lnTo>
                  <a:lnTo>
                    <a:pt x="850392" y="4572"/>
                  </a:lnTo>
                  <a:lnTo>
                    <a:pt x="859536" y="4572"/>
                  </a:lnTo>
                  <a:lnTo>
                    <a:pt x="859536" y="0"/>
                  </a:lnTo>
                  <a:close/>
                </a:path>
                <a:path w="969645" h="5079">
                  <a:moveTo>
                    <a:pt x="873252" y="0"/>
                  </a:moveTo>
                  <a:lnTo>
                    <a:pt x="864108" y="0"/>
                  </a:lnTo>
                  <a:lnTo>
                    <a:pt x="864108" y="4572"/>
                  </a:lnTo>
                  <a:lnTo>
                    <a:pt x="873252" y="4572"/>
                  </a:lnTo>
                  <a:lnTo>
                    <a:pt x="873252" y="0"/>
                  </a:lnTo>
                  <a:close/>
                </a:path>
                <a:path w="969645" h="5079">
                  <a:moveTo>
                    <a:pt x="886968" y="0"/>
                  </a:moveTo>
                  <a:lnTo>
                    <a:pt x="877824" y="0"/>
                  </a:lnTo>
                  <a:lnTo>
                    <a:pt x="877824" y="4572"/>
                  </a:lnTo>
                  <a:lnTo>
                    <a:pt x="886968" y="4572"/>
                  </a:lnTo>
                  <a:lnTo>
                    <a:pt x="886968" y="0"/>
                  </a:lnTo>
                  <a:close/>
                </a:path>
                <a:path w="969645" h="5079">
                  <a:moveTo>
                    <a:pt x="900684" y="0"/>
                  </a:moveTo>
                  <a:lnTo>
                    <a:pt x="891540" y="0"/>
                  </a:lnTo>
                  <a:lnTo>
                    <a:pt x="891540" y="4572"/>
                  </a:lnTo>
                  <a:lnTo>
                    <a:pt x="900684" y="4572"/>
                  </a:lnTo>
                  <a:lnTo>
                    <a:pt x="900684" y="0"/>
                  </a:lnTo>
                  <a:close/>
                </a:path>
                <a:path w="969645" h="5079">
                  <a:moveTo>
                    <a:pt x="914400" y="0"/>
                  </a:moveTo>
                  <a:lnTo>
                    <a:pt x="905256" y="0"/>
                  </a:lnTo>
                  <a:lnTo>
                    <a:pt x="905256" y="4572"/>
                  </a:lnTo>
                  <a:lnTo>
                    <a:pt x="914400" y="4572"/>
                  </a:lnTo>
                  <a:lnTo>
                    <a:pt x="914400" y="0"/>
                  </a:lnTo>
                  <a:close/>
                </a:path>
                <a:path w="969645" h="5079">
                  <a:moveTo>
                    <a:pt x="928116" y="0"/>
                  </a:moveTo>
                  <a:lnTo>
                    <a:pt x="918972" y="0"/>
                  </a:lnTo>
                  <a:lnTo>
                    <a:pt x="918972" y="4572"/>
                  </a:lnTo>
                  <a:lnTo>
                    <a:pt x="928116" y="4572"/>
                  </a:lnTo>
                  <a:lnTo>
                    <a:pt x="928116" y="0"/>
                  </a:lnTo>
                  <a:close/>
                </a:path>
                <a:path w="969645" h="5079">
                  <a:moveTo>
                    <a:pt x="941832" y="0"/>
                  </a:moveTo>
                  <a:lnTo>
                    <a:pt x="932688" y="0"/>
                  </a:lnTo>
                  <a:lnTo>
                    <a:pt x="932688" y="4572"/>
                  </a:lnTo>
                  <a:lnTo>
                    <a:pt x="941832" y="4572"/>
                  </a:lnTo>
                  <a:lnTo>
                    <a:pt x="941832" y="0"/>
                  </a:lnTo>
                  <a:close/>
                </a:path>
                <a:path w="969645" h="5079">
                  <a:moveTo>
                    <a:pt x="955548" y="0"/>
                  </a:moveTo>
                  <a:lnTo>
                    <a:pt x="946404" y="0"/>
                  </a:lnTo>
                  <a:lnTo>
                    <a:pt x="946404" y="4572"/>
                  </a:lnTo>
                  <a:lnTo>
                    <a:pt x="955548" y="4572"/>
                  </a:lnTo>
                  <a:lnTo>
                    <a:pt x="955548" y="0"/>
                  </a:lnTo>
                  <a:close/>
                </a:path>
                <a:path w="969645" h="5079">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65" name="object 65"/>
            <p:cNvSpPr/>
            <p:nvPr/>
          </p:nvSpPr>
          <p:spPr>
            <a:xfrm>
              <a:off x="6918960" y="3576827"/>
              <a:ext cx="969644" cy="5080"/>
            </a:xfrm>
            <a:custGeom>
              <a:avLst/>
              <a:gdLst/>
              <a:ahLst/>
              <a:cxnLst/>
              <a:rect l="l" t="t" r="r" b="b"/>
              <a:pathLst>
                <a:path w="969645" h="5079">
                  <a:moveTo>
                    <a:pt x="9144" y="0"/>
                  </a:moveTo>
                  <a:lnTo>
                    <a:pt x="0" y="0"/>
                  </a:lnTo>
                  <a:lnTo>
                    <a:pt x="0" y="4572"/>
                  </a:lnTo>
                  <a:lnTo>
                    <a:pt x="9144" y="4572"/>
                  </a:lnTo>
                  <a:lnTo>
                    <a:pt x="9144" y="0"/>
                  </a:lnTo>
                  <a:close/>
                </a:path>
                <a:path w="969645" h="5079">
                  <a:moveTo>
                    <a:pt x="22860" y="0"/>
                  </a:moveTo>
                  <a:lnTo>
                    <a:pt x="13716" y="0"/>
                  </a:lnTo>
                  <a:lnTo>
                    <a:pt x="13716" y="4572"/>
                  </a:lnTo>
                  <a:lnTo>
                    <a:pt x="22860" y="4572"/>
                  </a:lnTo>
                  <a:lnTo>
                    <a:pt x="22860" y="0"/>
                  </a:lnTo>
                  <a:close/>
                </a:path>
                <a:path w="969645" h="5079">
                  <a:moveTo>
                    <a:pt x="36576" y="0"/>
                  </a:moveTo>
                  <a:lnTo>
                    <a:pt x="27432" y="0"/>
                  </a:lnTo>
                  <a:lnTo>
                    <a:pt x="27432" y="4572"/>
                  </a:lnTo>
                  <a:lnTo>
                    <a:pt x="36576" y="4572"/>
                  </a:lnTo>
                  <a:lnTo>
                    <a:pt x="36576" y="0"/>
                  </a:lnTo>
                  <a:close/>
                </a:path>
                <a:path w="969645" h="5079">
                  <a:moveTo>
                    <a:pt x="50292" y="0"/>
                  </a:moveTo>
                  <a:lnTo>
                    <a:pt x="41148" y="0"/>
                  </a:lnTo>
                  <a:lnTo>
                    <a:pt x="41148" y="4572"/>
                  </a:lnTo>
                  <a:lnTo>
                    <a:pt x="50292" y="4572"/>
                  </a:lnTo>
                  <a:lnTo>
                    <a:pt x="50292" y="0"/>
                  </a:lnTo>
                  <a:close/>
                </a:path>
                <a:path w="969645" h="5079">
                  <a:moveTo>
                    <a:pt x="64008" y="0"/>
                  </a:moveTo>
                  <a:lnTo>
                    <a:pt x="54864" y="0"/>
                  </a:lnTo>
                  <a:lnTo>
                    <a:pt x="54864" y="4572"/>
                  </a:lnTo>
                  <a:lnTo>
                    <a:pt x="64008" y="4572"/>
                  </a:lnTo>
                  <a:lnTo>
                    <a:pt x="64008" y="0"/>
                  </a:lnTo>
                  <a:close/>
                </a:path>
                <a:path w="969645" h="5079">
                  <a:moveTo>
                    <a:pt x="77724" y="0"/>
                  </a:moveTo>
                  <a:lnTo>
                    <a:pt x="68580" y="0"/>
                  </a:lnTo>
                  <a:lnTo>
                    <a:pt x="68580" y="4572"/>
                  </a:lnTo>
                  <a:lnTo>
                    <a:pt x="77724" y="4572"/>
                  </a:lnTo>
                  <a:lnTo>
                    <a:pt x="77724" y="0"/>
                  </a:lnTo>
                  <a:close/>
                </a:path>
                <a:path w="969645" h="5079">
                  <a:moveTo>
                    <a:pt x="91440" y="0"/>
                  </a:moveTo>
                  <a:lnTo>
                    <a:pt x="82296" y="0"/>
                  </a:lnTo>
                  <a:lnTo>
                    <a:pt x="82296" y="4572"/>
                  </a:lnTo>
                  <a:lnTo>
                    <a:pt x="91440" y="4572"/>
                  </a:lnTo>
                  <a:lnTo>
                    <a:pt x="91440" y="0"/>
                  </a:lnTo>
                  <a:close/>
                </a:path>
                <a:path w="969645" h="5079">
                  <a:moveTo>
                    <a:pt x="105156" y="0"/>
                  </a:moveTo>
                  <a:lnTo>
                    <a:pt x="96012" y="0"/>
                  </a:lnTo>
                  <a:lnTo>
                    <a:pt x="96012" y="4572"/>
                  </a:lnTo>
                  <a:lnTo>
                    <a:pt x="105156" y="4572"/>
                  </a:lnTo>
                  <a:lnTo>
                    <a:pt x="105156" y="0"/>
                  </a:lnTo>
                  <a:close/>
                </a:path>
                <a:path w="969645" h="5079">
                  <a:moveTo>
                    <a:pt x="118872" y="0"/>
                  </a:moveTo>
                  <a:lnTo>
                    <a:pt x="109728" y="0"/>
                  </a:lnTo>
                  <a:lnTo>
                    <a:pt x="109728" y="4572"/>
                  </a:lnTo>
                  <a:lnTo>
                    <a:pt x="118872" y="4572"/>
                  </a:lnTo>
                  <a:lnTo>
                    <a:pt x="118872" y="0"/>
                  </a:lnTo>
                  <a:close/>
                </a:path>
                <a:path w="969645" h="5079">
                  <a:moveTo>
                    <a:pt x="132588" y="0"/>
                  </a:moveTo>
                  <a:lnTo>
                    <a:pt x="121920" y="0"/>
                  </a:lnTo>
                  <a:lnTo>
                    <a:pt x="121920" y="4572"/>
                  </a:lnTo>
                  <a:lnTo>
                    <a:pt x="132588" y="4572"/>
                  </a:lnTo>
                  <a:lnTo>
                    <a:pt x="132588" y="0"/>
                  </a:lnTo>
                  <a:close/>
                </a:path>
                <a:path w="969645" h="5079">
                  <a:moveTo>
                    <a:pt x="146304" y="0"/>
                  </a:moveTo>
                  <a:lnTo>
                    <a:pt x="135636" y="0"/>
                  </a:lnTo>
                  <a:lnTo>
                    <a:pt x="135636" y="4572"/>
                  </a:lnTo>
                  <a:lnTo>
                    <a:pt x="146304" y="4572"/>
                  </a:lnTo>
                  <a:lnTo>
                    <a:pt x="146304" y="0"/>
                  </a:lnTo>
                  <a:close/>
                </a:path>
                <a:path w="969645" h="5079">
                  <a:moveTo>
                    <a:pt x="160020" y="0"/>
                  </a:moveTo>
                  <a:lnTo>
                    <a:pt x="149352" y="0"/>
                  </a:lnTo>
                  <a:lnTo>
                    <a:pt x="149352" y="4572"/>
                  </a:lnTo>
                  <a:lnTo>
                    <a:pt x="160020" y="4572"/>
                  </a:lnTo>
                  <a:lnTo>
                    <a:pt x="160020" y="0"/>
                  </a:lnTo>
                  <a:close/>
                </a:path>
                <a:path w="969645" h="5079">
                  <a:moveTo>
                    <a:pt x="173736" y="0"/>
                  </a:moveTo>
                  <a:lnTo>
                    <a:pt x="163068" y="0"/>
                  </a:lnTo>
                  <a:lnTo>
                    <a:pt x="163068" y="4572"/>
                  </a:lnTo>
                  <a:lnTo>
                    <a:pt x="173736" y="4572"/>
                  </a:lnTo>
                  <a:lnTo>
                    <a:pt x="173736" y="0"/>
                  </a:lnTo>
                  <a:close/>
                </a:path>
                <a:path w="969645" h="5079">
                  <a:moveTo>
                    <a:pt x="187452" y="0"/>
                  </a:moveTo>
                  <a:lnTo>
                    <a:pt x="176784" y="0"/>
                  </a:lnTo>
                  <a:lnTo>
                    <a:pt x="176784" y="4572"/>
                  </a:lnTo>
                  <a:lnTo>
                    <a:pt x="187452" y="4572"/>
                  </a:lnTo>
                  <a:lnTo>
                    <a:pt x="187452" y="0"/>
                  </a:lnTo>
                  <a:close/>
                </a:path>
                <a:path w="969645" h="5079">
                  <a:moveTo>
                    <a:pt x="201168" y="0"/>
                  </a:moveTo>
                  <a:lnTo>
                    <a:pt x="190500" y="0"/>
                  </a:lnTo>
                  <a:lnTo>
                    <a:pt x="190500" y="4572"/>
                  </a:lnTo>
                  <a:lnTo>
                    <a:pt x="201168" y="4572"/>
                  </a:lnTo>
                  <a:lnTo>
                    <a:pt x="201168" y="0"/>
                  </a:lnTo>
                  <a:close/>
                </a:path>
                <a:path w="969645" h="5079">
                  <a:moveTo>
                    <a:pt x="214884" y="0"/>
                  </a:moveTo>
                  <a:lnTo>
                    <a:pt x="204216" y="0"/>
                  </a:lnTo>
                  <a:lnTo>
                    <a:pt x="204216" y="4572"/>
                  </a:lnTo>
                  <a:lnTo>
                    <a:pt x="214884" y="4572"/>
                  </a:lnTo>
                  <a:lnTo>
                    <a:pt x="214884" y="0"/>
                  </a:lnTo>
                  <a:close/>
                </a:path>
                <a:path w="969645" h="5079">
                  <a:moveTo>
                    <a:pt x="228600" y="0"/>
                  </a:moveTo>
                  <a:lnTo>
                    <a:pt x="217932" y="0"/>
                  </a:lnTo>
                  <a:lnTo>
                    <a:pt x="217932" y="4572"/>
                  </a:lnTo>
                  <a:lnTo>
                    <a:pt x="228600" y="4572"/>
                  </a:lnTo>
                  <a:lnTo>
                    <a:pt x="228600" y="0"/>
                  </a:lnTo>
                  <a:close/>
                </a:path>
                <a:path w="969645" h="5079">
                  <a:moveTo>
                    <a:pt x="242316" y="0"/>
                  </a:moveTo>
                  <a:lnTo>
                    <a:pt x="231648" y="0"/>
                  </a:lnTo>
                  <a:lnTo>
                    <a:pt x="231648" y="4572"/>
                  </a:lnTo>
                  <a:lnTo>
                    <a:pt x="242316" y="4572"/>
                  </a:lnTo>
                  <a:lnTo>
                    <a:pt x="242316" y="0"/>
                  </a:lnTo>
                  <a:close/>
                </a:path>
                <a:path w="969645" h="5079">
                  <a:moveTo>
                    <a:pt x="256032" y="0"/>
                  </a:moveTo>
                  <a:lnTo>
                    <a:pt x="245364" y="0"/>
                  </a:lnTo>
                  <a:lnTo>
                    <a:pt x="245364" y="4572"/>
                  </a:lnTo>
                  <a:lnTo>
                    <a:pt x="256032" y="4572"/>
                  </a:lnTo>
                  <a:lnTo>
                    <a:pt x="256032" y="0"/>
                  </a:lnTo>
                  <a:close/>
                </a:path>
                <a:path w="969645" h="5079">
                  <a:moveTo>
                    <a:pt x="269748" y="0"/>
                  </a:moveTo>
                  <a:lnTo>
                    <a:pt x="259080" y="0"/>
                  </a:lnTo>
                  <a:lnTo>
                    <a:pt x="259080" y="4572"/>
                  </a:lnTo>
                  <a:lnTo>
                    <a:pt x="269748" y="4572"/>
                  </a:lnTo>
                  <a:lnTo>
                    <a:pt x="269748" y="0"/>
                  </a:lnTo>
                  <a:close/>
                </a:path>
                <a:path w="969645" h="5079">
                  <a:moveTo>
                    <a:pt x="283464" y="0"/>
                  </a:moveTo>
                  <a:lnTo>
                    <a:pt x="272796" y="0"/>
                  </a:lnTo>
                  <a:lnTo>
                    <a:pt x="272796" y="4572"/>
                  </a:lnTo>
                  <a:lnTo>
                    <a:pt x="283464" y="4572"/>
                  </a:lnTo>
                  <a:lnTo>
                    <a:pt x="283464" y="0"/>
                  </a:lnTo>
                  <a:close/>
                </a:path>
                <a:path w="969645" h="5079">
                  <a:moveTo>
                    <a:pt x="297180" y="0"/>
                  </a:moveTo>
                  <a:lnTo>
                    <a:pt x="286512" y="0"/>
                  </a:lnTo>
                  <a:lnTo>
                    <a:pt x="286512" y="4572"/>
                  </a:lnTo>
                  <a:lnTo>
                    <a:pt x="297180" y="4572"/>
                  </a:lnTo>
                  <a:lnTo>
                    <a:pt x="297180" y="0"/>
                  </a:lnTo>
                  <a:close/>
                </a:path>
                <a:path w="969645" h="5079">
                  <a:moveTo>
                    <a:pt x="310896" y="0"/>
                  </a:moveTo>
                  <a:lnTo>
                    <a:pt x="300228" y="0"/>
                  </a:lnTo>
                  <a:lnTo>
                    <a:pt x="300228" y="4572"/>
                  </a:lnTo>
                  <a:lnTo>
                    <a:pt x="310896" y="4572"/>
                  </a:lnTo>
                  <a:lnTo>
                    <a:pt x="310896" y="0"/>
                  </a:lnTo>
                  <a:close/>
                </a:path>
                <a:path w="969645" h="5079">
                  <a:moveTo>
                    <a:pt x="324612" y="0"/>
                  </a:moveTo>
                  <a:lnTo>
                    <a:pt x="313944" y="0"/>
                  </a:lnTo>
                  <a:lnTo>
                    <a:pt x="313944" y="4572"/>
                  </a:lnTo>
                  <a:lnTo>
                    <a:pt x="324612" y="4572"/>
                  </a:lnTo>
                  <a:lnTo>
                    <a:pt x="324612" y="0"/>
                  </a:lnTo>
                  <a:close/>
                </a:path>
                <a:path w="969645" h="5079">
                  <a:moveTo>
                    <a:pt x="338328" y="0"/>
                  </a:moveTo>
                  <a:lnTo>
                    <a:pt x="327660" y="0"/>
                  </a:lnTo>
                  <a:lnTo>
                    <a:pt x="327660" y="4572"/>
                  </a:lnTo>
                  <a:lnTo>
                    <a:pt x="338328" y="4572"/>
                  </a:lnTo>
                  <a:lnTo>
                    <a:pt x="338328" y="0"/>
                  </a:lnTo>
                  <a:close/>
                </a:path>
                <a:path w="969645" h="5079">
                  <a:moveTo>
                    <a:pt x="352044" y="0"/>
                  </a:moveTo>
                  <a:lnTo>
                    <a:pt x="341376" y="0"/>
                  </a:lnTo>
                  <a:lnTo>
                    <a:pt x="341376" y="4572"/>
                  </a:lnTo>
                  <a:lnTo>
                    <a:pt x="352044" y="4572"/>
                  </a:lnTo>
                  <a:lnTo>
                    <a:pt x="352044" y="0"/>
                  </a:lnTo>
                  <a:close/>
                </a:path>
                <a:path w="969645" h="5079">
                  <a:moveTo>
                    <a:pt x="365760" y="0"/>
                  </a:moveTo>
                  <a:lnTo>
                    <a:pt x="355092" y="0"/>
                  </a:lnTo>
                  <a:lnTo>
                    <a:pt x="355092" y="4572"/>
                  </a:lnTo>
                  <a:lnTo>
                    <a:pt x="365760" y="4572"/>
                  </a:lnTo>
                  <a:lnTo>
                    <a:pt x="365760" y="0"/>
                  </a:lnTo>
                  <a:close/>
                </a:path>
                <a:path w="969645" h="5079">
                  <a:moveTo>
                    <a:pt x="379476" y="0"/>
                  </a:moveTo>
                  <a:lnTo>
                    <a:pt x="368808" y="0"/>
                  </a:lnTo>
                  <a:lnTo>
                    <a:pt x="368808" y="4572"/>
                  </a:lnTo>
                  <a:lnTo>
                    <a:pt x="379476" y="4572"/>
                  </a:lnTo>
                  <a:lnTo>
                    <a:pt x="379476" y="0"/>
                  </a:lnTo>
                  <a:close/>
                </a:path>
                <a:path w="969645" h="5079">
                  <a:moveTo>
                    <a:pt x="393192" y="0"/>
                  </a:moveTo>
                  <a:lnTo>
                    <a:pt x="382524" y="0"/>
                  </a:lnTo>
                  <a:lnTo>
                    <a:pt x="382524" y="4572"/>
                  </a:lnTo>
                  <a:lnTo>
                    <a:pt x="393192" y="4572"/>
                  </a:lnTo>
                  <a:lnTo>
                    <a:pt x="393192" y="0"/>
                  </a:lnTo>
                  <a:close/>
                </a:path>
                <a:path w="969645" h="5079">
                  <a:moveTo>
                    <a:pt x="406908" y="0"/>
                  </a:moveTo>
                  <a:lnTo>
                    <a:pt x="396240" y="0"/>
                  </a:lnTo>
                  <a:lnTo>
                    <a:pt x="396240" y="4572"/>
                  </a:lnTo>
                  <a:lnTo>
                    <a:pt x="406908" y="4572"/>
                  </a:lnTo>
                  <a:lnTo>
                    <a:pt x="406908" y="0"/>
                  </a:lnTo>
                  <a:close/>
                </a:path>
                <a:path w="969645" h="5079">
                  <a:moveTo>
                    <a:pt x="420624" y="0"/>
                  </a:moveTo>
                  <a:lnTo>
                    <a:pt x="409956" y="0"/>
                  </a:lnTo>
                  <a:lnTo>
                    <a:pt x="409956" y="4572"/>
                  </a:lnTo>
                  <a:lnTo>
                    <a:pt x="420624" y="4572"/>
                  </a:lnTo>
                  <a:lnTo>
                    <a:pt x="420624" y="0"/>
                  </a:lnTo>
                  <a:close/>
                </a:path>
                <a:path w="969645" h="5079">
                  <a:moveTo>
                    <a:pt x="434340" y="0"/>
                  </a:moveTo>
                  <a:lnTo>
                    <a:pt x="423672" y="0"/>
                  </a:lnTo>
                  <a:lnTo>
                    <a:pt x="423672" y="4572"/>
                  </a:lnTo>
                  <a:lnTo>
                    <a:pt x="434340" y="4572"/>
                  </a:lnTo>
                  <a:lnTo>
                    <a:pt x="434340" y="0"/>
                  </a:lnTo>
                  <a:close/>
                </a:path>
                <a:path w="969645" h="5079">
                  <a:moveTo>
                    <a:pt x="448056" y="0"/>
                  </a:moveTo>
                  <a:lnTo>
                    <a:pt x="437388" y="0"/>
                  </a:lnTo>
                  <a:lnTo>
                    <a:pt x="437388" y="4572"/>
                  </a:lnTo>
                  <a:lnTo>
                    <a:pt x="448056" y="4572"/>
                  </a:lnTo>
                  <a:lnTo>
                    <a:pt x="448056" y="0"/>
                  </a:lnTo>
                  <a:close/>
                </a:path>
                <a:path w="969645" h="5079">
                  <a:moveTo>
                    <a:pt x="461772" y="0"/>
                  </a:moveTo>
                  <a:lnTo>
                    <a:pt x="451104" y="0"/>
                  </a:lnTo>
                  <a:lnTo>
                    <a:pt x="451104" y="4572"/>
                  </a:lnTo>
                  <a:lnTo>
                    <a:pt x="461772" y="4572"/>
                  </a:lnTo>
                  <a:lnTo>
                    <a:pt x="461772" y="0"/>
                  </a:lnTo>
                  <a:close/>
                </a:path>
                <a:path w="969645" h="5079">
                  <a:moveTo>
                    <a:pt x="475488" y="0"/>
                  </a:moveTo>
                  <a:lnTo>
                    <a:pt x="464820" y="0"/>
                  </a:lnTo>
                  <a:lnTo>
                    <a:pt x="464820" y="4572"/>
                  </a:lnTo>
                  <a:lnTo>
                    <a:pt x="475488" y="4572"/>
                  </a:lnTo>
                  <a:lnTo>
                    <a:pt x="475488" y="0"/>
                  </a:lnTo>
                  <a:close/>
                </a:path>
                <a:path w="969645" h="5079">
                  <a:moveTo>
                    <a:pt x="489204" y="0"/>
                  </a:moveTo>
                  <a:lnTo>
                    <a:pt x="478536" y="0"/>
                  </a:lnTo>
                  <a:lnTo>
                    <a:pt x="478536" y="4572"/>
                  </a:lnTo>
                  <a:lnTo>
                    <a:pt x="489204" y="4572"/>
                  </a:lnTo>
                  <a:lnTo>
                    <a:pt x="489204" y="0"/>
                  </a:lnTo>
                  <a:close/>
                </a:path>
                <a:path w="969645" h="5079">
                  <a:moveTo>
                    <a:pt x="502920" y="0"/>
                  </a:moveTo>
                  <a:lnTo>
                    <a:pt x="492252" y="0"/>
                  </a:lnTo>
                  <a:lnTo>
                    <a:pt x="492252" y="4572"/>
                  </a:lnTo>
                  <a:lnTo>
                    <a:pt x="502920" y="4572"/>
                  </a:lnTo>
                  <a:lnTo>
                    <a:pt x="502920" y="0"/>
                  </a:lnTo>
                  <a:close/>
                </a:path>
                <a:path w="969645" h="5079">
                  <a:moveTo>
                    <a:pt x="516636" y="0"/>
                  </a:moveTo>
                  <a:lnTo>
                    <a:pt x="505968" y="0"/>
                  </a:lnTo>
                  <a:lnTo>
                    <a:pt x="505968" y="4572"/>
                  </a:lnTo>
                  <a:lnTo>
                    <a:pt x="516636" y="4572"/>
                  </a:lnTo>
                  <a:lnTo>
                    <a:pt x="516636" y="0"/>
                  </a:lnTo>
                  <a:close/>
                </a:path>
                <a:path w="969645" h="5079">
                  <a:moveTo>
                    <a:pt x="530352" y="0"/>
                  </a:moveTo>
                  <a:lnTo>
                    <a:pt x="519684" y="0"/>
                  </a:lnTo>
                  <a:lnTo>
                    <a:pt x="519684" y="4572"/>
                  </a:lnTo>
                  <a:lnTo>
                    <a:pt x="530352" y="4572"/>
                  </a:lnTo>
                  <a:lnTo>
                    <a:pt x="530352" y="0"/>
                  </a:lnTo>
                  <a:close/>
                </a:path>
                <a:path w="969645" h="5079">
                  <a:moveTo>
                    <a:pt x="544068" y="0"/>
                  </a:moveTo>
                  <a:lnTo>
                    <a:pt x="533400" y="0"/>
                  </a:lnTo>
                  <a:lnTo>
                    <a:pt x="533400" y="4572"/>
                  </a:lnTo>
                  <a:lnTo>
                    <a:pt x="544068" y="4572"/>
                  </a:lnTo>
                  <a:lnTo>
                    <a:pt x="544068" y="0"/>
                  </a:lnTo>
                  <a:close/>
                </a:path>
                <a:path w="969645" h="5079">
                  <a:moveTo>
                    <a:pt x="557784" y="0"/>
                  </a:moveTo>
                  <a:lnTo>
                    <a:pt x="547116" y="0"/>
                  </a:lnTo>
                  <a:lnTo>
                    <a:pt x="547116" y="4572"/>
                  </a:lnTo>
                  <a:lnTo>
                    <a:pt x="557784" y="4572"/>
                  </a:lnTo>
                  <a:lnTo>
                    <a:pt x="557784" y="0"/>
                  </a:lnTo>
                  <a:close/>
                </a:path>
                <a:path w="969645" h="5079">
                  <a:moveTo>
                    <a:pt x="571500" y="0"/>
                  </a:moveTo>
                  <a:lnTo>
                    <a:pt x="560832" y="0"/>
                  </a:lnTo>
                  <a:lnTo>
                    <a:pt x="560832" y="4572"/>
                  </a:lnTo>
                  <a:lnTo>
                    <a:pt x="571500" y="4572"/>
                  </a:lnTo>
                  <a:lnTo>
                    <a:pt x="571500" y="0"/>
                  </a:lnTo>
                  <a:close/>
                </a:path>
                <a:path w="969645" h="5079">
                  <a:moveTo>
                    <a:pt x="585216" y="0"/>
                  </a:moveTo>
                  <a:lnTo>
                    <a:pt x="574548" y="0"/>
                  </a:lnTo>
                  <a:lnTo>
                    <a:pt x="574548" y="4572"/>
                  </a:lnTo>
                  <a:lnTo>
                    <a:pt x="585216" y="4572"/>
                  </a:lnTo>
                  <a:lnTo>
                    <a:pt x="585216" y="0"/>
                  </a:lnTo>
                  <a:close/>
                </a:path>
                <a:path w="969645" h="5079">
                  <a:moveTo>
                    <a:pt x="598932" y="0"/>
                  </a:moveTo>
                  <a:lnTo>
                    <a:pt x="588264" y="0"/>
                  </a:lnTo>
                  <a:lnTo>
                    <a:pt x="588264" y="4572"/>
                  </a:lnTo>
                  <a:lnTo>
                    <a:pt x="598932" y="4572"/>
                  </a:lnTo>
                  <a:lnTo>
                    <a:pt x="598932" y="0"/>
                  </a:lnTo>
                  <a:close/>
                </a:path>
                <a:path w="969645" h="5079">
                  <a:moveTo>
                    <a:pt x="612648" y="0"/>
                  </a:moveTo>
                  <a:lnTo>
                    <a:pt x="601980" y="0"/>
                  </a:lnTo>
                  <a:lnTo>
                    <a:pt x="601980" y="4572"/>
                  </a:lnTo>
                  <a:lnTo>
                    <a:pt x="612648" y="4572"/>
                  </a:lnTo>
                  <a:lnTo>
                    <a:pt x="612648" y="0"/>
                  </a:lnTo>
                  <a:close/>
                </a:path>
                <a:path w="969645" h="5079">
                  <a:moveTo>
                    <a:pt x="626364" y="0"/>
                  </a:moveTo>
                  <a:lnTo>
                    <a:pt x="615696" y="0"/>
                  </a:lnTo>
                  <a:lnTo>
                    <a:pt x="615696" y="4572"/>
                  </a:lnTo>
                  <a:lnTo>
                    <a:pt x="626364" y="4572"/>
                  </a:lnTo>
                  <a:lnTo>
                    <a:pt x="626364" y="0"/>
                  </a:lnTo>
                  <a:close/>
                </a:path>
                <a:path w="969645" h="5079">
                  <a:moveTo>
                    <a:pt x="640080" y="0"/>
                  </a:moveTo>
                  <a:lnTo>
                    <a:pt x="629412" y="0"/>
                  </a:lnTo>
                  <a:lnTo>
                    <a:pt x="629412" y="4572"/>
                  </a:lnTo>
                  <a:lnTo>
                    <a:pt x="640080" y="4572"/>
                  </a:lnTo>
                  <a:lnTo>
                    <a:pt x="640080" y="0"/>
                  </a:lnTo>
                  <a:close/>
                </a:path>
                <a:path w="969645" h="5079">
                  <a:moveTo>
                    <a:pt x="653796" y="0"/>
                  </a:moveTo>
                  <a:lnTo>
                    <a:pt x="643128" y="0"/>
                  </a:lnTo>
                  <a:lnTo>
                    <a:pt x="643128" y="4572"/>
                  </a:lnTo>
                  <a:lnTo>
                    <a:pt x="653796" y="4572"/>
                  </a:lnTo>
                  <a:lnTo>
                    <a:pt x="653796" y="0"/>
                  </a:lnTo>
                  <a:close/>
                </a:path>
                <a:path w="969645" h="5079">
                  <a:moveTo>
                    <a:pt x="667512" y="0"/>
                  </a:moveTo>
                  <a:lnTo>
                    <a:pt x="656844" y="0"/>
                  </a:lnTo>
                  <a:lnTo>
                    <a:pt x="656844" y="4572"/>
                  </a:lnTo>
                  <a:lnTo>
                    <a:pt x="667512" y="4572"/>
                  </a:lnTo>
                  <a:lnTo>
                    <a:pt x="667512" y="0"/>
                  </a:lnTo>
                  <a:close/>
                </a:path>
                <a:path w="969645" h="5079">
                  <a:moveTo>
                    <a:pt x="681228" y="0"/>
                  </a:moveTo>
                  <a:lnTo>
                    <a:pt x="670560" y="0"/>
                  </a:lnTo>
                  <a:lnTo>
                    <a:pt x="670560" y="4572"/>
                  </a:lnTo>
                  <a:lnTo>
                    <a:pt x="681228" y="4572"/>
                  </a:lnTo>
                  <a:lnTo>
                    <a:pt x="681228" y="0"/>
                  </a:lnTo>
                  <a:close/>
                </a:path>
                <a:path w="969645" h="5079">
                  <a:moveTo>
                    <a:pt x="694944" y="0"/>
                  </a:moveTo>
                  <a:lnTo>
                    <a:pt x="684276" y="0"/>
                  </a:lnTo>
                  <a:lnTo>
                    <a:pt x="684276" y="4572"/>
                  </a:lnTo>
                  <a:lnTo>
                    <a:pt x="694944" y="4572"/>
                  </a:lnTo>
                  <a:lnTo>
                    <a:pt x="694944" y="0"/>
                  </a:lnTo>
                  <a:close/>
                </a:path>
                <a:path w="969645" h="5079">
                  <a:moveTo>
                    <a:pt x="708660" y="0"/>
                  </a:moveTo>
                  <a:lnTo>
                    <a:pt x="697992" y="0"/>
                  </a:lnTo>
                  <a:lnTo>
                    <a:pt x="697992" y="4572"/>
                  </a:lnTo>
                  <a:lnTo>
                    <a:pt x="708660" y="4572"/>
                  </a:lnTo>
                  <a:lnTo>
                    <a:pt x="708660" y="0"/>
                  </a:lnTo>
                  <a:close/>
                </a:path>
                <a:path w="969645" h="5079">
                  <a:moveTo>
                    <a:pt x="722376" y="0"/>
                  </a:moveTo>
                  <a:lnTo>
                    <a:pt x="711708" y="0"/>
                  </a:lnTo>
                  <a:lnTo>
                    <a:pt x="711708" y="4572"/>
                  </a:lnTo>
                  <a:lnTo>
                    <a:pt x="722376" y="4572"/>
                  </a:lnTo>
                  <a:lnTo>
                    <a:pt x="722376" y="0"/>
                  </a:lnTo>
                  <a:close/>
                </a:path>
                <a:path w="969645" h="5079">
                  <a:moveTo>
                    <a:pt x="736092" y="0"/>
                  </a:moveTo>
                  <a:lnTo>
                    <a:pt x="725424" y="0"/>
                  </a:lnTo>
                  <a:lnTo>
                    <a:pt x="725424" y="4572"/>
                  </a:lnTo>
                  <a:lnTo>
                    <a:pt x="736092" y="4572"/>
                  </a:lnTo>
                  <a:lnTo>
                    <a:pt x="736092" y="0"/>
                  </a:lnTo>
                  <a:close/>
                </a:path>
                <a:path w="969645" h="5079">
                  <a:moveTo>
                    <a:pt x="749808" y="0"/>
                  </a:moveTo>
                  <a:lnTo>
                    <a:pt x="739140" y="0"/>
                  </a:lnTo>
                  <a:lnTo>
                    <a:pt x="739140" y="4572"/>
                  </a:lnTo>
                  <a:lnTo>
                    <a:pt x="749808" y="4572"/>
                  </a:lnTo>
                  <a:lnTo>
                    <a:pt x="749808" y="0"/>
                  </a:lnTo>
                  <a:close/>
                </a:path>
                <a:path w="969645" h="5079">
                  <a:moveTo>
                    <a:pt x="763524" y="0"/>
                  </a:moveTo>
                  <a:lnTo>
                    <a:pt x="752856" y="0"/>
                  </a:lnTo>
                  <a:lnTo>
                    <a:pt x="752856" y="4572"/>
                  </a:lnTo>
                  <a:lnTo>
                    <a:pt x="763524" y="4572"/>
                  </a:lnTo>
                  <a:lnTo>
                    <a:pt x="763524" y="0"/>
                  </a:lnTo>
                  <a:close/>
                </a:path>
                <a:path w="969645" h="5079">
                  <a:moveTo>
                    <a:pt x="777240" y="0"/>
                  </a:moveTo>
                  <a:lnTo>
                    <a:pt x="766572" y="0"/>
                  </a:lnTo>
                  <a:lnTo>
                    <a:pt x="766572" y="4572"/>
                  </a:lnTo>
                  <a:lnTo>
                    <a:pt x="777240" y="4572"/>
                  </a:lnTo>
                  <a:lnTo>
                    <a:pt x="777240" y="0"/>
                  </a:lnTo>
                  <a:close/>
                </a:path>
                <a:path w="969645" h="5079">
                  <a:moveTo>
                    <a:pt x="790956" y="0"/>
                  </a:moveTo>
                  <a:lnTo>
                    <a:pt x="780288" y="0"/>
                  </a:lnTo>
                  <a:lnTo>
                    <a:pt x="780288" y="4572"/>
                  </a:lnTo>
                  <a:lnTo>
                    <a:pt x="790956" y="4572"/>
                  </a:lnTo>
                  <a:lnTo>
                    <a:pt x="790956" y="0"/>
                  </a:lnTo>
                  <a:close/>
                </a:path>
                <a:path w="969645" h="5079">
                  <a:moveTo>
                    <a:pt x="804672" y="0"/>
                  </a:moveTo>
                  <a:lnTo>
                    <a:pt x="794004" y="0"/>
                  </a:lnTo>
                  <a:lnTo>
                    <a:pt x="794004" y="4572"/>
                  </a:lnTo>
                  <a:lnTo>
                    <a:pt x="804672" y="4572"/>
                  </a:lnTo>
                  <a:lnTo>
                    <a:pt x="804672" y="0"/>
                  </a:lnTo>
                  <a:close/>
                </a:path>
                <a:path w="969645" h="5079">
                  <a:moveTo>
                    <a:pt x="818388" y="0"/>
                  </a:moveTo>
                  <a:lnTo>
                    <a:pt x="807720" y="0"/>
                  </a:lnTo>
                  <a:lnTo>
                    <a:pt x="807720" y="4572"/>
                  </a:lnTo>
                  <a:lnTo>
                    <a:pt x="818388" y="4572"/>
                  </a:lnTo>
                  <a:lnTo>
                    <a:pt x="818388" y="0"/>
                  </a:lnTo>
                  <a:close/>
                </a:path>
                <a:path w="969645" h="5079">
                  <a:moveTo>
                    <a:pt x="832104" y="0"/>
                  </a:moveTo>
                  <a:lnTo>
                    <a:pt x="821436" y="0"/>
                  </a:lnTo>
                  <a:lnTo>
                    <a:pt x="821436" y="4572"/>
                  </a:lnTo>
                  <a:lnTo>
                    <a:pt x="832104" y="4572"/>
                  </a:lnTo>
                  <a:lnTo>
                    <a:pt x="832104" y="0"/>
                  </a:lnTo>
                  <a:close/>
                </a:path>
                <a:path w="969645" h="5079">
                  <a:moveTo>
                    <a:pt x="845820" y="0"/>
                  </a:moveTo>
                  <a:lnTo>
                    <a:pt x="835152" y="0"/>
                  </a:lnTo>
                  <a:lnTo>
                    <a:pt x="835152" y="4572"/>
                  </a:lnTo>
                  <a:lnTo>
                    <a:pt x="845820" y="4572"/>
                  </a:lnTo>
                  <a:lnTo>
                    <a:pt x="845820" y="0"/>
                  </a:lnTo>
                  <a:close/>
                </a:path>
                <a:path w="969645" h="5079">
                  <a:moveTo>
                    <a:pt x="859536" y="0"/>
                  </a:moveTo>
                  <a:lnTo>
                    <a:pt x="848868" y="0"/>
                  </a:lnTo>
                  <a:lnTo>
                    <a:pt x="848868" y="4572"/>
                  </a:lnTo>
                  <a:lnTo>
                    <a:pt x="859536" y="4572"/>
                  </a:lnTo>
                  <a:lnTo>
                    <a:pt x="859536" y="0"/>
                  </a:lnTo>
                  <a:close/>
                </a:path>
                <a:path w="969645" h="5079">
                  <a:moveTo>
                    <a:pt x="873252" y="0"/>
                  </a:moveTo>
                  <a:lnTo>
                    <a:pt x="862584" y="0"/>
                  </a:lnTo>
                  <a:lnTo>
                    <a:pt x="862584" y="4572"/>
                  </a:lnTo>
                  <a:lnTo>
                    <a:pt x="873252" y="4572"/>
                  </a:lnTo>
                  <a:lnTo>
                    <a:pt x="873252" y="0"/>
                  </a:lnTo>
                  <a:close/>
                </a:path>
                <a:path w="969645" h="5079">
                  <a:moveTo>
                    <a:pt x="886968" y="0"/>
                  </a:moveTo>
                  <a:lnTo>
                    <a:pt x="876300" y="0"/>
                  </a:lnTo>
                  <a:lnTo>
                    <a:pt x="876300" y="4572"/>
                  </a:lnTo>
                  <a:lnTo>
                    <a:pt x="886968" y="4572"/>
                  </a:lnTo>
                  <a:lnTo>
                    <a:pt x="886968" y="0"/>
                  </a:lnTo>
                  <a:close/>
                </a:path>
                <a:path w="969645" h="5079">
                  <a:moveTo>
                    <a:pt x="900684" y="0"/>
                  </a:moveTo>
                  <a:lnTo>
                    <a:pt x="890016" y="0"/>
                  </a:lnTo>
                  <a:lnTo>
                    <a:pt x="890016" y="4572"/>
                  </a:lnTo>
                  <a:lnTo>
                    <a:pt x="900684" y="4572"/>
                  </a:lnTo>
                  <a:lnTo>
                    <a:pt x="900684" y="0"/>
                  </a:lnTo>
                  <a:close/>
                </a:path>
                <a:path w="969645" h="5079">
                  <a:moveTo>
                    <a:pt x="914400" y="0"/>
                  </a:moveTo>
                  <a:lnTo>
                    <a:pt x="903732" y="0"/>
                  </a:lnTo>
                  <a:lnTo>
                    <a:pt x="903732" y="4572"/>
                  </a:lnTo>
                  <a:lnTo>
                    <a:pt x="914400" y="4572"/>
                  </a:lnTo>
                  <a:lnTo>
                    <a:pt x="914400" y="0"/>
                  </a:lnTo>
                  <a:close/>
                </a:path>
                <a:path w="969645" h="5079">
                  <a:moveTo>
                    <a:pt x="928116" y="0"/>
                  </a:moveTo>
                  <a:lnTo>
                    <a:pt x="917448" y="0"/>
                  </a:lnTo>
                  <a:lnTo>
                    <a:pt x="917448" y="4572"/>
                  </a:lnTo>
                  <a:lnTo>
                    <a:pt x="928116" y="4572"/>
                  </a:lnTo>
                  <a:lnTo>
                    <a:pt x="928116" y="0"/>
                  </a:lnTo>
                  <a:close/>
                </a:path>
                <a:path w="969645" h="5079">
                  <a:moveTo>
                    <a:pt x="941832" y="0"/>
                  </a:moveTo>
                  <a:lnTo>
                    <a:pt x="931164" y="0"/>
                  </a:lnTo>
                  <a:lnTo>
                    <a:pt x="931164" y="4572"/>
                  </a:lnTo>
                  <a:lnTo>
                    <a:pt x="941832" y="4572"/>
                  </a:lnTo>
                  <a:lnTo>
                    <a:pt x="941832" y="0"/>
                  </a:lnTo>
                  <a:close/>
                </a:path>
                <a:path w="969645" h="5079">
                  <a:moveTo>
                    <a:pt x="955548" y="0"/>
                  </a:moveTo>
                  <a:lnTo>
                    <a:pt x="944880" y="0"/>
                  </a:lnTo>
                  <a:lnTo>
                    <a:pt x="944880" y="4572"/>
                  </a:lnTo>
                  <a:lnTo>
                    <a:pt x="955548" y="4572"/>
                  </a:lnTo>
                  <a:lnTo>
                    <a:pt x="955548" y="0"/>
                  </a:lnTo>
                  <a:close/>
                </a:path>
                <a:path w="969645" h="5079">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66" name="object 66"/>
            <p:cNvSpPr/>
            <p:nvPr/>
          </p:nvSpPr>
          <p:spPr>
            <a:xfrm>
              <a:off x="7877556" y="3576827"/>
              <a:ext cx="970915" cy="5080"/>
            </a:xfrm>
            <a:custGeom>
              <a:avLst/>
              <a:gdLst/>
              <a:ahLst/>
              <a:cxnLst/>
              <a:rect l="l" t="t" r="r" b="b"/>
              <a:pathLst>
                <a:path w="970915" h="5079">
                  <a:moveTo>
                    <a:pt x="10668" y="0"/>
                  </a:moveTo>
                  <a:lnTo>
                    <a:pt x="0" y="0"/>
                  </a:lnTo>
                  <a:lnTo>
                    <a:pt x="0" y="4572"/>
                  </a:lnTo>
                  <a:lnTo>
                    <a:pt x="10668" y="4572"/>
                  </a:lnTo>
                  <a:lnTo>
                    <a:pt x="10668" y="0"/>
                  </a:lnTo>
                  <a:close/>
                </a:path>
                <a:path w="970915" h="5079">
                  <a:moveTo>
                    <a:pt x="24384" y="0"/>
                  </a:moveTo>
                  <a:lnTo>
                    <a:pt x="13716" y="0"/>
                  </a:lnTo>
                  <a:lnTo>
                    <a:pt x="13716" y="4572"/>
                  </a:lnTo>
                  <a:lnTo>
                    <a:pt x="24384" y="4572"/>
                  </a:lnTo>
                  <a:lnTo>
                    <a:pt x="24384" y="0"/>
                  </a:lnTo>
                  <a:close/>
                </a:path>
                <a:path w="970915" h="5079">
                  <a:moveTo>
                    <a:pt x="38100" y="0"/>
                  </a:moveTo>
                  <a:lnTo>
                    <a:pt x="27432" y="0"/>
                  </a:lnTo>
                  <a:lnTo>
                    <a:pt x="27432" y="4572"/>
                  </a:lnTo>
                  <a:lnTo>
                    <a:pt x="38100" y="4572"/>
                  </a:lnTo>
                  <a:lnTo>
                    <a:pt x="38100" y="0"/>
                  </a:lnTo>
                  <a:close/>
                </a:path>
                <a:path w="970915" h="5079">
                  <a:moveTo>
                    <a:pt x="51816" y="0"/>
                  </a:moveTo>
                  <a:lnTo>
                    <a:pt x="41148" y="0"/>
                  </a:lnTo>
                  <a:lnTo>
                    <a:pt x="41148" y="4572"/>
                  </a:lnTo>
                  <a:lnTo>
                    <a:pt x="51816" y="4572"/>
                  </a:lnTo>
                  <a:lnTo>
                    <a:pt x="51816" y="0"/>
                  </a:lnTo>
                  <a:close/>
                </a:path>
                <a:path w="970915" h="5079">
                  <a:moveTo>
                    <a:pt x="65532" y="0"/>
                  </a:moveTo>
                  <a:lnTo>
                    <a:pt x="54864" y="0"/>
                  </a:lnTo>
                  <a:lnTo>
                    <a:pt x="54864" y="4572"/>
                  </a:lnTo>
                  <a:lnTo>
                    <a:pt x="65532" y="4572"/>
                  </a:lnTo>
                  <a:lnTo>
                    <a:pt x="65532" y="0"/>
                  </a:lnTo>
                  <a:close/>
                </a:path>
                <a:path w="970915" h="5079">
                  <a:moveTo>
                    <a:pt x="79248" y="0"/>
                  </a:moveTo>
                  <a:lnTo>
                    <a:pt x="68580" y="0"/>
                  </a:lnTo>
                  <a:lnTo>
                    <a:pt x="68580" y="4572"/>
                  </a:lnTo>
                  <a:lnTo>
                    <a:pt x="79248" y="4572"/>
                  </a:lnTo>
                  <a:lnTo>
                    <a:pt x="79248" y="0"/>
                  </a:lnTo>
                  <a:close/>
                </a:path>
                <a:path w="970915" h="5079">
                  <a:moveTo>
                    <a:pt x="92964" y="0"/>
                  </a:moveTo>
                  <a:lnTo>
                    <a:pt x="82296" y="0"/>
                  </a:lnTo>
                  <a:lnTo>
                    <a:pt x="82296" y="4572"/>
                  </a:lnTo>
                  <a:lnTo>
                    <a:pt x="92964" y="4572"/>
                  </a:lnTo>
                  <a:lnTo>
                    <a:pt x="92964" y="0"/>
                  </a:lnTo>
                  <a:close/>
                </a:path>
                <a:path w="970915" h="5079">
                  <a:moveTo>
                    <a:pt x="106680" y="0"/>
                  </a:moveTo>
                  <a:lnTo>
                    <a:pt x="96012" y="0"/>
                  </a:lnTo>
                  <a:lnTo>
                    <a:pt x="96012" y="4572"/>
                  </a:lnTo>
                  <a:lnTo>
                    <a:pt x="106680" y="4572"/>
                  </a:lnTo>
                  <a:lnTo>
                    <a:pt x="106680" y="0"/>
                  </a:lnTo>
                  <a:close/>
                </a:path>
                <a:path w="970915" h="5079">
                  <a:moveTo>
                    <a:pt x="120396" y="0"/>
                  </a:moveTo>
                  <a:lnTo>
                    <a:pt x="109728" y="0"/>
                  </a:lnTo>
                  <a:lnTo>
                    <a:pt x="109728" y="4572"/>
                  </a:lnTo>
                  <a:lnTo>
                    <a:pt x="120396" y="4572"/>
                  </a:lnTo>
                  <a:lnTo>
                    <a:pt x="120396" y="0"/>
                  </a:lnTo>
                  <a:close/>
                </a:path>
                <a:path w="970915" h="5079">
                  <a:moveTo>
                    <a:pt x="134112" y="0"/>
                  </a:moveTo>
                  <a:lnTo>
                    <a:pt x="123444" y="0"/>
                  </a:lnTo>
                  <a:lnTo>
                    <a:pt x="123444" y="4572"/>
                  </a:lnTo>
                  <a:lnTo>
                    <a:pt x="134112" y="4572"/>
                  </a:lnTo>
                  <a:lnTo>
                    <a:pt x="134112" y="0"/>
                  </a:lnTo>
                  <a:close/>
                </a:path>
                <a:path w="970915" h="5079">
                  <a:moveTo>
                    <a:pt x="147828" y="0"/>
                  </a:moveTo>
                  <a:lnTo>
                    <a:pt x="137160" y="0"/>
                  </a:lnTo>
                  <a:lnTo>
                    <a:pt x="137160" y="4572"/>
                  </a:lnTo>
                  <a:lnTo>
                    <a:pt x="147828" y="4572"/>
                  </a:lnTo>
                  <a:lnTo>
                    <a:pt x="147828" y="0"/>
                  </a:lnTo>
                  <a:close/>
                </a:path>
                <a:path w="970915" h="5079">
                  <a:moveTo>
                    <a:pt x="161544" y="0"/>
                  </a:moveTo>
                  <a:lnTo>
                    <a:pt x="150876" y="0"/>
                  </a:lnTo>
                  <a:lnTo>
                    <a:pt x="150876" y="4572"/>
                  </a:lnTo>
                  <a:lnTo>
                    <a:pt x="161544" y="4572"/>
                  </a:lnTo>
                  <a:lnTo>
                    <a:pt x="161544" y="0"/>
                  </a:lnTo>
                  <a:close/>
                </a:path>
                <a:path w="970915" h="5079">
                  <a:moveTo>
                    <a:pt x="175260" y="0"/>
                  </a:moveTo>
                  <a:lnTo>
                    <a:pt x="164592" y="0"/>
                  </a:lnTo>
                  <a:lnTo>
                    <a:pt x="164592" y="4572"/>
                  </a:lnTo>
                  <a:lnTo>
                    <a:pt x="175260" y="4572"/>
                  </a:lnTo>
                  <a:lnTo>
                    <a:pt x="175260" y="0"/>
                  </a:lnTo>
                  <a:close/>
                </a:path>
                <a:path w="970915" h="5079">
                  <a:moveTo>
                    <a:pt x="188976" y="0"/>
                  </a:moveTo>
                  <a:lnTo>
                    <a:pt x="178308" y="0"/>
                  </a:lnTo>
                  <a:lnTo>
                    <a:pt x="178308" y="4572"/>
                  </a:lnTo>
                  <a:lnTo>
                    <a:pt x="188976" y="4572"/>
                  </a:lnTo>
                  <a:lnTo>
                    <a:pt x="188976" y="0"/>
                  </a:lnTo>
                  <a:close/>
                </a:path>
                <a:path w="970915" h="5079">
                  <a:moveTo>
                    <a:pt x="202692" y="0"/>
                  </a:moveTo>
                  <a:lnTo>
                    <a:pt x="192024" y="0"/>
                  </a:lnTo>
                  <a:lnTo>
                    <a:pt x="192024" y="4572"/>
                  </a:lnTo>
                  <a:lnTo>
                    <a:pt x="202692" y="4572"/>
                  </a:lnTo>
                  <a:lnTo>
                    <a:pt x="202692" y="0"/>
                  </a:lnTo>
                  <a:close/>
                </a:path>
                <a:path w="970915" h="5079">
                  <a:moveTo>
                    <a:pt x="216408" y="0"/>
                  </a:moveTo>
                  <a:lnTo>
                    <a:pt x="205740" y="0"/>
                  </a:lnTo>
                  <a:lnTo>
                    <a:pt x="205740" y="4572"/>
                  </a:lnTo>
                  <a:lnTo>
                    <a:pt x="216408" y="4572"/>
                  </a:lnTo>
                  <a:lnTo>
                    <a:pt x="216408" y="0"/>
                  </a:lnTo>
                  <a:close/>
                </a:path>
                <a:path w="970915" h="5079">
                  <a:moveTo>
                    <a:pt x="230124" y="0"/>
                  </a:moveTo>
                  <a:lnTo>
                    <a:pt x="219456" y="0"/>
                  </a:lnTo>
                  <a:lnTo>
                    <a:pt x="219456" y="4572"/>
                  </a:lnTo>
                  <a:lnTo>
                    <a:pt x="230124" y="4572"/>
                  </a:lnTo>
                  <a:lnTo>
                    <a:pt x="230124" y="0"/>
                  </a:lnTo>
                  <a:close/>
                </a:path>
                <a:path w="970915" h="5079">
                  <a:moveTo>
                    <a:pt x="243840" y="0"/>
                  </a:moveTo>
                  <a:lnTo>
                    <a:pt x="233172" y="0"/>
                  </a:lnTo>
                  <a:lnTo>
                    <a:pt x="233172" y="4572"/>
                  </a:lnTo>
                  <a:lnTo>
                    <a:pt x="243840" y="4572"/>
                  </a:lnTo>
                  <a:lnTo>
                    <a:pt x="243840" y="0"/>
                  </a:lnTo>
                  <a:close/>
                </a:path>
                <a:path w="970915" h="5079">
                  <a:moveTo>
                    <a:pt x="257556" y="0"/>
                  </a:moveTo>
                  <a:lnTo>
                    <a:pt x="246888" y="0"/>
                  </a:lnTo>
                  <a:lnTo>
                    <a:pt x="246888" y="4572"/>
                  </a:lnTo>
                  <a:lnTo>
                    <a:pt x="257556" y="4572"/>
                  </a:lnTo>
                  <a:lnTo>
                    <a:pt x="257556" y="0"/>
                  </a:lnTo>
                  <a:close/>
                </a:path>
                <a:path w="970915" h="5079">
                  <a:moveTo>
                    <a:pt x="271272" y="0"/>
                  </a:moveTo>
                  <a:lnTo>
                    <a:pt x="260604" y="0"/>
                  </a:lnTo>
                  <a:lnTo>
                    <a:pt x="260604" y="4572"/>
                  </a:lnTo>
                  <a:lnTo>
                    <a:pt x="271272" y="4572"/>
                  </a:lnTo>
                  <a:lnTo>
                    <a:pt x="271272" y="0"/>
                  </a:lnTo>
                  <a:close/>
                </a:path>
                <a:path w="970915" h="5079">
                  <a:moveTo>
                    <a:pt x="284988" y="0"/>
                  </a:moveTo>
                  <a:lnTo>
                    <a:pt x="274320" y="0"/>
                  </a:lnTo>
                  <a:lnTo>
                    <a:pt x="274320" y="4572"/>
                  </a:lnTo>
                  <a:lnTo>
                    <a:pt x="284988" y="4572"/>
                  </a:lnTo>
                  <a:lnTo>
                    <a:pt x="284988" y="0"/>
                  </a:lnTo>
                  <a:close/>
                </a:path>
                <a:path w="970915" h="5079">
                  <a:moveTo>
                    <a:pt x="298704" y="0"/>
                  </a:moveTo>
                  <a:lnTo>
                    <a:pt x="288036" y="0"/>
                  </a:lnTo>
                  <a:lnTo>
                    <a:pt x="288036" y="4572"/>
                  </a:lnTo>
                  <a:lnTo>
                    <a:pt x="298704" y="4572"/>
                  </a:lnTo>
                  <a:lnTo>
                    <a:pt x="298704" y="0"/>
                  </a:lnTo>
                  <a:close/>
                </a:path>
                <a:path w="970915" h="5079">
                  <a:moveTo>
                    <a:pt x="312420" y="0"/>
                  </a:moveTo>
                  <a:lnTo>
                    <a:pt x="301752" y="0"/>
                  </a:lnTo>
                  <a:lnTo>
                    <a:pt x="301752" y="4572"/>
                  </a:lnTo>
                  <a:lnTo>
                    <a:pt x="312420" y="4572"/>
                  </a:lnTo>
                  <a:lnTo>
                    <a:pt x="312420" y="0"/>
                  </a:lnTo>
                  <a:close/>
                </a:path>
                <a:path w="970915" h="5079">
                  <a:moveTo>
                    <a:pt x="326136" y="0"/>
                  </a:moveTo>
                  <a:lnTo>
                    <a:pt x="315468" y="0"/>
                  </a:lnTo>
                  <a:lnTo>
                    <a:pt x="315468" y="4572"/>
                  </a:lnTo>
                  <a:lnTo>
                    <a:pt x="326136" y="4572"/>
                  </a:lnTo>
                  <a:lnTo>
                    <a:pt x="326136" y="0"/>
                  </a:lnTo>
                  <a:close/>
                </a:path>
                <a:path w="970915" h="5079">
                  <a:moveTo>
                    <a:pt x="339852" y="0"/>
                  </a:moveTo>
                  <a:lnTo>
                    <a:pt x="329184" y="0"/>
                  </a:lnTo>
                  <a:lnTo>
                    <a:pt x="329184" y="4572"/>
                  </a:lnTo>
                  <a:lnTo>
                    <a:pt x="339852" y="4572"/>
                  </a:lnTo>
                  <a:lnTo>
                    <a:pt x="339852" y="0"/>
                  </a:lnTo>
                  <a:close/>
                </a:path>
                <a:path w="970915" h="5079">
                  <a:moveTo>
                    <a:pt x="353568" y="0"/>
                  </a:moveTo>
                  <a:lnTo>
                    <a:pt x="342900" y="0"/>
                  </a:lnTo>
                  <a:lnTo>
                    <a:pt x="342900" y="4572"/>
                  </a:lnTo>
                  <a:lnTo>
                    <a:pt x="353568" y="4572"/>
                  </a:lnTo>
                  <a:lnTo>
                    <a:pt x="353568" y="0"/>
                  </a:lnTo>
                  <a:close/>
                </a:path>
                <a:path w="970915" h="5079">
                  <a:moveTo>
                    <a:pt x="367284" y="0"/>
                  </a:moveTo>
                  <a:lnTo>
                    <a:pt x="356616" y="0"/>
                  </a:lnTo>
                  <a:lnTo>
                    <a:pt x="356616" y="4572"/>
                  </a:lnTo>
                  <a:lnTo>
                    <a:pt x="367284" y="4572"/>
                  </a:lnTo>
                  <a:lnTo>
                    <a:pt x="367284" y="0"/>
                  </a:lnTo>
                  <a:close/>
                </a:path>
                <a:path w="970915" h="5079">
                  <a:moveTo>
                    <a:pt x="381000" y="0"/>
                  </a:moveTo>
                  <a:lnTo>
                    <a:pt x="370332" y="0"/>
                  </a:lnTo>
                  <a:lnTo>
                    <a:pt x="370332" y="4572"/>
                  </a:lnTo>
                  <a:lnTo>
                    <a:pt x="381000" y="4572"/>
                  </a:lnTo>
                  <a:lnTo>
                    <a:pt x="381000" y="0"/>
                  </a:lnTo>
                  <a:close/>
                </a:path>
                <a:path w="970915" h="5079">
                  <a:moveTo>
                    <a:pt x="394716" y="0"/>
                  </a:moveTo>
                  <a:lnTo>
                    <a:pt x="384048" y="0"/>
                  </a:lnTo>
                  <a:lnTo>
                    <a:pt x="384048" y="4572"/>
                  </a:lnTo>
                  <a:lnTo>
                    <a:pt x="394716" y="4572"/>
                  </a:lnTo>
                  <a:lnTo>
                    <a:pt x="394716" y="0"/>
                  </a:lnTo>
                  <a:close/>
                </a:path>
                <a:path w="970915" h="5079">
                  <a:moveTo>
                    <a:pt x="408432" y="0"/>
                  </a:moveTo>
                  <a:lnTo>
                    <a:pt x="397764" y="0"/>
                  </a:lnTo>
                  <a:lnTo>
                    <a:pt x="397764" y="4572"/>
                  </a:lnTo>
                  <a:lnTo>
                    <a:pt x="408432" y="4572"/>
                  </a:lnTo>
                  <a:lnTo>
                    <a:pt x="408432" y="0"/>
                  </a:lnTo>
                  <a:close/>
                </a:path>
                <a:path w="970915" h="5079">
                  <a:moveTo>
                    <a:pt x="422148" y="0"/>
                  </a:moveTo>
                  <a:lnTo>
                    <a:pt x="411480" y="0"/>
                  </a:lnTo>
                  <a:lnTo>
                    <a:pt x="411480" y="4572"/>
                  </a:lnTo>
                  <a:lnTo>
                    <a:pt x="422148" y="4572"/>
                  </a:lnTo>
                  <a:lnTo>
                    <a:pt x="422148" y="0"/>
                  </a:lnTo>
                  <a:close/>
                </a:path>
                <a:path w="970915" h="5079">
                  <a:moveTo>
                    <a:pt x="435864" y="0"/>
                  </a:moveTo>
                  <a:lnTo>
                    <a:pt x="425196" y="0"/>
                  </a:lnTo>
                  <a:lnTo>
                    <a:pt x="425196" y="4572"/>
                  </a:lnTo>
                  <a:lnTo>
                    <a:pt x="435864" y="4572"/>
                  </a:lnTo>
                  <a:lnTo>
                    <a:pt x="435864" y="0"/>
                  </a:lnTo>
                  <a:close/>
                </a:path>
                <a:path w="970915" h="5079">
                  <a:moveTo>
                    <a:pt x="449580" y="0"/>
                  </a:moveTo>
                  <a:lnTo>
                    <a:pt x="438912" y="0"/>
                  </a:lnTo>
                  <a:lnTo>
                    <a:pt x="438912" y="4572"/>
                  </a:lnTo>
                  <a:lnTo>
                    <a:pt x="449580" y="4572"/>
                  </a:lnTo>
                  <a:lnTo>
                    <a:pt x="449580" y="0"/>
                  </a:lnTo>
                  <a:close/>
                </a:path>
                <a:path w="970915" h="5079">
                  <a:moveTo>
                    <a:pt x="463296" y="0"/>
                  </a:moveTo>
                  <a:lnTo>
                    <a:pt x="452628" y="0"/>
                  </a:lnTo>
                  <a:lnTo>
                    <a:pt x="452628" y="4572"/>
                  </a:lnTo>
                  <a:lnTo>
                    <a:pt x="463296" y="4572"/>
                  </a:lnTo>
                  <a:lnTo>
                    <a:pt x="463296" y="0"/>
                  </a:lnTo>
                  <a:close/>
                </a:path>
                <a:path w="970915" h="5079">
                  <a:moveTo>
                    <a:pt x="477012" y="0"/>
                  </a:moveTo>
                  <a:lnTo>
                    <a:pt x="466344" y="0"/>
                  </a:lnTo>
                  <a:lnTo>
                    <a:pt x="466344" y="4572"/>
                  </a:lnTo>
                  <a:lnTo>
                    <a:pt x="477012" y="4572"/>
                  </a:lnTo>
                  <a:lnTo>
                    <a:pt x="477012" y="0"/>
                  </a:lnTo>
                  <a:close/>
                </a:path>
                <a:path w="970915" h="5079">
                  <a:moveTo>
                    <a:pt x="490728" y="0"/>
                  </a:moveTo>
                  <a:lnTo>
                    <a:pt x="480060" y="0"/>
                  </a:lnTo>
                  <a:lnTo>
                    <a:pt x="480060" y="4572"/>
                  </a:lnTo>
                  <a:lnTo>
                    <a:pt x="490728" y="4572"/>
                  </a:lnTo>
                  <a:lnTo>
                    <a:pt x="490728" y="0"/>
                  </a:lnTo>
                  <a:close/>
                </a:path>
                <a:path w="970915" h="5079">
                  <a:moveTo>
                    <a:pt x="504444" y="0"/>
                  </a:moveTo>
                  <a:lnTo>
                    <a:pt x="493776" y="0"/>
                  </a:lnTo>
                  <a:lnTo>
                    <a:pt x="493776" y="4572"/>
                  </a:lnTo>
                  <a:lnTo>
                    <a:pt x="504444" y="4572"/>
                  </a:lnTo>
                  <a:lnTo>
                    <a:pt x="504444" y="0"/>
                  </a:lnTo>
                  <a:close/>
                </a:path>
                <a:path w="970915" h="5079">
                  <a:moveTo>
                    <a:pt x="518160" y="0"/>
                  </a:moveTo>
                  <a:lnTo>
                    <a:pt x="507492" y="0"/>
                  </a:lnTo>
                  <a:lnTo>
                    <a:pt x="507492" y="4572"/>
                  </a:lnTo>
                  <a:lnTo>
                    <a:pt x="518160" y="4572"/>
                  </a:lnTo>
                  <a:lnTo>
                    <a:pt x="518160" y="0"/>
                  </a:lnTo>
                  <a:close/>
                </a:path>
                <a:path w="970915" h="5079">
                  <a:moveTo>
                    <a:pt x="531876" y="0"/>
                  </a:moveTo>
                  <a:lnTo>
                    <a:pt x="521208" y="0"/>
                  </a:lnTo>
                  <a:lnTo>
                    <a:pt x="521208" y="4572"/>
                  </a:lnTo>
                  <a:lnTo>
                    <a:pt x="531876" y="4572"/>
                  </a:lnTo>
                  <a:lnTo>
                    <a:pt x="531876" y="0"/>
                  </a:lnTo>
                  <a:close/>
                </a:path>
                <a:path w="970915" h="5079">
                  <a:moveTo>
                    <a:pt x="545592" y="0"/>
                  </a:moveTo>
                  <a:lnTo>
                    <a:pt x="534924" y="0"/>
                  </a:lnTo>
                  <a:lnTo>
                    <a:pt x="534924" y="4572"/>
                  </a:lnTo>
                  <a:lnTo>
                    <a:pt x="545592" y="4572"/>
                  </a:lnTo>
                  <a:lnTo>
                    <a:pt x="545592" y="0"/>
                  </a:lnTo>
                  <a:close/>
                </a:path>
                <a:path w="970915" h="5079">
                  <a:moveTo>
                    <a:pt x="559308" y="0"/>
                  </a:moveTo>
                  <a:lnTo>
                    <a:pt x="548640" y="0"/>
                  </a:lnTo>
                  <a:lnTo>
                    <a:pt x="548640" y="4572"/>
                  </a:lnTo>
                  <a:lnTo>
                    <a:pt x="559308" y="4572"/>
                  </a:lnTo>
                  <a:lnTo>
                    <a:pt x="559308" y="0"/>
                  </a:lnTo>
                  <a:close/>
                </a:path>
                <a:path w="970915" h="5079">
                  <a:moveTo>
                    <a:pt x="573024" y="0"/>
                  </a:moveTo>
                  <a:lnTo>
                    <a:pt x="562356" y="0"/>
                  </a:lnTo>
                  <a:lnTo>
                    <a:pt x="562356" y="4572"/>
                  </a:lnTo>
                  <a:lnTo>
                    <a:pt x="573024" y="4572"/>
                  </a:lnTo>
                  <a:lnTo>
                    <a:pt x="573024" y="0"/>
                  </a:lnTo>
                  <a:close/>
                </a:path>
                <a:path w="970915" h="5079">
                  <a:moveTo>
                    <a:pt x="586740" y="0"/>
                  </a:moveTo>
                  <a:lnTo>
                    <a:pt x="576072" y="0"/>
                  </a:lnTo>
                  <a:lnTo>
                    <a:pt x="576072" y="4572"/>
                  </a:lnTo>
                  <a:lnTo>
                    <a:pt x="586740" y="4572"/>
                  </a:lnTo>
                  <a:lnTo>
                    <a:pt x="586740" y="0"/>
                  </a:lnTo>
                  <a:close/>
                </a:path>
                <a:path w="970915" h="5079">
                  <a:moveTo>
                    <a:pt x="600456" y="0"/>
                  </a:moveTo>
                  <a:lnTo>
                    <a:pt x="589788" y="0"/>
                  </a:lnTo>
                  <a:lnTo>
                    <a:pt x="589788" y="4572"/>
                  </a:lnTo>
                  <a:lnTo>
                    <a:pt x="600456" y="4572"/>
                  </a:lnTo>
                  <a:lnTo>
                    <a:pt x="600456" y="0"/>
                  </a:lnTo>
                  <a:close/>
                </a:path>
                <a:path w="970915" h="5079">
                  <a:moveTo>
                    <a:pt x="614172" y="0"/>
                  </a:moveTo>
                  <a:lnTo>
                    <a:pt x="603504" y="0"/>
                  </a:lnTo>
                  <a:lnTo>
                    <a:pt x="603504" y="4572"/>
                  </a:lnTo>
                  <a:lnTo>
                    <a:pt x="614172" y="4572"/>
                  </a:lnTo>
                  <a:lnTo>
                    <a:pt x="614172" y="0"/>
                  </a:lnTo>
                  <a:close/>
                </a:path>
                <a:path w="970915" h="5079">
                  <a:moveTo>
                    <a:pt x="627888" y="0"/>
                  </a:moveTo>
                  <a:lnTo>
                    <a:pt x="617220" y="0"/>
                  </a:lnTo>
                  <a:lnTo>
                    <a:pt x="617220" y="4572"/>
                  </a:lnTo>
                  <a:lnTo>
                    <a:pt x="627888" y="4572"/>
                  </a:lnTo>
                  <a:lnTo>
                    <a:pt x="627888" y="0"/>
                  </a:lnTo>
                  <a:close/>
                </a:path>
                <a:path w="970915" h="5079">
                  <a:moveTo>
                    <a:pt x="641604" y="0"/>
                  </a:moveTo>
                  <a:lnTo>
                    <a:pt x="630936" y="0"/>
                  </a:lnTo>
                  <a:lnTo>
                    <a:pt x="630936" y="4572"/>
                  </a:lnTo>
                  <a:lnTo>
                    <a:pt x="641604" y="4572"/>
                  </a:lnTo>
                  <a:lnTo>
                    <a:pt x="641604" y="0"/>
                  </a:lnTo>
                  <a:close/>
                </a:path>
                <a:path w="970915" h="5079">
                  <a:moveTo>
                    <a:pt x="655320" y="0"/>
                  </a:moveTo>
                  <a:lnTo>
                    <a:pt x="644652" y="0"/>
                  </a:lnTo>
                  <a:lnTo>
                    <a:pt x="644652" y="4572"/>
                  </a:lnTo>
                  <a:lnTo>
                    <a:pt x="655320" y="4572"/>
                  </a:lnTo>
                  <a:lnTo>
                    <a:pt x="655320" y="0"/>
                  </a:lnTo>
                  <a:close/>
                </a:path>
                <a:path w="970915" h="5079">
                  <a:moveTo>
                    <a:pt x="669036" y="0"/>
                  </a:moveTo>
                  <a:lnTo>
                    <a:pt x="658368" y="0"/>
                  </a:lnTo>
                  <a:lnTo>
                    <a:pt x="658368" y="4572"/>
                  </a:lnTo>
                  <a:lnTo>
                    <a:pt x="669036" y="4572"/>
                  </a:lnTo>
                  <a:lnTo>
                    <a:pt x="669036" y="0"/>
                  </a:lnTo>
                  <a:close/>
                </a:path>
                <a:path w="970915" h="5079">
                  <a:moveTo>
                    <a:pt x="682752" y="0"/>
                  </a:moveTo>
                  <a:lnTo>
                    <a:pt x="672084" y="0"/>
                  </a:lnTo>
                  <a:lnTo>
                    <a:pt x="672084" y="4572"/>
                  </a:lnTo>
                  <a:lnTo>
                    <a:pt x="682752" y="4572"/>
                  </a:lnTo>
                  <a:lnTo>
                    <a:pt x="682752" y="0"/>
                  </a:lnTo>
                  <a:close/>
                </a:path>
                <a:path w="970915" h="5079">
                  <a:moveTo>
                    <a:pt x="696468" y="0"/>
                  </a:moveTo>
                  <a:lnTo>
                    <a:pt x="685800" y="0"/>
                  </a:lnTo>
                  <a:lnTo>
                    <a:pt x="685800" y="4572"/>
                  </a:lnTo>
                  <a:lnTo>
                    <a:pt x="696468" y="4572"/>
                  </a:lnTo>
                  <a:lnTo>
                    <a:pt x="696468" y="0"/>
                  </a:lnTo>
                  <a:close/>
                </a:path>
                <a:path w="970915" h="5079">
                  <a:moveTo>
                    <a:pt x="710184" y="0"/>
                  </a:moveTo>
                  <a:lnTo>
                    <a:pt x="699516" y="0"/>
                  </a:lnTo>
                  <a:lnTo>
                    <a:pt x="699516" y="4572"/>
                  </a:lnTo>
                  <a:lnTo>
                    <a:pt x="710184" y="4572"/>
                  </a:lnTo>
                  <a:lnTo>
                    <a:pt x="710184" y="0"/>
                  </a:lnTo>
                  <a:close/>
                </a:path>
                <a:path w="970915" h="5079">
                  <a:moveTo>
                    <a:pt x="723900" y="0"/>
                  </a:moveTo>
                  <a:lnTo>
                    <a:pt x="713232" y="0"/>
                  </a:lnTo>
                  <a:lnTo>
                    <a:pt x="713232" y="4572"/>
                  </a:lnTo>
                  <a:lnTo>
                    <a:pt x="723900" y="4572"/>
                  </a:lnTo>
                  <a:lnTo>
                    <a:pt x="723900" y="0"/>
                  </a:lnTo>
                  <a:close/>
                </a:path>
                <a:path w="970915" h="5079">
                  <a:moveTo>
                    <a:pt x="737616" y="0"/>
                  </a:moveTo>
                  <a:lnTo>
                    <a:pt x="726948" y="0"/>
                  </a:lnTo>
                  <a:lnTo>
                    <a:pt x="726948" y="4572"/>
                  </a:lnTo>
                  <a:lnTo>
                    <a:pt x="737616" y="4572"/>
                  </a:lnTo>
                  <a:lnTo>
                    <a:pt x="737616" y="0"/>
                  </a:lnTo>
                  <a:close/>
                </a:path>
                <a:path w="970915" h="5079">
                  <a:moveTo>
                    <a:pt x="751332" y="0"/>
                  </a:moveTo>
                  <a:lnTo>
                    <a:pt x="740664" y="0"/>
                  </a:lnTo>
                  <a:lnTo>
                    <a:pt x="740664" y="4572"/>
                  </a:lnTo>
                  <a:lnTo>
                    <a:pt x="751332" y="4572"/>
                  </a:lnTo>
                  <a:lnTo>
                    <a:pt x="751332" y="0"/>
                  </a:lnTo>
                  <a:close/>
                </a:path>
                <a:path w="970915" h="5079">
                  <a:moveTo>
                    <a:pt x="765048" y="0"/>
                  </a:moveTo>
                  <a:lnTo>
                    <a:pt x="754380" y="0"/>
                  </a:lnTo>
                  <a:lnTo>
                    <a:pt x="754380" y="4572"/>
                  </a:lnTo>
                  <a:lnTo>
                    <a:pt x="765048" y="4572"/>
                  </a:lnTo>
                  <a:lnTo>
                    <a:pt x="765048" y="0"/>
                  </a:lnTo>
                  <a:close/>
                </a:path>
                <a:path w="970915" h="5079">
                  <a:moveTo>
                    <a:pt x="778764" y="0"/>
                  </a:moveTo>
                  <a:lnTo>
                    <a:pt x="768096" y="0"/>
                  </a:lnTo>
                  <a:lnTo>
                    <a:pt x="768096" y="4572"/>
                  </a:lnTo>
                  <a:lnTo>
                    <a:pt x="778764" y="4572"/>
                  </a:lnTo>
                  <a:lnTo>
                    <a:pt x="778764" y="0"/>
                  </a:lnTo>
                  <a:close/>
                </a:path>
                <a:path w="970915" h="5079">
                  <a:moveTo>
                    <a:pt x="792480" y="0"/>
                  </a:moveTo>
                  <a:lnTo>
                    <a:pt x="781812" y="0"/>
                  </a:lnTo>
                  <a:lnTo>
                    <a:pt x="781812" y="4572"/>
                  </a:lnTo>
                  <a:lnTo>
                    <a:pt x="792480" y="4572"/>
                  </a:lnTo>
                  <a:lnTo>
                    <a:pt x="792480" y="0"/>
                  </a:lnTo>
                  <a:close/>
                </a:path>
                <a:path w="970915" h="5079">
                  <a:moveTo>
                    <a:pt x="806196" y="0"/>
                  </a:moveTo>
                  <a:lnTo>
                    <a:pt x="795528" y="0"/>
                  </a:lnTo>
                  <a:lnTo>
                    <a:pt x="795528" y="4572"/>
                  </a:lnTo>
                  <a:lnTo>
                    <a:pt x="806196" y="4572"/>
                  </a:lnTo>
                  <a:lnTo>
                    <a:pt x="806196" y="0"/>
                  </a:lnTo>
                  <a:close/>
                </a:path>
                <a:path w="970915" h="5079">
                  <a:moveTo>
                    <a:pt x="819912" y="0"/>
                  </a:moveTo>
                  <a:lnTo>
                    <a:pt x="809244" y="0"/>
                  </a:lnTo>
                  <a:lnTo>
                    <a:pt x="809244" y="4572"/>
                  </a:lnTo>
                  <a:lnTo>
                    <a:pt x="819912" y="4572"/>
                  </a:lnTo>
                  <a:lnTo>
                    <a:pt x="819912" y="0"/>
                  </a:lnTo>
                  <a:close/>
                </a:path>
                <a:path w="970915" h="5079">
                  <a:moveTo>
                    <a:pt x="833628" y="0"/>
                  </a:moveTo>
                  <a:lnTo>
                    <a:pt x="822960" y="0"/>
                  </a:lnTo>
                  <a:lnTo>
                    <a:pt x="822960" y="4572"/>
                  </a:lnTo>
                  <a:lnTo>
                    <a:pt x="833628" y="4572"/>
                  </a:lnTo>
                  <a:lnTo>
                    <a:pt x="833628" y="0"/>
                  </a:lnTo>
                  <a:close/>
                </a:path>
                <a:path w="970915" h="5079">
                  <a:moveTo>
                    <a:pt x="847344" y="0"/>
                  </a:moveTo>
                  <a:lnTo>
                    <a:pt x="836676" y="0"/>
                  </a:lnTo>
                  <a:lnTo>
                    <a:pt x="836676" y="4572"/>
                  </a:lnTo>
                  <a:lnTo>
                    <a:pt x="847344" y="4572"/>
                  </a:lnTo>
                  <a:lnTo>
                    <a:pt x="847344" y="0"/>
                  </a:lnTo>
                  <a:close/>
                </a:path>
                <a:path w="970915" h="5079">
                  <a:moveTo>
                    <a:pt x="861060" y="0"/>
                  </a:moveTo>
                  <a:lnTo>
                    <a:pt x="850392" y="0"/>
                  </a:lnTo>
                  <a:lnTo>
                    <a:pt x="850392" y="4572"/>
                  </a:lnTo>
                  <a:lnTo>
                    <a:pt x="861060" y="4572"/>
                  </a:lnTo>
                  <a:lnTo>
                    <a:pt x="861060" y="0"/>
                  </a:lnTo>
                  <a:close/>
                </a:path>
                <a:path w="970915" h="5079">
                  <a:moveTo>
                    <a:pt x="874776" y="0"/>
                  </a:moveTo>
                  <a:lnTo>
                    <a:pt x="864108" y="0"/>
                  </a:lnTo>
                  <a:lnTo>
                    <a:pt x="864108" y="4572"/>
                  </a:lnTo>
                  <a:lnTo>
                    <a:pt x="874776" y="4572"/>
                  </a:lnTo>
                  <a:lnTo>
                    <a:pt x="874776" y="0"/>
                  </a:lnTo>
                  <a:close/>
                </a:path>
                <a:path w="970915" h="5079">
                  <a:moveTo>
                    <a:pt x="888492" y="0"/>
                  </a:moveTo>
                  <a:lnTo>
                    <a:pt x="877824" y="0"/>
                  </a:lnTo>
                  <a:lnTo>
                    <a:pt x="877824" y="4572"/>
                  </a:lnTo>
                  <a:lnTo>
                    <a:pt x="888492" y="4572"/>
                  </a:lnTo>
                  <a:lnTo>
                    <a:pt x="888492" y="0"/>
                  </a:lnTo>
                  <a:close/>
                </a:path>
                <a:path w="970915" h="5079">
                  <a:moveTo>
                    <a:pt x="902208" y="0"/>
                  </a:moveTo>
                  <a:lnTo>
                    <a:pt x="891540" y="0"/>
                  </a:lnTo>
                  <a:lnTo>
                    <a:pt x="891540" y="4572"/>
                  </a:lnTo>
                  <a:lnTo>
                    <a:pt x="902208" y="4572"/>
                  </a:lnTo>
                  <a:lnTo>
                    <a:pt x="902208" y="0"/>
                  </a:lnTo>
                  <a:close/>
                </a:path>
                <a:path w="970915" h="5079">
                  <a:moveTo>
                    <a:pt x="915924" y="0"/>
                  </a:moveTo>
                  <a:lnTo>
                    <a:pt x="905256" y="0"/>
                  </a:lnTo>
                  <a:lnTo>
                    <a:pt x="905256" y="4572"/>
                  </a:lnTo>
                  <a:lnTo>
                    <a:pt x="915924" y="4572"/>
                  </a:lnTo>
                  <a:lnTo>
                    <a:pt x="915924" y="0"/>
                  </a:lnTo>
                  <a:close/>
                </a:path>
                <a:path w="970915" h="5079">
                  <a:moveTo>
                    <a:pt x="929640" y="0"/>
                  </a:moveTo>
                  <a:lnTo>
                    <a:pt x="918972" y="0"/>
                  </a:lnTo>
                  <a:lnTo>
                    <a:pt x="918972" y="4572"/>
                  </a:lnTo>
                  <a:lnTo>
                    <a:pt x="929640" y="4572"/>
                  </a:lnTo>
                  <a:lnTo>
                    <a:pt x="929640" y="0"/>
                  </a:lnTo>
                  <a:close/>
                </a:path>
                <a:path w="970915" h="5079">
                  <a:moveTo>
                    <a:pt x="943356" y="0"/>
                  </a:moveTo>
                  <a:lnTo>
                    <a:pt x="932688" y="0"/>
                  </a:lnTo>
                  <a:lnTo>
                    <a:pt x="932688" y="4572"/>
                  </a:lnTo>
                  <a:lnTo>
                    <a:pt x="943356" y="4572"/>
                  </a:lnTo>
                  <a:lnTo>
                    <a:pt x="943356" y="0"/>
                  </a:lnTo>
                  <a:close/>
                </a:path>
                <a:path w="970915" h="5079">
                  <a:moveTo>
                    <a:pt x="957072" y="0"/>
                  </a:moveTo>
                  <a:lnTo>
                    <a:pt x="946404" y="0"/>
                  </a:lnTo>
                  <a:lnTo>
                    <a:pt x="946404" y="4572"/>
                  </a:lnTo>
                  <a:lnTo>
                    <a:pt x="957072" y="4572"/>
                  </a:lnTo>
                  <a:lnTo>
                    <a:pt x="957072" y="0"/>
                  </a:lnTo>
                  <a:close/>
                </a:path>
                <a:path w="970915" h="5079">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67" name="object 67"/>
            <p:cNvSpPr/>
            <p:nvPr/>
          </p:nvSpPr>
          <p:spPr>
            <a:xfrm>
              <a:off x="406908" y="3098291"/>
              <a:ext cx="9052560" cy="483234"/>
            </a:xfrm>
            <a:custGeom>
              <a:avLst/>
              <a:gdLst/>
              <a:ahLst/>
              <a:cxnLst/>
              <a:rect l="l" t="t" r="r" b="b"/>
              <a:pathLst>
                <a:path w="9052560" h="483235">
                  <a:moveTo>
                    <a:pt x="10668" y="0"/>
                  </a:moveTo>
                  <a:lnTo>
                    <a:pt x="0" y="0"/>
                  </a:lnTo>
                  <a:lnTo>
                    <a:pt x="0" y="4572"/>
                  </a:lnTo>
                  <a:lnTo>
                    <a:pt x="10668" y="4572"/>
                  </a:lnTo>
                  <a:lnTo>
                    <a:pt x="10668" y="0"/>
                  </a:lnTo>
                  <a:close/>
                </a:path>
                <a:path w="9052560" h="483235">
                  <a:moveTo>
                    <a:pt x="24384" y="0"/>
                  </a:moveTo>
                  <a:lnTo>
                    <a:pt x="13716" y="0"/>
                  </a:lnTo>
                  <a:lnTo>
                    <a:pt x="13716" y="4572"/>
                  </a:lnTo>
                  <a:lnTo>
                    <a:pt x="24384" y="4572"/>
                  </a:lnTo>
                  <a:lnTo>
                    <a:pt x="24384" y="0"/>
                  </a:lnTo>
                  <a:close/>
                </a:path>
                <a:path w="9052560" h="483235">
                  <a:moveTo>
                    <a:pt x="38100" y="0"/>
                  </a:moveTo>
                  <a:lnTo>
                    <a:pt x="27432" y="0"/>
                  </a:lnTo>
                  <a:lnTo>
                    <a:pt x="27432" y="4572"/>
                  </a:lnTo>
                  <a:lnTo>
                    <a:pt x="38100" y="4572"/>
                  </a:lnTo>
                  <a:lnTo>
                    <a:pt x="38100" y="0"/>
                  </a:lnTo>
                  <a:close/>
                </a:path>
                <a:path w="9052560" h="483235">
                  <a:moveTo>
                    <a:pt x="51816" y="0"/>
                  </a:moveTo>
                  <a:lnTo>
                    <a:pt x="41148" y="0"/>
                  </a:lnTo>
                  <a:lnTo>
                    <a:pt x="41148" y="4572"/>
                  </a:lnTo>
                  <a:lnTo>
                    <a:pt x="51816" y="4572"/>
                  </a:lnTo>
                  <a:lnTo>
                    <a:pt x="51816" y="0"/>
                  </a:lnTo>
                  <a:close/>
                </a:path>
                <a:path w="9052560" h="483235">
                  <a:moveTo>
                    <a:pt x="65532" y="0"/>
                  </a:moveTo>
                  <a:lnTo>
                    <a:pt x="54864" y="0"/>
                  </a:lnTo>
                  <a:lnTo>
                    <a:pt x="54864" y="4572"/>
                  </a:lnTo>
                  <a:lnTo>
                    <a:pt x="65532" y="4572"/>
                  </a:lnTo>
                  <a:lnTo>
                    <a:pt x="65532" y="0"/>
                  </a:lnTo>
                  <a:close/>
                </a:path>
                <a:path w="9052560" h="483235">
                  <a:moveTo>
                    <a:pt x="79248" y="0"/>
                  </a:moveTo>
                  <a:lnTo>
                    <a:pt x="68580" y="0"/>
                  </a:lnTo>
                  <a:lnTo>
                    <a:pt x="68580" y="4572"/>
                  </a:lnTo>
                  <a:lnTo>
                    <a:pt x="79248" y="4572"/>
                  </a:lnTo>
                  <a:lnTo>
                    <a:pt x="79248" y="0"/>
                  </a:lnTo>
                  <a:close/>
                </a:path>
                <a:path w="9052560" h="483235">
                  <a:moveTo>
                    <a:pt x="92964" y="0"/>
                  </a:moveTo>
                  <a:lnTo>
                    <a:pt x="82296" y="0"/>
                  </a:lnTo>
                  <a:lnTo>
                    <a:pt x="82296" y="4572"/>
                  </a:lnTo>
                  <a:lnTo>
                    <a:pt x="92964" y="4572"/>
                  </a:lnTo>
                  <a:lnTo>
                    <a:pt x="92964" y="0"/>
                  </a:lnTo>
                  <a:close/>
                </a:path>
                <a:path w="9052560" h="483235">
                  <a:moveTo>
                    <a:pt x="106680" y="0"/>
                  </a:moveTo>
                  <a:lnTo>
                    <a:pt x="96012" y="0"/>
                  </a:lnTo>
                  <a:lnTo>
                    <a:pt x="96012" y="4572"/>
                  </a:lnTo>
                  <a:lnTo>
                    <a:pt x="106680" y="4572"/>
                  </a:lnTo>
                  <a:lnTo>
                    <a:pt x="106680" y="0"/>
                  </a:lnTo>
                  <a:close/>
                </a:path>
                <a:path w="9052560" h="483235">
                  <a:moveTo>
                    <a:pt x="120396" y="0"/>
                  </a:moveTo>
                  <a:lnTo>
                    <a:pt x="109728" y="0"/>
                  </a:lnTo>
                  <a:lnTo>
                    <a:pt x="109728" y="4572"/>
                  </a:lnTo>
                  <a:lnTo>
                    <a:pt x="120396" y="4572"/>
                  </a:lnTo>
                  <a:lnTo>
                    <a:pt x="120396" y="0"/>
                  </a:lnTo>
                  <a:close/>
                </a:path>
                <a:path w="9052560" h="483235">
                  <a:moveTo>
                    <a:pt x="134112" y="0"/>
                  </a:moveTo>
                  <a:lnTo>
                    <a:pt x="123444" y="0"/>
                  </a:lnTo>
                  <a:lnTo>
                    <a:pt x="123444" y="4572"/>
                  </a:lnTo>
                  <a:lnTo>
                    <a:pt x="134112" y="4572"/>
                  </a:lnTo>
                  <a:lnTo>
                    <a:pt x="134112" y="0"/>
                  </a:lnTo>
                  <a:close/>
                </a:path>
                <a:path w="9052560" h="483235">
                  <a:moveTo>
                    <a:pt x="147828" y="0"/>
                  </a:moveTo>
                  <a:lnTo>
                    <a:pt x="137160" y="0"/>
                  </a:lnTo>
                  <a:lnTo>
                    <a:pt x="137160" y="4572"/>
                  </a:lnTo>
                  <a:lnTo>
                    <a:pt x="147828" y="4572"/>
                  </a:lnTo>
                  <a:lnTo>
                    <a:pt x="147828" y="0"/>
                  </a:lnTo>
                  <a:close/>
                </a:path>
                <a:path w="9052560" h="483235">
                  <a:moveTo>
                    <a:pt x="161544" y="0"/>
                  </a:moveTo>
                  <a:lnTo>
                    <a:pt x="150876" y="0"/>
                  </a:lnTo>
                  <a:lnTo>
                    <a:pt x="150876" y="4572"/>
                  </a:lnTo>
                  <a:lnTo>
                    <a:pt x="161544" y="4572"/>
                  </a:lnTo>
                  <a:lnTo>
                    <a:pt x="161544" y="0"/>
                  </a:lnTo>
                  <a:close/>
                </a:path>
                <a:path w="9052560" h="483235">
                  <a:moveTo>
                    <a:pt x="175260" y="0"/>
                  </a:moveTo>
                  <a:lnTo>
                    <a:pt x="164592" y="0"/>
                  </a:lnTo>
                  <a:lnTo>
                    <a:pt x="164592" y="4572"/>
                  </a:lnTo>
                  <a:lnTo>
                    <a:pt x="175260" y="4572"/>
                  </a:lnTo>
                  <a:lnTo>
                    <a:pt x="175260" y="0"/>
                  </a:lnTo>
                  <a:close/>
                </a:path>
                <a:path w="9052560" h="483235">
                  <a:moveTo>
                    <a:pt x="188976" y="0"/>
                  </a:moveTo>
                  <a:lnTo>
                    <a:pt x="178308" y="0"/>
                  </a:lnTo>
                  <a:lnTo>
                    <a:pt x="178308" y="4572"/>
                  </a:lnTo>
                  <a:lnTo>
                    <a:pt x="188976" y="4572"/>
                  </a:lnTo>
                  <a:lnTo>
                    <a:pt x="188976" y="0"/>
                  </a:lnTo>
                  <a:close/>
                </a:path>
                <a:path w="9052560" h="483235">
                  <a:moveTo>
                    <a:pt x="202692" y="0"/>
                  </a:moveTo>
                  <a:lnTo>
                    <a:pt x="192024" y="0"/>
                  </a:lnTo>
                  <a:lnTo>
                    <a:pt x="192024" y="4572"/>
                  </a:lnTo>
                  <a:lnTo>
                    <a:pt x="202692" y="4572"/>
                  </a:lnTo>
                  <a:lnTo>
                    <a:pt x="202692" y="0"/>
                  </a:lnTo>
                  <a:close/>
                </a:path>
                <a:path w="9052560" h="483235">
                  <a:moveTo>
                    <a:pt x="216408" y="0"/>
                  </a:moveTo>
                  <a:lnTo>
                    <a:pt x="205740" y="0"/>
                  </a:lnTo>
                  <a:lnTo>
                    <a:pt x="205740" y="4572"/>
                  </a:lnTo>
                  <a:lnTo>
                    <a:pt x="216408" y="4572"/>
                  </a:lnTo>
                  <a:lnTo>
                    <a:pt x="216408" y="0"/>
                  </a:lnTo>
                  <a:close/>
                </a:path>
                <a:path w="9052560" h="483235">
                  <a:moveTo>
                    <a:pt x="230124" y="0"/>
                  </a:moveTo>
                  <a:lnTo>
                    <a:pt x="219456" y="0"/>
                  </a:lnTo>
                  <a:lnTo>
                    <a:pt x="219456" y="4572"/>
                  </a:lnTo>
                  <a:lnTo>
                    <a:pt x="230124" y="4572"/>
                  </a:lnTo>
                  <a:lnTo>
                    <a:pt x="230124" y="0"/>
                  </a:lnTo>
                  <a:close/>
                </a:path>
                <a:path w="9052560" h="483235">
                  <a:moveTo>
                    <a:pt x="243840" y="0"/>
                  </a:moveTo>
                  <a:lnTo>
                    <a:pt x="233172" y="0"/>
                  </a:lnTo>
                  <a:lnTo>
                    <a:pt x="233172" y="4572"/>
                  </a:lnTo>
                  <a:lnTo>
                    <a:pt x="243840" y="4572"/>
                  </a:lnTo>
                  <a:lnTo>
                    <a:pt x="243840" y="0"/>
                  </a:lnTo>
                  <a:close/>
                </a:path>
                <a:path w="9052560" h="483235">
                  <a:moveTo>
                    <a:pt x="257556" y="0"/>
                  </a:moveTo>
                  <a:lnTo>
                    <a:pt x="246888" y="0"/>
                  </a:lnTo>
                  <a:lnTo>
                    <a:pt x="246888" y="4572"/>
                  </a:lnTo>
                  <a:lnTo>
                    <a:pt x="257556" y="4572"/>
                  </a:lnTo>
                  <a:lnTo>
                    <a:pt x="257556" y="0"/>
                  </a:lnTo>
                  <a:close/>
                </a:path>
                <a:path w="9052560" h="483235">
                  <a:moveTo>
                    <a:pt x="271272" y="0"/>
                  </a:moveTo>
                  <a:lnTo>
                    <a:pt x="260604" y="0"/>
                  </a:lnTo>
                  <a:lnTo>
                    <a:pt x="260604" y="4572"/>
                  </a:lnTo>
                  <a:lnTo>
                    <a:pt x="271272" y="4572"/>
                  </a:lnTo>
                  <a:lnTo>
                    <a:pt x="271272" y="0"/>
                  </a:lnTo>
                  <a:close/>
                </a:path>
                <a:path w="9052560" h="483235">
                  <a:moveTo>
                    <a:pt x="284988" y="0"/>
                  </a:moveTo>
                  <a:lnTo>
                    <a:pt x="274320" y="0"/>
                  </a:lnTo>
                  <a:lnTo>
                    <a:pt x="274320" y="4572"/>
                  </a:lnTo>
                  <a:lnTo>
                    <a:pt x="284988" y="4572"/>
                  </a:lnTo>
                  <a:lnTo>
                    <a:pt x="284988" y="0"/>
                  </a:lnTo>
                  <a:close/>
                </a:path>
                <a:path w="9052560" h="483235">
                  <a:moveTo>
                    <a:pt x="298704" y="0"/>
                  </a:moveTo>
                  <a:lnTo>
                    <a:pt x="288036" y="0"/>
                  </a:lnTo>
                  <a:lnTo>
                    <a:pt x="288036" y="4572"/>
                  </a:lnTo>
                  <a:lnTo>
                    <a:pt x="298704" y="4572"/>
                  </a:lnTo>
                  <a:lnTo>
                    <a:pt x="298704" y="0"/>
                  </a:lnTo>
                  <a:close/>
                </a:path>
                <a:path w="9052560" h="483235">
                  <a:moveTo>
                    <a:pt x="312420" y="0"/>
                  </a:moveTo>
                  <a:lnTo>
                    <a:pt x="301752" y="0"/>
                  </a:lnTo>
                  <a:lnTo>
                    <a:pt x="301752" y="4572"/>
                  </a:lnTo>
                  <a:lnTo>
                    <a:pt x="312420" y="4572"/>
                  </a:lnTo>
                  <a:lnTo>
                    <a:pt x="312420" y="0"/>
                  </a:lnTo>
                  <a:close/>
                </a:path>
                <a:path w="9052560" h="483235">
                  <a:moveTo>
                    <a:pt x="326136" y="0"/>
                  </a:moveTo>
                  <a:lnTo>
                    <a:pt x="315468" y="0"/>
                  </a:lnTo>
                  <a:lnTo>
                    <a:pt x="315468" y="4572"/>
                  </a:lnTo>
                  <a:lnTo>
                    <a:pt x="326136" y="4572"/>
                  </a:lnTo>
                  <a:lnTo>
                    <a:pt x="326136" y="0"/>
                  </a:lnTo>
                  <a:close/>
                </a:path>
                <a:path w="9052560" h="483235">
                  <a:moveTo>
                    <a:pt x="339852" y="0"/>
                  </a:moveTo>
                  <a:lnTo>
                    <a:pt x="329184" y="0"/>
                  </a:lnTo>
                  <a:lnTo>
                    <a:pt x="329184" y="4572"/>
                  </a:lnTo>
                  <a:lnTo>
                    <a:pt x="339852" y="4572"/>
                  </a:lnTo>
                  <a:lnTo>
                    <a:pt x="339852" y="0"/>
                  </a:lnTo>
                  <a:close/>
                </a:path>
                <a:path w="9052560" h="483235">
                  <a:moveTo>
                    <a:pt x="8441436" y="478536"/>
                  </a:moveTo>
                  <a:lnTo>
                    <a:pt x="8430768" y="478536"/>
                  </a:lnTo>
                  <a:lnTo>
                    <a:pt x="8430768" y="483108"/>
                  </a:lnTo>
                  <a:lnTo>
                    <a:pt x="8441436" y="483108"/>
                  </a:lnTo>
                  <a:lnTo>
                    <a:pt x="8441436" y="478536"/>
                  </a:lnTo>
                  <a:close/>
                </a:path>
                <a:path w="9052560" h="483235">
                  <a:moveTo>
                    <a:pt x="8455152" y="478536"/>
                  </a:moveTo>
                  <a:lnTo>
                    <a:pt x="8444484" y="478536"/>
                  </a:lnTo>
                  <a:lnTo>
                    <a:pt x="8444484" y="483108"/>
                  </a:lnTo>
                  <a:lnTo>
                    <a:pt x="8455152" y="483108"/>
                  </a:lnTo>
                  <a:lnTo>
                    <a:pt x="8455152" y="478536"/>
                  </a:lnTo>
                  <a:close/>
                </a:path>
                <a:path w="9052560" h="483235">
                  <a:moveTo>
                    <a:pt x="8467344" y="478536"/>
                  </a:moveTo>
                  <a:lnTo>
                    <a:pt x="8458200" y="478536"/>
                  </a:lnTo>
                  <a:lnTo>
                    <a:pt x="8458200" y="483108"/>
                  </a:lnTo>
                  <a:lnTo>
                    <a:pt x="8467344" y="483108"/>
                  </a:lnTo>
                  <a:lnTo>
                    <a:pt x="8467344" y="478536"/>
                  </a:lnTo>
                  <a:close/>
                </a:path>
                <a:path w="9052560" h="483235">
                  <a:moveTo>
                    <a:pt x="8481060" y="478536"/>
                  </a:moveTo>
                  <a:lnTo>
                    <a:pt x="8471916" y="478536"/>
                  </a:lnTo>
                  <a:lnTo>
                    <a:pt x="8471916" y="483108"/>
                  </a:lnTo>
                  <a:lnTo>
                    <a:pt x="8481060" y="483108"/>
                  </a:lnTo>
                  <a:lnTo>
                    <a:pt x="8481060" y="478536"/>
                  </a:lnTo>
                  <a:close/>
                </a:path>
                <a:path w="9052560" h="483235">
                  <a:moveTo>
                    <a:pt x="8494776" y="478536"/>
                  </a:moveTo>
                  <a:lnTo>
                    <a:pt x="8485632" y="478536"/>
                  </a:lnTo>
                  <a:lnTo>
                    <a:pt x="8485632" y="483108"/>
                  </a:lnTo>
                  <a:lnTo>
                    <a:pt x="8494776" y="483108"/>
                  </a:lnTo>
                  <a:lnTo>
                    <a:pt x="8494776" y="478536"/>
                  </a:lnTo>
                  <a:close/>
                </a:path>
                <a:path w="9052560" h="483235">
                  <a:moveTo>
                    <a:pt x="8508492" y="478536"/>
                  </a:moveTo>
                  <a:lnTo>
                    <a:pt x="8499348" y="478536"/>
                  </a:lnTo>
                  <a:lnTo>
                    <a:pt x="8499348" y="483108"/>
                  </a:lnTo>
                  <a:lnTo>
                    <a:pt x="8508492" y="483108"/>
                  </a:lnTo>
                  <a:lnTo>
                    <a:pt x="8508492" y="478536"/>
                  </a:lnTo>
                  <a:close/>
                </a:path>
                <a:path w="9052560" h="483235">
                  <a:moveTo>
                    <a:pt x="8522208" y="478536"/>
                  </a:moveTo>
                  <a:lnTo>
                    <a:pt x="8513064" y="478536"/>
                  </a:lnTo>
                  <a:lnTo>
                    <a:pt x="8513064" y="483108"/>
                  </a:lnTo>
                  <a:lnTo>
                    <a:pt x="8522208" y="483108"/>
                  </a:lnTo>
                  <a:lnTo>
                    <a:pt x="8522208" y="478536"/>
                  </a:lnTo>
                  <a:close/>
                </a:path>
                <a:path w="9052560" h="483235">
                  <a:moveTo>
                    <a:pt x="8535924" y="478536"/>
                  </a:moveTo>
                  <a:lnTo>
                    <a:pt x="8526780" y="478536"/>
                  </a:lnTo>
                  <a:lnTo>
                    <a:pt x="8526780" y="483108"/>
                  </a:lnTo>
                  <a:lnTo>
                    <a:pt x="8535924" y="483108"/>
                  </a:lnTo>
                  <a:lnTo>
                    <a:pt x="8535924" y="478536"/>
                  </a:lnTo>
                  <a:close/>
                </a:path>
                <a:path w="9052560" h="483235">
                  <a:moveTo>
                    <a:pt x="8549640" y="478536"/>
                  </a:moveTo>
                  <a:lnTo>
                    <a:pt x="8540496" y="478536"/>
                  </a:lnTo>
                  <a:lnTo>
                    <a:pt x="8540496" y="483108"/>
                  </a:lnTo>
                  <a:lnTo>
                    <a:pt x="8549640" y="483108"/>
                  </a:lnTo>
                  <a:lnTo>
                    <a:pt x="8549640" y="478536"/>
                  </a:lnTo>
                  <a:close/>
                </a:path>
                <a:path w="9052560" h="483235">
                  <a:moveTo>
                    <a:pt x="8563356" y="478536"/>
                  </a:moveTo>
                  <a:lnTo>
                    <a:pt x="8554212" y="478536"/>
                  </a:lnTo>
                  <a:lnTo>
                    <a:pt x="8554212" y="483108"/>
                  </a:lnTo>
                  <a:lnTo>
                    <a:pt x="8563356" y="483108"/>
                  </a:lnTo>
                  <a:lnTo>
                    <a:pt x="8563356" y="478536"/>
                  </a:lnTo>
                  <a:close/>
                </a:path>
                <a:path w="9052560" h="483235">
                  <a:moveTo>
                    <a:pt x="8577072" y="478536"/>
                  </a:moveTo>
                  <a:lnTo>
                    <a:pt x="8567928" y="478536"/>
                  </a:lnTo>
                  <a:lnTo>
                    <a:pt x="8567928" y="483108"/>
                  </a:lnTo>
                  <a:lnTo>
                    <a:pt x="8577072" y="483108"/>
                  </a:lnTo>
                  <a:lnTo>
                    <a:pt x="8577072" y="478536"/>
                  </a:lnTo>
                  <a:close/>
                </a:path>
                <a:path w="9052560" h="483235">
                  <a:moveTo>
                    <a:pt x="8590788" y="478536"/>
                  </a:moveTo>
                  <a:lnTo>
                    <a:pt x="8581644" y="478536"/>
                  </a:lnTo>
                  <a:lnTo>
                    <a:pt x="8581644" y="483108"/>
                  </a:lnTo>
                  <a:lnTo>
                    <a:pt x="8590788" y="483108"/>
                  </a:lnTo>
                  <a:lnTo>
                    <a:pt x="8590788" y="478536"/>
                  </a:lnTo>
                  <a:close/>
                </a:path>
                <a:path w="9052560" h="483235">
                  <a:moveTo>
                    <a:pt x="8604504" y="478536"/>
                  </a:moveTo>
                  <a:lnTo>
                    <a:pt x="8595360" y="478536"/>
                  </a:lnTo>
                  <a:lnTo>
                    <a:pt x="8595360" y="483108"/>
                  </a:lnTo>
                  <a:lnTo>
                    <a:pt x="8604504" y="483108"/>
                  </a:lnTo>
                  <a:lnTo>
                    <a:pt x="8604504" y="478536"/>
                  </a:lnTo>
                  <a:close/>
                </a:path>
                <a:path w="9052560" h="483235">
                  <a:moveTo>
                    <a:pt x="8618220" y="478536"/>
                  </a:moveTo>
                  <a:lnTo>
                    <a:pt x="8609076" y="478536"/>
                  </a:lnTo>
                  <a:lnTo>
                    <a:pt x="8609076" y="483108"/>
                  </a:lnTo>
                  <a:lnTo>
                    <a:pt x="8618220" y="483108"/>
                  </a:lnTo>
                  <a:lnTo>
                    <a:pt x="8618220" y="478536"/>
                  </a:lnTo>
                  <a:close/>
                </a:path>
                <a:path w="9052560" h="483235">
                  <a:moveTo>
                    <a:pt x="8631936" y="478536"/>
                  </a:moveTo>
                  <a:lnTo>
                    <a:pt x="8622792" y="478536"/>
                  </a:lnTo>
                  <a:lnTo>
                    <a:pt x="8622792" y="483108"/>
                  </a:lnTo>
                  <a:lnTo>
                    <a:pt x="8631936" y="483108"/>
                  </a:lnTo>
                  <a:lnTo>
                    <a:pt x="8631936" y="478536"/>
                  </a:lnTo>
                  <a:close/>
                </a:path>
                <a:path w="9052560" h="483235">
                  <a:moveTo>
                    <a:pt x="8645652" y="478536"/>
                  </a:moveTo>
                  <a:lnTo>
                    <a:pt x="8636508" y="478536"/>
                  </a:lnTo>
                  <a:lnTo>
                    <a:pt x="8636508" y="483108"/>
                  </a:lnTo>
                  <a:lnTo>
                    <a:pt x="8645652" y="483108"/>
                  </a:lnTo>
                  <a:lnTo>
                    <a:pt x="8645652" y="478536"/>
                  </a:lnTo>
                  <a:close/>
                </a:path>
                <a:path w="9052560" h="483235">
                  <a:moveTo>
                    <a:pt x="8659368" y="478536"/>
                  </a:moveTo>
                  <a:lnTo>
                    <a:pt x="8650224" y="478536"/>
                  </a:lnTo>
                  <a:lnTo>
                    <a:pt x="8650224" y="483108"/>
                  </a:lnTo>
                  <a:lnTo>
                    <a:pt x="8659368" y="483108"/>
                  </a:lnTo>
                  <a:lnTo>
                    <a:pt x="8659368" y="478536"/>
                  </a:lnTo>
                  <a:close/>
                </a:path>
                <a:path w="9052560" h="483235">
                  <a:moveTo>
                    <a:pt x="8673084" y="478536"/>
                  </a:moveTo>
                  <a:lnTo>
                    <a:pt x="8663940" y="478536"/>
                  </a:lnTo>
                  <a:lnTo>
                    <a:pt x="8663940" y="483108"/>
                  </a:lnTo>
                  <a:lnTo>
                    <a:pt x="8673084" y="483108"/>
                  </a:lnTo>
                  <a:lnTo>
                    <a:pt x="8673084" y="478536"/>
                  </a:lnTo>
                  <a:close/>
                </a:path>
                <a:path w="9052560" h="483235">
                  <a:moveTo>
                    <a:pt x="8686800" y="478536"/>
                  </a:moveTo>
                  <a:lnTo>
                    <a:pt x="8677656" y="478536"/>
                  </a:lnTo>
                  <a:lnTo>
                    <a:pt x="8677656" y="483108"/>
                  </a:lnTo>
                  <a:lnTo>
                    <a:pt x="8686800" y="483108"/>
                  </a:lnTo>
                  <a:lnTo>
                    <a:pt x="8686800" y="478536"/>
                  </a:lnTo>
                  <a:close/>
                </a:path>
                <a:path w="9052560" h="483235">
                  <a:moveTo>
                    <a:pt x="8700516" y="478536"/>
                  </a:moveTo>
                  <a:lnTo>
                    <a:pt x="8691372" y="478536"/>
                  </a:lnTo>
                  <a:lnTo>
                    <a:pt x="8691372" y="483108"/>
                  </a:lnTo>
                  <a:lnTo>
                    <a:pt x="8700516" y="483108"/>
                  </a:lnTo>
                  <a:lnTo>
                    <a:pt x="8700516" y="478536"/>
                  </a:lnTo>
                  <a:close/>
                </a:path>
                <a:path w="9052560" h="483235">
                  <a:moveTo>
                    <a:pt x="8714232" y="478536"/>
                  </a:moveTo>
                  <a:lnTo>
                    <a:pt x="8705088" y="478536"/>
                  </a:lnTo>
                  <a:lnTo>
                    <a:pt x="8705088" y="483108"/>
                  </a:lnTo>
                  <a:lnTo>
                    <a:pt x="8714232" y="483108"/>
                  </a:lnTo>
                  <a:lnTo>
                    <a:pt x="8714232" y="478536"/>
                  </a:lnTo>
                  <a:close/>
                </a:path>
                <a:path w="9052560" h="483235">
                  <a:moveTo>
                    <a:pt x="8727948" y="478536"/>
                  </a:moveTo>
                  <a:lnTo>
                    <a:pt x="8718804" y="478536"/>
                  </a:lnTo>
                  <a:lnTo>
                    <a:pt x="8718804" y="483108"/>
                  </a:lnTo>
                  <a:lnTo>
                    <a:pt x="8727948" y="483108"/>
                  </a:lnTo>
                  <a:lnTo>
                    <a:pt x="8727948" y="478536"/>
                  </a:lnTo>
                  <a:close/>
                </a:path>
                <a:path w="9052560" h="483235">
                  <a:moveTo>
                    <a:pt x="8741664" y="478536"/>
                  </a:moveTo>
                  <a:lnTo>
                    <a:pt x="8732520" y="478536"/>
                  </a:lnTo>
                  <a:lnTo>
                    <a:pt x="8732520" y="483108"/>
                  </a:lnTo>
                  <a:lnTo>
                    <a:pt x="8741664" y="483108"/>
                  </a:lnTo>
                  <a:lnTo>
                    <a:pt x="8741664" y="478536"/>
                  </a:lnTo>
                  <a:close/>
                </a:path>
                <a:path w="9052560" h="483235">
                  <a:moveTo>
                    <a:pt x="8755380" y="478536"/>
                  </a:moveTo>
                  <a:lnTo>
                    <a:pt x="8746236" y="478536"/>
                  </a:lnTo>
                  <a:lnTo>
                    <a:pt x="8746236" y="483108"/>
                  </a:lnTo>
                  <a:lnTo>
                    <a:pt x="8755380" y="483108"/>
                  </a:lnTo>
                  <a:lnTo>
                    <a:pt x="8755380" y="478536"/>
                  </a:lnTo>
                  <a:close/>
                </a:path>
                <a:path w="9052560" h="483235">
                  <a:moveTo>
                    <a:pt x="8769096" y="478536"/>
                  </a:moveTo>
                  <a:lnTo>
                    <a:pt x="8759952" y="478536"/>
                  </a:lnTo>
                  <a:lnTo>
                    <a:pt x="8759952" y="483108"/>
                  </a:lnTo>
                  <a:lnTo>
                    <a:pt x="8769096" y="483108"/>
                  </a:lnTo>
                  <a:lnTo>
                    <a:pt x="8769096" y="478536"/>
                  </a:lnTo>
                  <a:close/>
                </a:path>
                <a:path w="9052560" h="483235">
                  <a:moveTo>
                    <a:pt x="8782812" y="478536"/>
                  </a:moveTo>
                  <a:lnTo>
                    <a:pt x="8773668" y="478536"/>
                  </a:lnTo>
                  <a:lnTo>
                    <a:pt x="8773668" y="483108"/>
                  </a:lnTo>
                  <a:lnTo>
                    <a:pt x="8782812" y="483108"/>
                  </a:lnTo>
                  <a:lnTo>
                    <a:pt x="8782812" y="478536"/>
                  </a:lnTo>
                  <a:close/>
                </a:path>
                <a:path w="9052560" h="483235">
                  <a:moveTo>
                    <a:pt x="8796528" y="478536"/>
                  </a:moveTo>
                  <a:lnTo>
                    <a:pt x="8787384" y="478536"/>
                  </a:lnTo>
                  <a:lnTo>
                    <a:pt x="8787384" y="483108"/>
                  </a:lnTo>
                  <a:lnTo>
                    <a:pt x="8796528" y="483108"/>
                  </a:lnTo>
                  <a:lnTo>
                    <a:pt x="8796528" y="478536"/>
                  </a:lnTo>
                  <a:close/>
                </a:path>
                <a:path w="9052560" h="483235">
                  <a:moveTo>
                    <a:pt x="8810244" y="478536"/>
                  </a:moveTo>
                  <a:lnTo>
                    <a:pt x="8801100" y="478536"/>
                  </a:lnTo>
                  <a:lnTo>
                    <a:pt x="8801100" y="483108"/>
                  </a:lnTo>
                  <a:lnTo>
                    <a:pt x="8810244" y="483108"/>
                  </a:lnTo>
                  <a:lnTo>
                    <a:pt x="8810244" y="478536"/>
                  </a:lnTo>
                  <a:close/>
                </a:path>
                <a:path w="9052560" h="483235">
                  <a:moveTo>
                    <a:pt x="8823960" y="478536"/>
                  </a:moveTo>
                  <a:lnTo>
                    <a:pt x="8814816" y="478536"/>
                  </a:lnTo>
                  <a:lnTo>
                    <a:pt x="8814816" y="483108"/>
                  </a:lnTo>
                  <a:lnTo>
                    <a:pt x="8823960" y="483108"/>
                  </a:lnTo>
                  <a:lnTo>
                    <a:pt x="8823960" y="478536"/>
                  </a:lnTo>
                  <a:close/>
                </a:path>
                <a:path w="9052560" h="483235">
                  <a:moveTo>
                    <a:pt x="8837676" y="478536"/>
                  </a:moveTo>
                  <a:lnTo>
                    <a:pt x="8828532" y="478536"/>
                  </a:lnTo>
                  <a:lnTo>
                    <a:pt x="8828532" y="483108"/>
                  </a:lnTo>
                  <a:lnTo>
                    <a:pt x="8837676" y="483108"/>
                  </a:lnTo>
                  <a:lnTo>
                    <a:pt x="8837676" y="478536"/>
                  </a:lnTo>
                  <a:close/>
                </a:path>
                <a:path w="9052560" h="483235">
                  <a:moveTo>
                    <a:pt x="8851392" y="478536"/>
                  </a:moveTo>
                  <a:lnTo>
                    <a:pt x="8842248" y="478536"/>
                  </a:lnTo>
                  <a:lnTo>
                    <a:pt x="8842248" y="483108"/>
                  </a:lnTo>
                  <a:lnTo>
                    <a:pt x="8851392" y="483108"/>
                  </a:lnTo>
                  <a:lnTo>
                    <a:pt x="8851392" y="478536"/>
                  </a:lnTo>
                  <a:close/>
                </a:path>
                <a:path w="9052560" h="483235">
                  <a:moveTo>
                    <a:pt x="8865108" y="478536"/>
                  </a:moveTo>
                  <a:lnTo>
                    <a:pt x="8855964" y="478536"/>
                  </a:lnTo>
                  <a:lnTo>
                    <a:pt x="8855964" y="483108"/>
                  </a:lnTo>
                  <a:lnTo>
                    <a:pt x="8865108" y="483108"/>
                  </a:lnTo>
                  <a:lnTo>
                    <a:pt x="8865108" y="478536"/>
                  </a:lnTo>
                  <a:close/>
                </a:path>
                <a:path w="9052560" h="483235">
                  <a:moveTo>
                    <a:pt x="8878824" y="478536"/>
                  </a:moveTo>
                  <a:lnTo>
                    <a:pt x="8869680" y="478536"/>
                  </a:lnTo>
                  <a:lnTo>
                    <a:pt x="8869680" y="483108"/>
                  </a:lnTo>
                  <a:lnTo>
                    <a:pt x="8878824" y="483108"/>
                  </a:lnTo>
                  <a:lnTo>
                    <a:pt x="8878824" y="478536"/>
                  </a:lnTo>
                  <a:close/>
                </a:path>
                <a:path w="9052560" h="483235">
                  <a:moveTo>
                    <a:pt x="8892540" y="478536"/>
                  </a:moveTo>
                  <a:lnTo>
                    <a:pt x="8883396" y="478536"/>
                  </a:lnTo>
                  <a:lnTo>
                    <a:pt x="8883396" y="483108"/>
                  </a:lnTo>
                  <a:lnTo>
                    <a:pt x="8892540" y="483108"/>
                  </a:lnTo>
                  <a:lnTo>
                    <a:pt x="8892540" y="478536"/>
                  </a:lnTo>
                  <a:close/>
                </a:path>
                <a:path w="9052560" h="483235">
                  <a:moveTo>
                    <a:pt x="8906256" y="478536"/>
                  </a:moveTo>
                  <a:lnTo>
                    <a:pt x="8897112" y="478536"/>
                  </a:lnTo>
                  <a:lnTo>
                    <a:pt x="8897112" y="483108"/>
                  </a:lnTo>
                  <a:lnTo>
                    <a:pt x="8906256" y="483108"/>
                  </a:lnTo>
                  <a:lnTo>
                    <a:pt x="8906256" y="478536"/>
                  </a:lnTo>
                  <a:close/>
                </a:path>
                <a:path w="9052560" h="483235">
                  <a:moveTo>
                    <a:pt x="8919972" y="478536"/>
                  </a:moveTo>
                  <a:lnTo>
                    <a:pt x="8910828" y="478536"/>
                  </a:lnTo>
                  <a:lnTo>
                    <a:pt x="8910828" y="483108"/>
                  </a:lnTo>
                  <a:lnTo>
                    <a:pt x="8919972" y="483108"/>
                  </a:lnTo>
                  <a:lnTo>
                    <a:pt x="8919972" y="478536"/>
                  </a:lnTo>
                  <a:close/>
                </a:path>
                <a:path w="9052560" h="483235">
                  <a:moveTo>
                    <a:pt x="8933688" y="478536"/>
                  </a:moveTo>
                  <a:lnTo>
                    <a:pt x="8924544" y="478536"/>
                  </a:lnTo>
                  <a:lnTo>
                    <a:pt x="8924544" y="483108"/>
                  </a:lnTo>
                  <a:lnTo>
                    <a:pt x="8933688" y="483108"/>
                  </a:lnTo>
                  <a:lnTo>
                    <a:pt x="8933688" y="478536"/>
                  </a:lnTo>
                  <a:close/>
                </a:path>
                <a:path w="9052560" h="483235">
                  <a:moveTo>
                    <a:pt x="8947404" y="478536"/>
                  </a:moveTo>
                  <a:lnTo>
                    <a:pt x="8938260" y="478536"/>
                  </a:lnTo>
                  <a:lnTo>
                    <a:pt x="8938260" y="483108"/>
                  </a:lnTo>
                  <a:lnTo>
                    <a:pt x="8947404" y="483108"/>
                  </a:lnTo>
                  <a:lnTo>
                    <a:pt x="8947404" y="478536"/>
                  </a:lnTo>
                  <a:close/>
                </a:path>
                <a:path w="9052560" h="483235">
                  <a:moveTo>
                    <a:pt x="8961120" y="478536"/>
                  </a:moveTo>
                  <a:lnTo>
                    <a:pt x="8951976" y="478536"/>
                  </a:lnTo>
                  <a:lnTo>
                    <a:pt x="8951976" y="483108"/>
                  </a:lnTo>
                  <a:lnTo>
                    <a:pt x="8961120" y="483108"/>
                  </a:lnTo>
                  <a:lnTo>
                    <a:pt x="8961120" y="478536"/>
                  </a:lnTo>
                  <a:close/>
                </a:path>
                <a:path w="9052560" h="483235">
                  <a:moveTo>
                    <a:pt x="8974836" y="478536"/>
                  </a:moveTo>
                  <a:lnTo>
                    <a:pt x="8965692" y="478536"/>
                  </a:lnTo>
                  <a:lnTo>
                    <a:pt x="8965692" y="483108"/>
                  </a:lnTo>
                  <a:lnTo>
                    <a:pt x="8974836" y="483108"/>
                  </a:lnTo>
                  <a:lnTo>
                    <a:pt x="8974836" y="478536"/>
                  </a:lnTo>
                  <a:close/>
                </a:path>
                <a:path w="9052560" h="483235">
                  <a:moveTo>
                    <a:pt x="8988552" y="478536"/>
                  </a:moveTo>
                  <a:lnTo>
                    <a:pt x="8979408" y="478536"/>
                  </a:lnTo>
                  <a:lnTo>
                    <a:pt x="8979408" y="483108"/>
                  </a:lnTo>
                  <a:lnTo>
                    <a:pt x="8988552" y="483108"/>
                  </a:lnTo>
                  <a:lnTo>
                    <a:pt x="8988552" y="478536"/>
                  </a:lnTo>
                  <a:close/>
                </a:path>
                <a:path w="9052560" h="483235">
                  <a:moveTo>
                    <a:pt x="9002268" y="478536"/>
                  </a:moveTo>
                  <a:lnTo>
                    <a:pt x="8993124" y="478536"/>
                  </a:lnTo>
                  <a:lnTo>
                    <a:pt x="8993124" y="483108"/>
                  </a:lnTo>
                  <a:lnTo>
                    <a:pt x="9002268" y="483108"/>
                  </a:lnTo>
                  <a:lnTo>
                    <a:pt x="9002268" y="478536"/>
                  </a:lnTo>
                  <a:close/>
                </a:path>
                <a:path w="9052560" h="483235">
                  <a:moveTo>
                    <a:pt x="9015984" y="478536"/>
                  </a:moveTo>
                  <a:lnTo>
                    <a:pt x="9006840" y="478536"/>
                  </a:lnTo>
                  <a:lnTo>
                    <a:pt x="9006840" y="483108"/>
                  </a:lnTo>
                  <a:lnTo>
                    <a:pt x="9015984" y="483108"/>
                  </a:lnTo>
                  <a:lnTo>
                    <a:pt x="9015984" y="478536"/>
                  </a:lnTo>
                  <a:close/>
                </a:path>
                <a:path w="9052560" h="483235">
                  <a:moveTo>
                    <a:pt x="9029700" y="478536"/>
                  </a:moveTo>
                  <a:lnTo>
                    <a:pt x="9020556" y="478536"/>
                  </a:lnTo>
                  <a:lnTo>
                    <a:pt x="9020556" y="483108"/>
                  </a:lnTo>
                  <a:lnTo>
                    <a:pt x="9029700" y="483108"/>
                  </a:lnTo>
                  <a:lnTo>
                    <a:pt x="9029700" y="478536"/>
                  </a:lnTo>
                  <a:close/>
                </a:path>
                <a:path w="9052560" h="483235">
                  <a:moveTo>
                    <a:pt x="9043416" y="478536"/>
                  </a:moveTo>
                  <a:lnTo>
                    <a:pt x="9034272" y="478536"/>
                  </a:lnTo>
                  <a:lnTo>
                    <a:pt x="9034272" y="483108"/>
                  </a:lnTo>
                  <a:lnTo>
                    <a:pt x="9043416" y="483108"/>
                  </a:lnTo>
                  <a:lnTo>
                    <a:pt x="9043416" y="478536"/>
                  </a:lnTo>
                  <a:close/>
                </a:path>
                <a:path w="9052560" h="483235">
                  <a:moveTo>
                    <a:pt x="9052560" y="478536"/>
                  </a:moveTo>
                  <a:lnTo>
                    <a:pt x="9047988" y="478536"/>
                  </a:lnTo>
                  <a:lnTo>
                    <a:pt x="9047988" y="483108"/>
                  </a:lnTo>
                  <a:lnTo>
                    <a:pt x="9052560" y="483108"/>
                  </a:lnTo>
                  <a:lnTo>
                    <a:pt x="9052560" y="478536"/>
                  </a:lnTo>
                  <a:close/>
                </a:path>
              </a:pathLst>
            </a:custGeom>
            <a:solidFill>
              <a:srgbClr val="000000"/>
            </a:solidFill>
          </p:spPr>
          <p:txBody>
            <a:bodyPr wrap="square" lIns="0" tIns="0" rIns="0" bIns="0" rtlCol="0"/>
            <a:lstStyle/>
            <a:p>
              <a:endParaRPr sz="1539"/>
            </a:p>
          </p:txBody>
        </p:sp>
        <p:sp>
          <p:nvSpPr>
            <p:cNvPr id="68" name="object 68"/>
            <p:cNvSpPr/>
            <p:nvPr/>
          </p:nvSpPr>
          <p:spPr>
            <a:xfrm>
              <a:off x="736092" y="3098291"/>
              <a:ext cx="969644" cy="5080"/>
            </a:xfrm>
            <a:custGeom>
              <a:avLst/>
              <a:gdLst/>
              <a:ahLst/>
              <a:cxnLst/>
              <a:rect l="l" t="t" r="r" b="b"/>
              <a:pathLst>
                <a:path w="969644" h="5080">
                  <a:moveTo>
                    <a:pt x="10668" y="0"/>
                  </a:moveTo>
                  <a:lnTo>
                    <a:pt x="0" y="0"/>
                  </a:lnTo>
                  <a:lnTo>
                    <a:pt x="0" y="4572"/>
                  </a:lnTo>
                  <a:lnTo>
                    <a:pt x="10668" y="4572"/>
                  </a:lnTo>
                  <a:lnTo>
                    <a:pt x="10668" y="0"/>
                  </a:lnTo>
                  <a:close/>
                </a:path>
                <a:path w="969644" h="5080">
                  <a:moveTo>
                    <a:pt x="24384" y="0"/>
                  </a:moveTo>
                  <a:lnTo>
                    <a:pt x="13716" y="0"/>
                  </a:lnTo>
                  <a:lnTo>
                    <a:pt x="13716" y="4572"/>
                  </a:lnTo>
                  <a:lnTo>
                    <a:pt x="24384" y="4572"/>
                  </a:lnTo>
                  <a:lnTo>
                    <a:pt x="24384" y="0"/>
                  </a:lnTo>
                  <a:close/>
                </a:path>
                <a:path w="969644" h="5080">
                  <a:moveTo>
                    <a:pt x="38100" y="0"/>
                  </a:moveTo>
                  <a:lnTo>
                    <a:pt x="27432" y="0"/>
                  </a:lnTo>
                  <a:lnTo>
                    <a:pt x="27432" y="4572"/>
                  </a:lnTo>
                  <a:lnTo>
                    <a:pt x="38100" y="4572"/>
                  </a:lnTo>
                  <a:lnTo>
                    <a:pt x="38100" y="0"/>
                  </a:lnTo>
                  <a:close/>
                </a:path>
                <a:path w="969644" h="5080">
                  <a:moveTo>
                    <a:pt x="51816" y="0"/>
                  </a:moveTo>
                  <a:lnTo>
                    <a:pt x="41148" y="0"/>
                  </a:lnTo>
                  <a:lnTo>
                    <a:pt x="41148" y="4572"/>
                  </a:lnTo>
                  <a:lnTo>
                    <a:pt x="51816" y="4572"/>
                  </a:lnTo>
                  <a:lnTo>
                    <a:pt x="51816" y="0"/>
                  </a:lnTo>
                  <a:close/>
                </a:path>
                <a:path w="969644" h="5080">
                  <a:moveTo>
                    <a:pt x="65532" y="0"/>
                  </a:moveTo>
                  <a:lnTo>
                    <a:pt x="54864" y="0"/>
                  </a:lnTo>
                  <a:lnTo>
                    <a:pt x="54864" y="4572"/>
                  </a:lnTo>
                  <a:lnTo>
                    <a:pt x="65532" y="4572"/>
                  </a:lnTo>
                  <a:lnTo>
                    <a:pt x="65532" y="0"/>
                  </a:lnTo>
                  <a:close/>
                </a:path>
                <a:path w="969644" h="5080">
                  <a:moveTo>
                    <a:pt x="79248" y="0"/>
                  </a:moveTo>
                  <a:lnTo>
                    <a:pt x="68580" y="0"/>
                  </a:lnTo>
                  <a:lnTo>
                    <a:pt x="68580" y="4572"/>
                  </a:lnTo>
                  <a:lnTo>
                    <a:pt x="79248" y="4572"/>
                  </a:lnTo>
                  <a:lnTo>
                    <a:pt x="79248" y="0"/>
                  </a:lnTo>
                  <a:close/>
                </a:path>
                <a:path w="969644" h="5080">
                  <a:moveTo>
                    <a:pt x="92964" y="0"/>
                  </a:moveTo>
                  <a:lnTo>
                    <a:pt x="82296" y="0"/>
                  </a:lnTo>
                  <a:lnTo>
                    <a:pt x="82296" y="4572"/>
                  </a:lnTo>
                  <a:lnTo>
                    <a:pt x="92964" y="4572"/>
                  </a:lnTo>
                  <a:lnTo>
                    <a:pt x="92964" y="0"/>
                  </a:lnTo>
                  <a:close/>
                </a:path>
                <a:path w="969644" h="5080">
                  <a:moveTo>
                    <a:pt x="106680" y="0"/>
                  </a:moveTo>
                  <a:lnTo>
                    <a:pt x="95999" y="0"/>
                  </a:lnTo>
                  <a:lnTo>
                    <a:pt x="95999" y="4572"/>
                  </a:lnTo>
                  <a:lnTo>
                    <a:pt x="106680" y="4572"/>
                  </a:lnTo>
                  <a:lnTo>
                    <a:pt x="106680" y="0"/>
                  </a:lnTo>
                  <a:close/>
                </a:path>
                <a:path w="969644" h="5080">
                  <a:moveTo>
                    <a:pt x="120396" y="0"/>
                  </a:moveTo>
                  <a:lnTo>
                    <a:pt x="109728" y="0"/>
                  </a:lnTo>
                  <a:lnTo>
                    <a:pt x="109728" y="4572"/>
                  </a:lnTo>
                  <a:lnTo>
                    <a:pt x="120396" y="4572"/>
                  </a:lnTo>
                  <a:lnTo>
                    <a:pt x="120396" y="0"/>
                  </a:lnTo>
                  <a:close/>
                </a:path>
                <a:path w="969644" h="5080">
                  <a:moveTo>
                    <a:pt x="134112" y="0"/>
                  </a:moveTo>
                  <a:lnTo>
                    <a:pt x="123444" y="0"/>
                  </a:lnTo>
                  <a:lnTo>
                    <a:pt x="123444" y="4572"/>
                  </a:lnTo>
                  <a:lnTo>
                    <a:pt x="134112" y="4572"/>
                  </a:lnTo>
                  <a:lnTo>
                    <a:pt x="134112" y="0"/>
                  </a:lnTo>
                  <a:close/>
                </a:path>
                <a:path w="969644" h="5080">
                  <a:moveTo>
                    <a:pt x="147828" y="0"/>
                  </a:moveTo>
                  <a:lnTo>
                    <a:pt x="137160" y="0"/>
                  </a:lnTo>
                  <a:lnTo>
                    <a:pt x="137160" y="4572"/>
                  </a:lnTo>
                  <a:lnTo>
                    <a:pt x="147828" y="4572"/>
                  </a:lnTo>
                  <a:lnTo>
                    <a:pt x="147828" y="0"/>
                  </a:lnTo>
                  <a:close/>
                </a:path>
                <a:path w="969644" h="5080">
                  <a:moveTo>
                    <a:pt x="161544" y="0"/>
                  </a:moveTo>
                  <a:lnTo>
                    <a:pt x="150876" y="0"/>
                  </a:lnTo>
                  <a:lnTo>
                    <a:pt x="150876" y="4572"/>
                  </a:lnTo>
                  <a:lnTo>
                    <a:pt x="161544" y="4572"/>
                  </a:lnTo>
                  <a:lnTo>
                    <a:pt x="161544" y="0"/>
                  </a:lnTo>
                  <a:close/>
                </a:path>
                <a:path w="969644" h="5080">
                  <a:moveTo>
                    <a:pt x="175260" y="0"/>
                  </a:moveTo>
                  <a:lnTo>
                    <a:pt x="164592" y="0"/>
                  </a:lnTo>
                  <a:lnTo>
                    <a:pt x="164592" y="4572"/>
                  </a:lnTo>
                  <a:lnTo>
                    <a:pt x="175260" y="4572"/>
                  </a:lnTo>
                  <a:lnTo>
                    <a:pt x="175260" y="0"/>
                  </a:lnTo>
                  <a:close/>
                </a:path>
                <a:path w="969644" h="5080">
                  <a:moveTo>
                    <a:pt x="188976" y="0"/>
                  </a:moveTo>
                  <a:lnTo>
                    <a:pt x="178308" y="0"/>
                  </a:lnTo>
                  <a:lnTo>
                    <a:pt x="178308" y="4572"/>
                  </a:lnTo>
                  <a:lnTo>
                    <a:pt x="188976" y="4572"/>
                  </a:lnTo>
                  <a:lnTo>
                    <a:pt x="188976" y="0"/>
                  </a:lnTo>
                  <a:close/>
                </a:path>
                <a:path w="969644" h="5080">
                  <a:moveTo>
                    <a:pt x="202692" y="0"/>
                  </a:moveTo>
                  <a:lnTo>
                    <a:pt x="192024" y="0"/>
                  </a:lnTo>
                  <a:lnTo>
                    <a:pt x="192024" y="4572"/>
                  </a:lnTo>
                  <a:lnTo>
                    <a:pt x="202692" y="4572"/>
                  </a:lnTo>
                  <a:lnTo>
                    <a:pt x="202692" y="0"/>
                  </a:lnTo>
                  <a:close/>
                </a:path>
                <a:path w="969644" h="5080">
                  <a:moveTo>
                    <a:pt x="216408" y="0"/>
                  </a:moveTo>
                  <a:lnTo>
                    <a:pt x="205740" y="0"/>
                  </a:lnTo>
                  <a:lnTo>
                    <a:pt x="205740" y="4572"/>
                  </a:lnTo>
                  <a:lnTo>
                    <a:pt x="216408" y="4572"/>
                  </a:lnTo>
                  <a:lnTo>
                    <a:pt x="216408" y="0"/>
                  </a:lnTo>
                  <a:close/>
                </a:path>
                <a:path w="969644" h="5080">
                  <a:moveTo>
                    <a:pt x="230124" y="0"/>
                  </a:moveTo>
                  <a:lnTo>
                    <a:pt x="219456" y="0"/>
                  </a:lnTo>
                  <a:lnTo>
                    <a:pt x="219456" y="4572"/>
                  </a:lnTo>
                  <a:lnTo>
                    <a:pt x="230124" y="4572"/>
                  </a:lnTo>
                  <a:lnTo>
                    <a:pt x="230124" y="0"/>
                  </a:lnTo>
                  <a:close/>
                </a:path>
                <a:path w="969644" h="5080">
                  <a:moveTo>
                    <a:pt x="243840" y="0"/>
                  </a:moveTo>
                  <a:lnTo>
                    <a:pt x="233172" y="0"/>
                  </a:lnTo>
                  <a:lnTo>
                    <a:pt x="233172" y="4572"/>
                  </a:lnTo>
                  <a:lnTo>
                    <a:pt x="243840" y="4572"/>
                  </a:lnTo>
                  <a:lnTo>
                    <a:pt x="243840" y="0"/>
                  </a:lnTo>
                  <a:close/>
                </a:path>
                <a:path w="969644" h="5080">
                  <a:moveTo>
                    <a:pt x="257556" y="0"/>
                  </a:moveTo>
                  <a:lnTo>
                    <a:pt x="246888" y="0"/>
                  </a:lnTo>
                  <a:lnTo>
                    <a:pt x="246888" y="4572"/>
                  </a:lnTo>
                  <a:lnTo>
                    <a:pt x="257556" y="4572"/>
                  </a:lnTo>
                  <a:lnTo>
                    <a:pt x="257556" y="0"/>
                  </a:lnTo>
                  <a:close/>
                </a:path>
                <a:path w="969644" h="5080">
                  <a:moveTo>
                    <a:pt x="271272" y="0"/>
                  </a:moveTo>
                  <a:lnTo>
                    <a:pt x="260604" y="0"/>
                  </a:lnTo>
                  <a:lnTo>
                    <a:pt x="260604" y="4572"/>
                  </a:lnTo>
                  <a:lnTo>
                    <a:pt x="271272" y="4572"/>
                  </a:lnTo>
                  <a:lnTo>
                    <a:pt x="271272" y="0"/>
                  </a:lnTo>
                  <a:close/>
                </a:path>
                <a:path w="969644" h="5080">
                  <a:moveTo>
                    <a:pt x="284988" y="0"/>
                  </a:moveTo>
                  <a:lnTo>
                    <a:pt x="274320" y="0"/>
                  </a:lnTo>
                  <a:lnTo>
                    <a:pt x="274320" y="4572"/>
                  </a:lnTo>
                  <a:lnTo>
                    <a:pt x="284988" y="4572"/>
                  </a:lnTo>
                  <a:lnTo>
                    <a:pt x="284988" y="0"/>
                  </a:lnTo>
                  <a:close/>
                </a:path>
                <a:path w="969644" h="5080">
                  <a:moveTo>
                    <a:pt x="298704" y="0"/>
                  </a:moveTo>
                  <a:lnTo>
                    <a:pt x="288036" y="0"/>
                  </a:lnTo>
                  <a:lnTo>
                    <a:pt x="288036" y="4572"/>
                  </a:lnTo>
                  <a:lnTo>
                    <a:pt x="298704" y="4572"/>
                  </a:lnTo>
                  <a:lnTo>
                    <a:pt x="298704" y="0"/>
                  </a:lnTo>
                  <a:close/>
                </a:path>
                <a:path w="969644" h="5080">
                  <a:moveTo>
                    <a:pt x="312420" y="0"/>
                  </a:moveTo>
                  <a:lnTo>
                    <a:pt x="301752" y="0"/>
                  </a:lnTo>
                  <a:lnTo>
                    <a:pt x="301752" y="4572"/>
                  </a:lnTo>
                  <a:lnTo>
                    <a:pt x="312420" y="4572"/>
                  </a:lnTo>
                  <a:lnTo>
                    <a:pt x="312420" y="0"/>
                  </a:lnTo>
                  <a:close/>
                </a:path>
                <a:path w="969644" h="5080">
                  <a:moveTo>
                    <a:pt x="326136" y="0"/>
                  </a:moveTo>
                  <a:lnTo>
                    <a:pt x="315468" y="0"/>
                  </a:lnTo>
                  <a:lnTo>
                    <a:pt x="315468" y="4572"/>
                  </a:lnTo>
                  <a:lnTo>
                    <a:pt x="326136" y="4572"/>
                  </a:lnTo>
                  <a:lnTo>
                    <a:pt x="326136" y="0"/>
                  </a:lnTo>
                  <a:close/>
                </a:path>
                <a:path w="969644" h="5080">
                  <a:moveTo>
                    <a:pt x="339852" y="0"/>
                  </a:moveTo>
                  <a:lnTo>
                    <a:pt x="329184" y="0"/>
                  </a:lnTo>
                  <a:lnTo>
                    <a:pt x="329184" y="4572"/>
                  </a:lnTo>
                  <a:lnTo>
                    <a:pt x="339852" y="4572"/>
                  </a:lnTo>
                  <a:lnTo>
                    <a:pt x="339852" y="0"/>
                  </a:lnTo>
                  <a:close/>
                </a:path>
                <a:path w="969644" h="5080">
                  <a:moveTo>
                    <a:pt x="353568" y="0"/>
                  </a:moveTo>
                  <a:lnTo>
                    <a:pt x="342900" y="0"/>
                  </a:lnTo>
                  <a:lnTo>
                    <a:pt x="342900" y="4572"/>
                  </a:lnTo>
                  <a:lnTo>
                    <a:pt x="353568" y="4572"/>
                  </a:lnTo>
                  <a:lnTo>
                    <a:pt x="353568" y="0"/>
                  </a:lnTo>
                  <a:close/>
                </a:path>
                <a:path w="969644" h="5080">
                  <a:moveTo>
                    <a:pt x="367284" y="0"/>
                  </a:moveTo>
                  <a:lnTo>
                    <a:pt x="356616" y="0"/>
                  </a:lnTo>
                  <a:lnTo>
                    <a:pt x="356616" y="4572"/>
                  </a:lnTo>
                  <a:lnTo>
                    <a:pt x="367284" y="4572"/>
                  </a:lnTo>
                  <a:lnTo>
                    <a:pt x="367284" y="0"/>
                  </a:lnTo>
                  <a:close/>
                </a:path>
                <a:path w="969644" h="5080">
                  <a:moveTo>
                    <a:pt x="381000" y="0"/>
                  </a:moveTo>
                  <a:lnTo>
                    <a:pt x="370332" y="0"/>
                  </a:lnTo>
                  <a:lnTo>
                    <a:pt x="370332" y="4572"/>
                  </a:lnTo>
                  <a:lnTo>
                    <a:pt x="381000" y="4572"/>
                  </a:lnTo>
                  <a:lnTo>
                    <a:pt x="381000" y="0"/>
                  </a:lnTo>
                  <a:close/>
                </a:path>
                <a:path w="969644" h="5080">
                  <a:moveTo>
                    <a:pt x="394716" y="0"/>
                  </a:moveTo>
                  <a:lnTo>
                    <a:pt x="384048" y="0"/>
                  </a:lnTo>
                  <a:lnTo>
                    <a:pt x="384048" y="4572"/>
                  </a:lnTo>
                  <a:lnTo>
                    <a:pt x="394716" y="4572"/>
                  </a:lnTo>
                  <a:lnTo>
                    <a:pt x="394716" y="0"/>
                  </a:lnTo>
                  <a:close/>
                </a:path>
                <a:path w="969644" h="5080">
                  <a:moveTo>
                    <a:pt x="408432" y="0"/>
                  </a:moveTo>
                  <a:lnTo>
                    <a:pt x="397764" y="0"/>
                  </a:lnTo>
                  <a:lnTo>
                    <a:pt x="397764" y="4572"/>
                  </a:lnTo>
                  <a:lnTo>
                    <a:pt x="408432" y="4572"/>
                  </a:lnTo>
                  <a:lnTo>
                    <a:pt x="408432" y="0"/>
                  </a:lnTo>
                  <a:close/>
                </a:path>
                <a:path w="969644" h="5080">
                  <a:moveTo>
                    <a:pt x="422148" y="0"/>
                  </a:moveTo>
                  <a:lnTo>
                    <a:pt x="411480" y="0"/>
                  </a:lnTo>
                  <a:lnTo>
                    <a:pt x="411480" y="4572"/>
                  </a:lnTo>
                  <a:lnTo>
                    <a:pt x="422148" y="4572"/>
                  </a:lnTo>
                  <a:lnTo>
                    <a:pt x="422148" y="0"/>
                  </a:lnTo>
                  <a:close/>
                </a:path>
                <a:path w="969644" h="5080">
                  <a:moveTo>
                    <a:pt x="435864" y="0"/>
                  </a:moveTo>
                  <a:lnTo>
                    <a:pt x="425196" y="0"/>
                  </a:lnTo>
                  <a:lnTo>
                    <a:pt x="425196" y="4572"/>
                  </a:lnTo>
                  <a:lnTo>
                    <a:pt x="435864" y="4572"/>
                  </a:lnTo>
                  <a:lnTo>
                    <a:pt x="435864" y="0"/>
                  </a:lnTo>
                  <a:close/>
                </a:path>
                <a:path w="969644" h="5080">
                  <a:moveTo>
                    <a:pt x="449580" y="0"/>
                  </a:moveTo>
                  <a:lnTo>
                    <a:pt x="438912" y="0"/>
                  </a:lnTo>
                  <a:lnTo>
                    <a:pt x="438912" y="4572"/>
                  </a:lnTo>
                  <a:lnTo>
                    <a:pt x="449580" y="4572"/>
                  </a:lnTo>
                  <a:lnTo>
                    <a:pt x="449580" y="0"/>
                  </a:lnTo>
                  <a:close/>
                </a:path>
                <a:path w="969644" h="5080">
                  <a:moveTo>
                    <a:pt x="463296" y="0"/>
                  </a:moveTo>
                  <a:lnTo>
                    <a:pt x="452628" y="0"/>
                  </a:lnTo>
                  <a:lnTo>
                    <a:pt x="452628" y="4572"/>
                  </a:lnTo>
                  <a:lnTo>
                    <a:pt x="463296" y="4572"/>
                  </a:lnTo>
                  <a:lnTo>
                    <a:pt x="463296" y="0"/>
                  </a:lnTo>
                  <a:close/>
                </a:path>
                <a:path w="969644" h="5080">
                  <a:moveTo>
                    <a:pt x="477012" y="0"/>
                  </a:moveTo>
                  <a:lnTo>
                    <a:pt x="466344" y="0"/>
                  </a:lnTo>
                  <a:lnTo>
                    <a:pt x="466344" y="4572"/>
                  </a:lnTo>
                  <a:lnTo>
                    <a:pt x="477012" y="4572"/>
                  </a:lnTo>
                  <a:lnTo>
                    <a:pt x="477012" y="0"/>
                  </a:lnTo>
                  <a:close/>
                </a:path>
                <a:path w="969644" h="5080">
                  <a:moveTo>
                    <a:pt x="490728" y="0"/>
                  </a:moveTo>
                  <a:lnTo>
                    <a:pt x="480060" y="0"/>
                  </a:lnTo>
                  <a:lnTo>
                    <a:pt x="480060" y="4572"/>
                  </a:lnTo>
                  <a:lnTo>
                    <a:pt x="490728" y="4572"/>
                  </a:lnTo>
                  <a:lnTo>
                    <a:pt x="490728" y="0"/>
                  </a:lnTo>
                  <a:close/>
                </a:path>
                <a:path w="969644" h="5080">
                  <a:moveTo>
                    <a:pt x="504444" y="0"/>
                  </a:moveTo>
                  <a:lnTo>
                    <a:pt x="493776" y="0"/>
                  </a:lnTo>
                  <a:lnTo>
                    <a:pt x="493776" y="4572"/>
                  </a:lnTo>
                  <a:lnTo>
                    <a:pt x="504444" y="4572"/>
                  </a:lnTo>
                  <a:lnTo>
                    <a:pt x="504444" y="0"/>
                  </a:lnTo>
                  <a:close/>
                </a:path>
                <a:path w="969644" h="5080">
                  <a:moveTo>
                    <a:pt x="518160" y="0"/>
                  </a:moveTo>
                  <a:lnTo>
                    <a:pt x="507492" y="0"/>
                  </a:lnTo>
                  <a:lnTo>
                    <a:pt x="507492" y="4572"/>
                  </a:lnTo>
                  <a:lnTo>
                    <a:pt x="518160" y="4572"/>
                  </a:lnTo>
                  <a:lnTo>
                    <a:pt x="518160" y="0"/>
                  </a:lnTo>
                  <a:close/>
                </a:path>
                <a:path w="969644" h="5080">
                  <a:moveTo>
                    <a:pt x="531876" y="0"/>
                  </a:moveTo>
                  <a:lnTo>
                    <a:pt x="521208" y="0"/>
                  </a:lnTo>
                  <a:lnTo>
                    <a:pt x="521208" y="4572"/>
                  </a:lnTo>
                  <a:lnTo>
                    <a:pt x="531876" y="4572"/>
                  </a:lnTo>
                  <a:lnTo>
                    <a:pt x="531876" y="0"/>
                  </a:lnTo>
                  <a:close/>
                </a:path>
                <a:path w="969644" h="5080">
                  <a:moveTo>
                    <a:pt x="545592" y="0"/>
                  </a:moveTo>
                  <a:lnTo>
                    <a:pt x="534924" y="0"/>
                  </a:lnTo>
                  <a:lnTo>
                    <a:pt x="534924" y="4572"/>
                  </a:lnTo>
                  <a:lnTo>
                    <a:pt x="545592" y="4572"/>
                  </a:lnTo>
                  <a:lnTo>
                    <a:pt x="545592" y="0"/>
                  </a:lnTo>
                  <a:close/>
                </a:path>
                <a:path w="969644" h="5080">
                  <a:moveTo>
                    <a:pt x="559308" y="0"/>
                  </a:moveTo>
                  <a:lnTo>
                    <a:pt x="548640" y="0"/>
                  </a:lnTo>
                  <a:lnTo>
                    <a:pt x="548640" y="4572"/>
                  </a:lnTo>
                  <a:lnTo>
                    <a:pt x="559308" y="4572"/>
                  </a:lnTo>
                  <a:lnTo>
                    <a:pt x="559308" y="0"/>
                  </a:lnTo>
                  <a:close/>
                </a:path>
                <a:path w="969644" h="5080">
                  <a:moveTo>
                    <a:pt x="573024" y="0"/>
                  </a:moveTo>
                  <a:lnTo>
                    <a:pt x="562356" y="0"/>
                  </a:lnTo>
                  <a:lnTo>
                    <a:pt x="562356" y="4572"/>
                  </a:lnTo>
                  <a:lnTo>
                    <a:pt x="573024" y="4572"/>
                  </a:lnTo>
                  <a:lnTo>
                    <a:pt x="573024" y="0"/>
                  </a:lnTo>
                  <a:close/>
                </a:path>
                <a:path w="969644" h="5080">
                  <a:moveTo>
                    <a:pt x="586740" y="0"/>
                  </a:moveTo>
                  <a:lnTo>
                    <a:pt x="576072" y="0"/>
                  </a:lnTo>
                  <a:lnTo>
                    <a:pt x="576072" y="4572"/>
                  </a:lnTo>
                  <a:lnTo>
                    <a:pt x="586740" y="4572"/>
                  </a:lnTo>
                  <a:lnTo>
                    <a:pt x="586740" y="0"/>
                  </a:lnTo>
                  <a:close/>
                </a:path>
                <a:path w="969644" h="5080">
                  <a:moveTo>
                    <a:pt x="600456" y="0"/>
                  </a:moveTo>
                  <a:lnTo>
                    <a:pt x="589788" y="0"/>
                  </a:lnTo>
                  <a:lnTo>
                    <a:pt x="589788" y="4572"/>
                  </a:lnTo>
                  <a:lnTo>
                    <a:pt x="600456" y="4572"/>
                  </a:lnTo>
                  <a:lnTo>
                    <a:pt x="600456" y="0"/>
                  </a:lnTo>
                  <a:close/>
                </a:path>
                <a:path w="969644" h="5080">
                  <a:moveTo>
                    <a:pt x="614172" y="0"/>
                  </a:moveTo>
                  <a:lnTo>
                    <a:pt x="603504" y="0"/>
                  </a:lnTo>
                  <a:lnTo>
                    <a:pt x="603504" y="4572"/>
                  </a:lnTo>
                  <a:lnTo>
                    <a:pt x="614172" y="4572"/>
                  </a:lnTo>
                  <a:lnTo>
                    <a:pt x="614172" y="0"/>
                  </a:lnTo>
                  <a:close/>
                </a:path>
                <a:path w="969644" h="5080">
                  <a:moveTo>
                    <a:pt x="627888" y="0"/>
                  </a:moveTo>
                  <a:lnTo>
                    <a:pt x="617220" y="0"/>
                  </a:lnTo>
                  <a:lnTo>
                    <a:pt x="617220" y="4572"/>
                  </a:lnTo>
                  <a:lnTo>
                    <a:pt x="627888" y="4572"/>
                  </a:lnTo>
                  <a:lnTo>
                    <a:pt x="627888" y="0"/>
                  </a:lnTo>
                  <a:close/>
                </a:path>
                <a:path w="969644" h="5080">
                  <a:moveTo>
                    <a:pt x="641604" y="0"/>
                  </a:moveTo>
                  <a:lnTo>
                    <a:pt x="630936" y="0"/>
                  </a:lnTo>
                  <a:lnTo>
                    <a:pt x="630936" y="4572"/>
                  </a:lnTo>
                  <a:lnTo>
                    <a:pt x="641604" y="4572"/>
                  </a:lnTo>
                  <a:lnTo>
                    <a:pt x="641604" y="0"/>
                  </a:lnTo>
                  <a:close/>
                </a:path>
                <a:path w="969644" h="5080">
                  <a:moveTo>
                    <a:pt x="655320" y="0"/>
                  </a:moveTo>
                  <a:lnTo>
                    <a:pt x="644652" y="0"/>
                  </a:lnTo>
                  <a:lnTo>
                    <a:pt x="644652" y="4572"/>
                  </a:lnTo>
                  <a:lnTo>
                    <a:pt x="655320" y="4572"/>
                  </a:lnTo>
                  <a:lnTo>
                    <a:pt x="655320" y="0"/>
                  </a:lnTo>
                  <a:close/>
                </a:path>
                <a:path w="969644" h="5080">
                  <a:moveTo>
                    <a:pt x="669036" y="0"/>
                  </a:moveTo>
                  <a:lnTo>
                    <a:pt x="658368" y="0"/>
                  </a:lnTo>
                  <a:lnTo>
                    <a:pt x="658368" y="4572"/>
                  </a:lnTo>
                  <a:lnTo>
                    <a:pt x="669036" y="4572"/>
                  </a:lnTo>
                  <a:lnTo>
                    <a:pt x="669036" y="0"/>
                  </a:lnTo>
                  <a:close/>
                </a:path>
                <a:path w="969644" h="5080">
                  <a:moveTo>
                    <a:pt x="682752" y="0"/>
                  </a:moveTo>
                  <a:lnTo>
                    <a:pt x="672084" y="0"/>
                  </a:lnTo>
                  <a:lnTo>
                    <a:pt x="672084" y="4572"/>
                  </a:lnTo>
                  <a:lnTo>
                    <a:pt x="682752" y="4572"/>
                  </a:lnTo>
                  <a:lnTo>
                    <a:pt x="682752" y="0"/>
                  </a:lnTo>
                  <a:close/>
                </a:path>
                <a:path w="969644" h="5080">
                  <a:moveTo>
                    <a:pt x="696468" y="0"/>
                  </a:moveTo>
                  <a:lnTo>
                    <a:pt x="685800" y="0"/>
                  </a:lnTo>
                  <a:lnTo>
                    <a:pt x="685800" y="4572"/>
                  </a:lnTo>
                  <a:lnTo>
                    <a:pt x="696468" y="4572"/>
                  </a:lnTo>
                  <a:lnTo>
                    <a:pt x="696468" y="0"/>
                  </a:lnTo>
                  <a:close/>
                </a:path>
                <a:path w="969644" h="5080">
                  <a:moveTo>
                    <a:pt x="710184" y="0"/>
                  </a:moveTo>
                  <a:lnTo>
                    <a:pt x="699516" y="0"/>
                  </a:lnTo>
                  <a:lnTo>
                    <a:pt x="699516" y="4572"/>
                  </a:lnTo>
                  <a:lnTo>
                    <a:pt x="710184" y="4572"/>
                  </a:lnTo>
                  <a:lnTo>
                    <a:pt x="710184" y="0"/>
                  </a:lnTo>
                  <a:close/>
                </a:path>
                <a:path w="969644" h="5080">
                  <a:moveTo>
                    <a:pt x="723900" y="0"/>
                  </a:moveTo>
                  <a:lnTo>
                    <a:pt x="713232" y="0"/>
                  </a:lnTo>
                  <a:lnTo>
                    <a:pt x="713232" y="4572"/>
                  </a:lnTo>
                  <a:lnTo>
                    <a:pt x="723900" y="4572"/>
                  </a:lnTo>
                  <a:lnTo>
                    <a:pt x="723900" y="0"/>
                  </a:lnTo>
                  <a:close/>
                </a:path>
                <a:path w="969644" h="5080">
                  <a:moveTo>
                    <a:pt x="737616" y="0"/>
                  </a:moveTo>
                  <a:lnTo>
                    <a:pt x="726948" y="0"/>
                  </a:lnTo>
                  <a:lnTo>
                    <a:pt x="726948" y="4572"/>
                  </a:lnTo>
                  <a:lnTo>
                    <a:pt x="737616" y="4572"/>
                  </a:lnTo>
                  <a:lnTo>
                    <a:pt x="737616" y="0"/>
                  </a:lnTo>
                  <a:close/>
                </a:path>
                <a:path w="969644" h="5080">
                  <a:moveTo>
                    <a:pt x="751332" y="0"/>
                  </a:moveTo>
                  <a:lnTo>
                    <a:pt x="740664" y="0"/>
                  </a:lnTo>
                  <a:lnTo>
                    <a:pt x="740664" y="4572"/>
                  </a:lnTo>
                  <a:lnTo>
                    <a:pt x="751332" y="4572"/>
                  </a:lnTo>
                  <a:lnTo>
                    <a:pt x="751332" y="0"/>
                  </a:lnTo>
                  <a:close/>
                </a:path>
                <a:path w="969644" h="5080">
                  <a:moveTo>
                    <a:pt x="765048" y="0"/>
                  </a:moveTo>
                  <a:lnTo>
                    <a:pt x="754380" y="0"/>
                  </a:lnTo>
                  <a:lnTo>
                    <a:pt x="754380" y="4572"/>
                  </a:lnTo>
                  <a:lnTo>
                    <a:pt x="765048" y="4572"/>
                  </a:lnTo>
                  <a:lnTo>
                    <a:pt x="765048" y="0"/>
                  </a:lnTo>
                  <a:close/>
                </a:path>
                <a:path w="969644" h="5080">
                  <a:moveTo>
                    <a:pt x="778764" y="0"/>
                  </a:moveTo>
                  <a:lnTo>
                    <a:pt x="768096" y="0"/>
                  </a:lnTo>
                  <a:lnTo>
                    <a:pt x="768096" y="4572"/>
                  </a:lnTo>
                  <a:lnTo>
                    <a:pt x="778764" y="4572"/>
                  </a:lnTo>
                  <a:lnTo>
                    <a:pt x="778764" y="0"/>
                  </a:lnTo>
                  <a:close/>
                </a:path>
                <a:path w="969644" h="5080">
                  <a:moveTo>
                    <a:pt x="792480" y="0"/>
                  </a:moveTo>
                  <a:lnTo>
                    <a:pt x="781812" y="0"/>
                  </a:lnTo>
                  <a:lnTo>
                    <a:pt x="781812" y="4572"/>
                  </a:lnTo>
                  <a:lnTo>
                    <a:pt x="792480" y="4572"/>
                  </a:lnTo>
                  <a:lnTo>
                    <a:pt x="792480" y="0"/>
                  </a:lnTo>
                  <a:close/>
                </a:path>
                <a:path w="969644" h="5080">
                  <a:moveTo>
                    <a:pt x="804672" y="0"/>
                  </a:moveTo>
                  <a:lnTo>
                    <a:pt x="795528" y="0"/>
                  </a:lnTo>
                  <a:lnTo>
                    <a:pt x="795528" y="4572"/>
                  </a:lnTo>
                  <a:lnTo>
                    <a:pt x="804672" y="4572"/>
                  </a:lnTo>
                  <a:lnTo>
                    <a:pt x="804672" y="0"/>
                  </a:lnTo>
                  <a:close/>
                </a:path>
                <a:path w="969644" h="5080">
                  <a:moveTo>
                    <a:pt x="818388" y="0"/>
                  </a:moveTo>
                  <a:lnTo>
                    <a:pt x="809244" y="0"/>
                  </a:lnTo>
                  <a:lnTo>
                    <a:pt x="809244" y="4572"/>
                  </a:lnTo>
                  <a:lnTo>
                    <a:pt x="818388" y="4572"/>
                  </a:lnTo>
                  <a:lnTo>
                    <a:pt x="818388" y="0"/>
                  </a:lnTo>
                  <a:close/>
                </a:path>
                <a:path w="969644" h="5080">
                  <a:moveTo>
                    <a:pt x="832104" y="0"/>
                  </a:moveTo>
                  <a:lnTo>
                    <a:pt x="822960" y="0"/>
                  </a:lnTo>
                  <a:lnTo>
                    <a:pt x="822960" y="4572"/>
                  </a:lnTo>
                  <a:lnTo>
                    <a:pt x="832104" y="4572"/>
                  </a:lnTo>
                  <a:lnTo>
                    <a:pt x="832104" y="0"/>
                  </a:lnTo>
                  <a:close/>
                </a:path>
                <a:path w="969644" h="5080">
                  <a:moveTo>
                    <a:pt x="845820" y="0"/>
                  </a:moveTo>
                  <a:lnTo>
                    <a:pt x="836676" y="0"/>
                  </a:lnTo>
                  <a:lnTo>
                    <a:pt x="836676" y="4572"/>
                  </a:lnTo>
                  <a:lnTo>
                    <a:pt x="845820" y="4572"/>
                  </a:lnTo>
                  <a:lnTo>
                    <a:pt x="845820" y="0"/>
                  </a:lnTo>
                  <a:close/>
                </a:path>
                <a:path w="969644" h="5080">
                  <a:moveTo>
                    <a:pt x="859536" y="0"/>
                  </a:moveTo>
                  <a:lnTo>
                    <a:pt x="850392" y="0"/>
                  </a:lnTo>
                  <a:lnTo>
                    <a:pt x="850392" y="4572"/>
                  </a:lnTo>
                  <a:lnTo>
                    <a:pt x="859536" y="4572"/>
                  </a:lnTo>
                  <a:lnTo>
                    <a:pt x="859536" y="0"/>
                  </a:lnTo>
                  <a:close/>
                </a:path>
                <a:path w="969644" h="5080">
                  <a:moveTo>
                    <a:pt x="873252" y="0"/>
                  </a:moveTo>
                  <a:lnTo>
                    <a:pt x="864108" y="0"/>
                  </a:lnTo>
                  <a:lnTo>
                    <a:pt x="864108" y="4572"/>
                  </a:lnTo>
                  <a:lnTo>
                    <a:pt x="873252" y="4572"/>
                  </a:lnTo>
                  <a:lnTo>
                    <a:pt x="873252" y="0"/>
                  </a:lnTo>
                  <a:close/>
                </a:path>
                <a:path w="969644" h="5080">
                  <a:moveTo>
                    <a:pt x="886968" y="0"/>
                  </a:moveTo>
                  <a:lnTo>
                    <a:pt x="877824" y="0"/>
                  </a:lnTo>
                  <a:lnTo>
                    <a:pt x="877824" y="4572"/>
                  </a:lnTo>
                  <a:lnTo>
                    <a:pt x="886968" y="4572"/>
                  </a:lnTo>
                  <a:lnTo>
                    <a:pt x="886968" y="0"/>
                  </a:lnTo>
                  <a:close/>
                </a:path>
                <a:path w="969644" h="5080">
                  <a:moveTo>
                    <a:pt x="900684" y="0"/>
                  </a:moveTo>
                  <a:lnTo>
                    <a:pt x="891540" y="0"/>
                  </a:lnTo>
                  <a:lnTo>
                    <a:pt x="891540" y="4572"/>
                  </a:lnTo>
                  <a:lnTo>
                    <a:pt x="900684" y="4572"/>
                  </a:lnTo>
                  <a:lnTo>
                    <a:pt x="900684" y="0"/>
                  </a:lnTo>
                  <a:close/>
                </a:path>
                <a:path w="969644" h="5080">
                  <a:moveTo>
                    <a:pt x="914400" y="0"/>
                  </a:moveTo>
                  <a:lnTo>
                    <a:pt x="905256" y="0"/>
                  </a:lnTo>
                  <a:lnTo>
                    <a:pt x="905256" y="4572"/>
                  </a:lnTo>
                  <a:lnTo>
                    <a:pt x="914400" y="4572"/>
                  </a:lnTo>
                  <a:lnTo>
                    <a:pt x="914400" y="0"/>
                  </a:lnTo>
                  <a:close/>
                </a:path>
                <a:path w="969644" h="5080">
                  <a:moveTo>
                    <a:pt x="928103" y="0"/>
                  </a:moveTo>
                  <a:lnTo>
                    <a:pt x="918972" y="0"/>
                  </a:lnTo>
                  <a:lnTo>
                    <a:pt x="918972" y="4572"/>
                  </a:lnTo>
                  <a:lnTo>
                    <a:pt x="928103" y="4572"/>
                  </a:lnTo>
                  <a:lnTo>
                    <a:pt x="928103" y="0"/>
                  </a:lnTo>
                  <a:close/>
                </a:path>
                <a:path w="969644" h="5080">
                  <a:moveTo>
                    <a:pt x="941832" y="0"/>
                  </a:moveTo>
                  <a:lnTo>
                    <a:pt x="932688" y="0"/>
                  </a:lnTo>
                  <a:lnTo>
                    <a:pt x="932688" y="4572"/>
                  </a:lnTo>
                  <a:lnTo>
                    <a:pt x="941832" y="4572"/>
                  </a:lnTo>
                  <a:lnTo>
                    <a:pt x="941832" y="0"/>
                  </a:lnTo>
                  <a:close/>
                </a:path>
                <a:path w="969644" h="5080">
                  <a:moveTo>
                    <a:pt x="955548" y="0"/>
                  </a:moveTo>
                  <a:lnTo>
                    <a:pt x="946404" y="0"/>
                  </a:lnTo>
                  <a:lnTo>
                    <a:pt x="946404" y="4572"/>
                  </a:lnTo>
                  <a:lnTo>
                    <a:pt x="955548" y="4572"/>
                  </a:lnTo>
                  <a:lnTo>
                    <a:pt x="955548" y="0"/>
                  </a:lnTo>
                  <a:close/>
                </a:path>
                <a:path w="969644"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69" name="object 69"/>
            <p:cNvSpPr/>
            <p:nvPr/>
          </p:nvSpPr>
          <p:spPr>
            <a:xfrm>
              <a:off x="1696212" y="3098291"/>
              <a:ext cx="969644" cy="5080"/>
            </a:xfrm>
            <a:custGeom>
              <a:avLst/>
              <a:gdLst/>
              <a:ahLst/>
              <a:cxnLst/>
              <a:rect l="l" t="t" r="r" b="b"/>
              <a:pathLst>
                <a:path w="969644" h="5080">
                  <a:moveTo>
                    <a:pt x="9144" y="0"/>
                  </a:moveTo>
                  <a:lnTo>
                    <a:pt x="0" y="0"/>
                  </a:lnTo>
                  <a:lnTo>
                    <a:pt x="0" y="4572"/>
                  </a:lnTo>
                  <a:lnTo>
                    <a:pt x="9144" y="4572"/>
                  </a:lnTo>
                  <a:lnTo>
                    <a:pt x="9144" y="0"/>
                  </a:lnTo>
                  <a:close/>
                </a:path>
                <a:path w="969644" h="5080">
                  <a:moveTo>
                    <a:pt x="22860" y="0"/>
                  </a:moveTo>
                  <a:lnTo>
                    <a:pt x="13716" y="0"/>
                  </a:lnTo>
                  <a:lnTo>
                    <a:pt x="13716" y="4572"/>
                  </a:lnTo>
                  <a:lnTo>
                    <a:pt x="22860" y="4572"/>
                  </a:lnTo>
                  <a:lnTo>
                    <a:pt x="22860" y="0"/>
                  </a:lnTo>
                  <a:close/>
                </a:path>
                <a:path w="969644" h="5080">
                  <a:moveTo>
                    <a:pt x="36576" y="0"/>
                  </a:moveTo>
                  <a:lnTo>
                    <a:pt x="27432" y="0"/>
                  </a:lnTo>
                  <a:lnTo>
                    <a:pt x="27432" y="4572"/>
                  </a:lnTo>
                  <a:lnTo>
                    <a:pt x="36576" y="4572"/>
                  </a:lnTo>
                  <a:lnTo>
                    <a:pt x="36576" y="0"/>
                  </a:lnTo>
                  <a:close/>
                </a:path>
                <a:path w="969644" h="5080">
                  <a:moveTo>
                    <a:pt x="50292" y="0"/>
                  </a:moveTo>
                  <a:lnTo>
                    <a:pt x="41148" y="0"/>
                  </a:lnTo>
                  <a:lnTo>
                    <a:pt x="41148" y="4572"/>
                  </a:lnTo>
                  <a:lnTo>
                    <a:pt x="50292" y="4572"/>
                  </a:lnTo>
                  <a:lnTo>
                    <a:pt x="50292" y="0"/>
                  </a:lnTo>
                  <a:close/>
                </a:path>
                <a:path w="969644" h="5080">
                  <a:moveTo>
                    <a:pt x="64008" y="0"/>
                  </a:moveTo>
                  <a:lnTo>
                    <a:pt x="54864" y="0"/>
                  </a:lnTo>
                  <a:lnTo>
                    <a:pt x="54864" y="4572"/>
                  </a:lnTo>
                  <a:lnTo>
                    <a:pt x="64008" y="4572"/>
                  </a:lnTo>
                  <a:lnTo>
                    <a:pt x="64008" y="0"/>
                  </a:lnTo>
                  <a:close/>
                </a:path>
                <a:path w="969644" h="5080">
                  <a:moveTo>
                    <a:pt x="77724" y="0"/>
                  </a:moveTo>
                  <a:lnTo>
                    <a:pt x="68580" y="0"/>
                  </a:lnTo>
                  <a:lnTo>
                    <a:pt x="68580" y="4572"/>
                  </a:lnTo>
                  <a:lnTo>
                    <a:pt x="77724" y="4572"/>
                  </a:lnTo>
                  <a:lnTo>
                    <a:pt x="77724" y="0"/>
                  </a:lnTo>
                  <a:close/>
                </a:path>
                <a:path w="969644" h="5080">
                  <a:moveTo>
                    <a:pt x="91440" y="0"/>
                  </a:moveTo>
                  <a:lnTo>
                    <a:pt x="82296" y="0"/>
                  </a:lnTo>
                  <a:lnTo>
                    <a:pt x="82296" y="4572"/>
                  </a:lnTo>
                  <a:lnTo>
                    <a:pt x="91440" y="4572"/>
                  </a:lnTo>
                  <a:lnTo>
                    <a:pt x="91440" y="0"/>
                  </a:lnTo>
                  <a:close/>
                </a:path>
                <a:path w="969644" h="5080">
                  <a:moveTo>
                    <a:pt x="105156" y="0"/>
                  </a:moveTo>
                  <a:lnTo>
                    <a:pt x="96012" y="0"/>
                  </a:lnTo>
                  <a:lnTo>
                    <a:pt x="96012" y="4572"/>
                  </a:lnTo>
                  <a:lnTo>
                    <a:pt x="105156" y="4572"/>
                  </a:lnTo>
                  <a:lnTo>
                    <a:pt x="105156" y="0"/>
                  </a:lnTo>
                  <a:close/>
                </a:path>
                <a:path w="969644" h="5080">
                  <a:moveTo>
                    <a:pt x="118872" y="0"/>
                  </a:moveTo>
                  <a:lnTo>
                    <a:pt x="109728" y="0"/>
                  </a:lnTo>
                  <a:lnTo>
                    <a:pt x="109728" y="4572"/>
                  </a:lnTo>
                  <a:lnTo>
                    <a:pt x="118872" y="4572"/>
                  </a:lnTo>
                  <a:lnTo>
                    <a:pt x="118872" y="0"/>
                  </a:lnTo>
                  <a:close/>
                </a:path>
                <a:path w="969644" h="5080">
                  <a:moveTo>
                    <a:pt x="132588" y="0"/>
                  </a:moveTo>
                  <a:lnTo>
                    <a:pt x="123444" y="0"/>
                  </a:lnTo>
                  <a:lnTo>
                    <a:pt x="123444" y="4572"/>
                  </a:lnTo>
                  <a:lnTo>
                    <a:pt x="132588" y="4572"/>
                  </a:lnTo>
                  <a:lnTo>
                    <a:pt x="132588" y="0"/>
                  </a:lnTo>
                  <a:close/>
                </a:path>
                <a:path w="969644" h="5080">
                  <a:moveTo>
                    <a:pt x="146304" y="0"/>
                  </a:moveTo>
                  <a:lnTo>
                    <a:pt x="137160" y="0"/>
                  </a:lnTo>
                  <a:lnTo>
                    <a:pt x="137160" y="4572"/>
                  </a:lnTo>
                  <a:lnTo>
                    <a:pt x="146304" y="4572"/>
                  </a:lnTo>
                  <a:lnTo>
                    <a:pt x="146304" y="0"/>
                  </a:lnTo>
                  <a:close/>
                </a:path>
                <a:path w="969644" h="5080">
                  <a:moveTo>
                    <a:pt x="160020" y="0"/>
                  </a:moveTo>
                  <a:lnTo>
                    <a:pt x="150876" y="0"/>
                  </a:lnTo>
                  <a:lnTo>
                    <a:pt x="150876" y="4572"/>
                  </a:lnTo>
                  <a:lnTo>
                    <a:pt x="160020" y="4572"/>
                  </a:lnTo>
                  <a:lnTo>
                    <a:pt x="160020" y="0"/>
                  </a:lnTo>
                  <a:close/>
                </a:path>
                <a:path w="969644" h="5080">
                  <a:moveTo>
                    <a:pt x="173736" y="0"/>
                  </a:moveTo>
                  <a:lnTo>
                    <a:pt x="164592" y="0"/>
                  </a:lnTo>
                  <a:lnTo>
                    <a:pt x="164592" y="4572"/>
                  </a:lnTo>
                  <a:lnTo>
                    <a:pt x="173736" y="4572"/>
                  </a:lnTo>
                  <a:lnTo>
                    <a:pt x="173736" y="0"/>
                  </a:lnTo>
                  <a:close/>
                </a:path>
                <a:path w="969644" h="5080">
                  <a:moveTo>
                    <a:pt x="187452" y="0"/>
                  </a:moveTo>
                  <a:lnTo>
                    <a:pt x="178308" y="0"/>
                  </a:lnTo>
                  <a:lnTo>
                    <a:pt x="178308" y="4572"/>
                  </a:lnTo>
                  <a:lnTo>
                    <a:pt x="187452" y="4572"/>
                  </a:lnTo>
                  <a:lnTo>
                    <a:pt x="187452" y="0"/>
                  </a:lnTo>
                  <a:close/>
                </a:path>
                <a:path w="969644" h="5080">
                  <a:moveTo>
                    <a:pt x="201168" y="0"/>
                  </a:moveTo>
                  <a:lnTo>
                    <a:pt x="192024" y="0"/>
                  </a:lnTo>
                  <a:lnTo>
                    <a:pt x="192024" y="4572"/>
                  </a:lnTo>
                  <a:lnTo>
                    <a:pt x="201168" y="4572"/>
                  </a:lnTo>
                  <a:lnTo>
                    <a:pt x="201168" y="0"/>
                  </a:lnTo>
                  <a:close/>
                </a:path>
                <a:path w="969644" h="5080">
                  <a:moveTo>
                    <a:pt x="214884" y="0"/>
                  </a:moveTo>
                  <a:lnTo>
                    <a:pt x="205740" y="0"/>
                  </a:lnTo>
                  <a:lnTo>
                    <a:pt x="205740" y="4572"/>
                  </a:lnTo>
                  <a:lnTo>
                    <a:pt x="214884" y="4572"/>
                  </a:lnTo>
                  <a:lnTo>
                    <a:pt x="214884" y="0"/>
                  </a:lnTo>
                  <a:close/>
                </a:path>
                <a:path w="969644" h="5080">
                  <a:moveTo>
                    <a:pt x="228600" y="0"/>
                  </a:moveTo>
                  <a:lnTo>
                    <a:pt x="219456" y="0"/>
                  </a:lnTo>
                  <a:lnTo>
                    <a:pt x="219456" y="4572"/>
                  </a:lnTo>
                  <a:lnTo>
                    <a:pt x="228600" y="4572"/>
                  </a:lnTo>
                  <a:lnTo>
                    <a:pt x="228600" y="0"/>
                  </a:lnTo>
                  <a:close/>
                </a:path>
                <a:path w="969644" h="5080">
                  <a:moveTo>
                    <a:pt x="242316" y="0"/>
                  </a:moveTo>
                  <a:lnTo>
                    <a:pt x="233172" y="0"/>
                  </a:lnTo>
                  <a:lnTo>
                    <a:pt x="233172" y="4572"/>
                  </a:lnTo>
                  <a:lnTo>
                    <a:pt x="242316" y="4572"/>
                  </a:lnTo>
                  <a:lnTo>
                    <a:pt x="242316" y="0"/>
                  </a:lnTo>
                  <a:close/>
                </a:path>
                <a:path w="969644" h="5080">
                  <a:moveTo>
                    <a:pt x="256032" y="0"/>
                  </a:moveTo>
                  <a:lnTo>
                    <a:pt x="246888" y="0"/>
                  </a:lnTo>
                  <a:lnTo>
                    <a:pt x="246888" y="4572"/>
                  </a:lnTo>
                  <a:lnTo>
                    <a:pt x="256032" y="4572"/>
                  </a:lnTo>
                  <a:lnTo>
                    <a:pt x="256032" y="0"/>
                  </a:lnTo>
                  <a:close/>
                </a:path>
                <a:path w="969644" h="5080">
                  <a:moveTo>
                    <a:pt x="269748" y="0"/>
                  </a:moveTo>
                  <a:lnTo>
                    <a:pt x="260604" y="0"/>
                  </a:lnTo>
                  <a:lnTo>
                    <a:pt x="260604" y="4572"/>
                  </a:lnTo>
                  <a:lnTo>
                    <a:pt x="269748" y="4572"/>
                  </a:lnTo>
                  <a:lnTo>
                    <a:pt x="269748" y="0"/>
                  </a:lnTo>
                  <a:close/>
                </a:path>
                <a:path w="969644" h="5080">
                  <a:moveTo>
                    <a:pt x="283464" y="0"/>
                  </a:moveTo>
                  <a:lnTo>
                    <a:pt x="274320" y="0"/>
                  </a:lnTo>
                  <a:lnTo>
                    <a:pt x="274320" y="4572"/>
                  </a:lnTo>
                  <a:lnTo>
                    <a:pt x="283464" y="4572"/>
                  </a:lnTo>
                  <a:lnTo>
                    <a:pt x="283464" y="0"/>
                  </a:lnTo>
                  <a:close/>
                </a:path>
                <a:path w="969644" h="5080">
                  <a:moveTo>
                    <a:pt x="297180" y="0"/>
                  </a:moveTo>
                  <a:lnTo>
                    <a:pt x="288036" y="0"/>
                  </a:lnTo>
                  <a:lnTo>
                    <a:pt x="288036" y="4572"/>
                  </a:lnTo>
                  <a:lnTo>
                    <a:pt x="297180" y="4572"/>
                  </a:lnTo>
                  <a:lnTo>
                    <a:pt x="297180" y="0"/>
                  </a:lnTo>
                  <a:close/>
                </a:path>
                <a:path w="969644" h="5080">
                  <a:moveTo>
                    <a:pt x="310896" y="0"/>
                  </a:moveTo>
                  <a:lnTo>
                    <a:pt x="301752" y="0"/>
                  </a:lnTo>
                  <a:lnTo>
                    <a:pt x="301752" y="4572"/>
                  </a:lnTo>
                  <a:lnTo>
                    <a:pt x="310896" y="4572"/>
                  </a:lnTo>
                  <a:lnTo>
                    <a:pt x="310896" y="0"/>
                  </a:lnTo>
                  <a:close/>
                </a:path>
                <a:path w="969644" h="5080">
                  <a:moveTo>
                    <a:pt x="324612" y="0"/>
                  </a:moveTo>
                  <a:lnTo>
                    <a:pt x="315468" y="0"/>
                  </a:lnTo>
                  <a:lnTo>
                    <a:pt x="315468" y="4572"/>
                  </a:lnTo>
                  <a:lnTo>
                    <a:pt x="324612" y="4572"/>
                  </a:lnTo>
                  <a:lnTo>
                    <a:pt x="324612" y="0"/>
                  </a:lnTo>
                  <a:close/>
                </a:path>
                <a:path w="969644" h="5080">
                  <a:moveTo>
                    <a:pt x="338328" y="0"/>
                  </a:moveTo>
                  <a:lnTo>
                    <a:pt x="329184" y="0"/>
                  </a:lnTo>
                  <a:lnTo>
                    <a:pt x="329184" y="4572"/>
                  </a:lnTo>
                  <a:lnTo>
                    <a:pt x="338328" y="4572"/>
                  </a:lnTo>
                  <a:lnTo>
                    <a:pt x="338328" y="0"/>
                  </a:lnTo>
                  <a:close/>
                </a:path>
                <a:path w="969644" h="5080">
                  <a:moveTo>
                    <a:pt x="352044" y="0"/>
                  </a:moveTo>
                  <a:lnTo>
                    <a:pt x="342900" y="0"/>
                  </a:lnTo>
                  <a:lnTo>
                    <a:pt x="342900" y="4572"/>
                  </a:lnTo>
                  <a:lnTo>
                    <a:pt x="352044" y="4572"/>
                  </a:lnTo>
                  <a:lnTo>
                    <a:pt x="352044" y="0"/>
                  </a:lnTo>
                  <a:close/>
                </a:path>
                <a:path w="969644" h="5080">
                  <a:moveTo>
                    <a:pt x="365760" y="0"/>
                  </a:moveTo>
                  <a:lnTo>
                    <a:pt x="356616" y="0"/>
                  </a:lnTo>
                  <a:lnTo>
                    <a:pt x="356616" y="4572"/>
                  </a:lnTo>
                  <a:lnTo>
                    <a:pt x="365760" y="4572"/>
                  </a:lnTo>
                  <a:lnTo>
                    <a:pt x="365760" y="0"/>
                  </a:lnTo>
                  <a:close/>
                </a:path>
                <a:path w="969644" h="5080">
                  <a:moveTo>
                    <a:pt x="379476" y="0"/>
                  </a:moveTo>
                  <a:lnTo>
                    <a:pt x="370332" y="0"/>
                  </a:lnTo>
                  <a:lnTo>
                    <a:pt x="370332" y="4572"/>
                  </a:lnTo>
                  <a:lnTo>
                    <a:pt x="379476" y="4572"/>
                  </a:lnTo>
                  <a:lnTo>
                    <a:pt x="379476" y="0"/>
                  </a:lnTo>
                  <a:close/>
                </a:path>
                <a:path w="969644" h="5080">
                  <a:moveTo>
                    <a:pt x="393192" y="0"/>
                  </a:moveTo>
                  <a:lnTo>
                    <a:pt x="384048" y="0"/>
                  </a:lnTo>
                  <a:lnTo>
                    <a:pt x="384048" y="4572"/>
                  </a:lnTo>
                  <a:lnTo>
                    <a:pt x="393192" y="4572"/>
                  </a:lnTo>
                  <a:lnTo>
                    <a:pt x="393192" y="0"/>
                  </a:lnTo>
                  <a:close/>
                </a:path>
                <a:path w="969644" h="5080">
                  <a:moveTo>
                    <a:pt x="406908" y="0"/>
                  </a:moveTo>
                  <a:lnTo>
                    <a:pt x="397764" y="0"/>
                  </a:lnTo>
                  <a:lnTo>
                    <a:pt x="397764" y="4572"/>
                  </a:lnTo>
                  <a:lnTo>
                    <a:pt x="406908" y="4572"/>
                  </a:lnTo>
                  <a:lnTo>
                    <a:pt x="406908" y="0"/>
                  </a:lnTo>
                  <a:close/>
                </a:path>
                <a:path w="969644" h="5080">
                  <a:moveTo>
                    <a:pt x="420624" y="0"/>
                  </a:moveTo>
                  <a:lnTo>
                    <a:pt x="411480" y="0"/>
                  </a:lnTo>
                  <a:lnTo>
                    <a:pt x="411480" y="4572"/>
                  </a:lnTo>
                  <a:lnTo>
                    <a:pt x="420624" y="4572"/>
                  </a:lnTo>
                  <a:lnTo>
                    <a:pt x="420624" y="0"/>
                  </a:lnTo>
                  <a:close/>
                </a:path>
                <a:path w="969644" h="5080">
                  <a:moveTo>
                    <a:pt x="434340" y="0"/>
                  </a:moveTo>
                  <a:lnTo>
                    <a:pt x="425196" y="0"/>
                  </a:lnTo>
                  <a:lnTo>
                    <a:pt x="425196" y="4572"/>
                  </a:lnTo>
                  <a:lnTo>
                    <a:pt x="434340" y="4572"/>
                  </a:lnTo>
                  <a:lnTo>
                    <a:pt x="434340" y="0"/>
                  </a:lnTo>
                  <a:close/>
                </a:path>
                <a:path w="969644" h="5080">
                  <a:moveTo>
                    <a:pt x="448056" y="0"/>
                  </a:moveTo>
                  <a:lnTo>
                    <a:pt x="438912" y="0"/>
                  </a:lnTo>
                  <a:lnTo>
                    <a:pt x="438912" y="4572"/>
                  </a:lnTo>
                  <a:lnTo>
                    <a:pt x="448056" y="4572"/>
                  </a:lnTo>
                  <a:lnTo>
                    <a:pt x="448056" y="0"/>
                  </a:lnTo>
                  <a:close/>
                </a:path>
                <a:path w="969644" h="5080">
                  <a:moveTo>
                    <a:pt x="461772" y="0"/>
                  </a:moveTo>
                  <a:lnTo>
                    <a:pt x="452628" y="0"/>
                  </a:lnTo>
                  <a:lnTo>
                    <a:pt x="452628" y="4572"/>
                  </a:lnTo>
                  <a:lnTo>
                    <a:pt x="461772" y="4572"/>
                  </a:lnTo>
                  <a:lnTo>
                    <a:pt x="461772" y="0"/>
                  </a:lnTo>
                  <a:close/>
                </a:path>
                <a:path w="969644" h="5080">
                  <a:moveTo>
                    <a:pt x="475488" y="0"/>
                  </a:moveTo>
                  <a:lnTo>
                    <a:pt x="464820" y="0"/>
                  </a:lnTo>
                  <a:lnTo>
                    <a:pt x="464820" y="4572"/>
                  </a:lnTo>
                  <a:lnTo>
                    <a:pt x="475488" y="4572"/>
                  </a:lnTo>
                  <a:lnTo>
                    <a:pt x="475488" y="0"/>
                  </a:lnTo>
                  <a:close/>
                </a:path>
                <a:path w="969644" h="5080">
                  <a:moveTo>
                    <a:pt x="489204" y="0"/>
                  </a:moveTo>
                  <a:lnTo>
                    <a:pt x="478536" y="0"/>
                  </a:lnTo>
                  <a:lnTo>
                    <a:pt x="478536" y="4572"/>
                  </a:lnTo>
                  <a:lnTo>
                    <a:pt x="489204" y="4572"/>
                  </a:lnTo>
                  <a:lnTo>
                    <a:pt x="489204" y="0"/>
                  </a:lnTo>
                  <a:close/>
                </a:path>
                <a:path w="969644" h="5080">
                  <a:moveTo>
                    <a:pt x="502920" y="0"/>
                  </a:moveTo>
                  <a:lnTo>
                    <a:pt x="492252" y="0"/>
                  </a:lnTo>
                  <a:lnTo>
                    <a:pt x="492252" y="4572"/>
                  </a:lnTo>
                  <a:lnTo>
                    <a:pt x="502920" y="4572"/>
                  </a:lnTo>
                  <a:lnTo>
                    <a:pt x="502920" y="0"/>
                  </a:lnTo>
                  <a:close/>
                </a:path>
                <a:path w="969644" h="5080">
                  <a:moveTo>
                    <a:pt x="516636" y="0"/>
                  </a:moveTo>
                  <a:lnTo>
                    <a:pt x="505968" y="0"/>
                  </a:lnTo>
                  <a:lnTo>
                    <a:pt x="505968" y="4572"/>
                  </a:lnTo>
                  <a:lnTo>
                    <a:pt x="516636" y="4572"/>
                  </a:lnTo>
                  <a:lnTo>
                    <a:pt x="516636" y="0"/>
                  </a:lnTo>
                  <a:close/>
                </a:path>
                <a:path w="969644" h="5080">
                  <a:moveTo>
                    <a:pt x="530352" y="0"/>
                  </a:moveTo>
                  <a:lnTo>
                    <a:pt x="519684" y="0"/>
                  </a:lnTo>
                  <a:lnTo>
                    <a:pt x="519684" y="4572"/>
                  </a:lnTo>
                  <a:lnTo>
                    <a:pt x="530352" y="4572"/>
                  </a:lnTo>
                  <a:lnTo>
                    <a:pt x="530352" y="0"/>
                  </a:lnTo>
                  <a:close/>
                </a:path>
                <a:path w="969644" h="5080">
                  <a:moveTo>
                    <a:pt x="544068" y="0"/>
                  </a:moveTo>
                  <a:lnTo>
                    <a:pt x="533400" y="0"/>
                  </a:lnTo>
                  <a:lnTo>
                    <a:pt x="533400" y="4572"/>
                  </a:lnTo>
                  <a:lnTo>
                    <a:pt x="544068" y="4572"/>
                  </a:lnTo>
                  <a:lnTo>
                    <a:pt x="544068" y="0"/>
                  </a:lnTo>
                  <a:close/>
                </a:path>
                <a:path w="969644" h="5080">
                  <a:moveTo>
                    <a:pt x="557784" y="0"/>
                  </a:moveTo>
                  <a:lnTo>
                    <a:pt x="547116" y="0"/>
                  </a:lnTo>
                  <a:lnTo>
                    <a:pt x="547116" y="4572"/>
                  </a:lnTo>
                  <a:lnTo>
                    <a:pt x="557784" y="4572"/>
                  </a:lnTo>
                  <a:lnTo>
                    <a:pt x="557784" y="0"/>
                  </a:lnTo>
                  <a:close/>
                </a:path>
                <a:path w="969644" h="5080">
                  <a:moveTo>
                    <a:pt x="571500" y="0"/>
                  </a:moveTo>
                  <a:lnTo>
                    <a:pt x="560832" y="0"/>
                  </a:lnTo>
                  <a:lnTo>
                    <a:pt x="560832" y="4572"/>
                  </a:lnTo>
                  <a:lnTo>
                    <a:pt x="571500" y="4572"/>
                  </a:lnTo>
                  <a:lnTo>
                    <a:pt x="571500" y="0"/>
                  </a:lnTo>
                  <a:close/>
                </a:path>
                <a:path w="969644" h="5080">
                  <a:moveTo>
                    <a:pt x="585216" y="0"/>
                  </a:moveTo>
                  <a:lnTo>
                    <a:pt x="574548" y="0"/>
                  </a:lnTo>
                  <a:lnTo>
                    <a:pt x="574548" y="4572"/>
                  </a:lnTo>
                  <a:lnTo>
                    <a:pt x="585216" y="4572"/>
                  </a:lnTo>
                  <a:lnTo>
                    <a:pt x="585216" y="0"/>
                  </a:lnTo>
                  <a:close/>
                </a:path>
                <a:path w="969644" h="5080">
                  <a:moveTo>
                    <a:pt x="598932" y="0"/>
                  </a:moveTo>
                  <a:lnTo>
                    <a:pt x="588264" y="0"/>
                  </a:lnTo>
                  <a:lnTo>
                    <a:pt x="588264" y="4572"/>
                  </a:lnTo>
                  <a:lnTo>
                    <a:pt x="598932" y="4572"/>
                  </a:lnTo>
                  <a:lnTo>
                    <a:pt x="598932" y="0"/>
                  </a:lnTo>
                  <a:close/>
                </a:path>
                <a:path w="969644" h="5080">
                  <a:moveTo>
                    <a:pt x="612648" y="0"/>
                  </a:moveTo>
                  <a:lnTo>
                    <a:pt x="601980" y="0"/>
                  </a:lnTo>
                  <a:lnTo>
                    <a:pt x="601980" y="4572"/>
                  </a:lnTo>
                  <a:lnTo>
                    <a:pt x="612648" y="4572"/>
                  </a:lnTo>
                  <a:lnTo>
                    <a:pt x="612648" y="0"/>
                  </a:lnTo>
                  <a:close/>
                </a:path>
                <a:path w="969644" h="5080">
                  <a:moveTo>
                    <a:pt x="626364" y="0"/>
                  </a:moveTo>
                  <a:lnTo>
                    <a:pt x="615696" y="0"/>
                  </a:lnTo>
                  <a:lnTo>
                    <a:pt x="615696" y="4572"/>
                  </a:lnTo>
                  <a:lnTo>
                    <a:pt x="626364" y="4572"/>
                  </a:lnTo>
                  <a:lnTo>
                    <a:pt x="626364" y="0"/>
                  </a:lnTo>
                  <a:close/>
                </a:path>
                <a:path w="969644" h="5080">
                  <a:moveTo>
                    <a:pt x="640080" y="0"/>
                  </a:moveTo>
                  <a:lnTo>
                    <a:pt x="629412" y="0"/>
                  </a:lnTo>
                  <a:lnTo>
                    <a:pt x="629412" y="4572"/>
                  </a:lnTo>
                  <a:lnTo>
                    <a:pt x="640080" y="4572"/>
                  </a:lnTo>
                  <a:lnTo>
                    <a:pt x="640080" y="0"/>
                  </a:lnTo>
                  <a:close/>
                </a:path>
                <a:path w="969644" h="5080">
                  <a:moveTo>
                    <a:pt x="653796" y="0"/>
                  </a:moveTo>
                  <a:lnTo>
                    <a:pt x="643128" y="0"/>
                  </a:lnTo>
                  <a:lnTo>
                    <a:pt x="643128" y="4572"/>
                  </a:lnTo>
                  <a:lnTo>
                    <a:pt x="653796" y="4572"/>
                  </a:lnTo>
                  <a:lnTo>
                    <a:pt x="653796" y="0"/>
                  </a:lnTo>
                  <a:close/>
                </a:path>
                <a:path w="969644" h="5080">
                  <a:moveTo>
                    <a:pt x="667512" y="0"/>
                  </a:moveTo>
                  <a:lnTo>
                    <a:pt x="656844" y="0"/>
                  </a:lnTo>
                  <a:lnTo>
                    <a:pt x="656844" y="4572"/>
                  </a:lnTo>
                  <a:lnTo>
                    <a:pt x="667512" y="4572"/>
                  </a:lnTo>
                  <a:lnTo>
                    <a:pt x="667512" y="0"/>
                  </a:lnTo>
                  <a:close/>
                </a:path>
                <a:path w="969644" h="5080">
                  <a:moveTo>
                    <a:pt x="681228" y="0"/>
                  </a:moveTo>
                  <a:lnTo>
                    <a:pt x="670560" y="0"/>
                  </a:lnTo>
                  <a:lnTo>
                    <a:pt x="670560" y="4572"/>
                  </a:lnTo>
                  <a:lnTo>
                    <a:pt x="681228" y="4572"/>
                  </a:lnTo>
                  <a:lnTo>
                    <a:pt x="681228" y="0"/>
                  </a:lnTo>
                  <a:close/>
                </a:path>
                <a:path w="969644" h="5080">
                  <a:moveTo>
                    <a:pt x="694944" y="0"/>
                  </a:moveTo>
                  <a:lnTo>
                    <a:pt x="684276" y="0"/>
                  </a:lnTo>
                  <a:lnTo>
                    <a:pt x="684276" y="4572"/>
                  </a:lnTo>
                  <a:lnTo>
                    <a:pt x="694944" y="4572"/>
                  </a:lnTo>
                  <a:lnTo>
                    <a:pt x="694944" y="0"/>
                  </a:lnTo>
                  <a:close/>
                </a:path>
                <a:path w="969644" h="5080">
                  <a:moveTo>
                    <a:pt x="708660" y="0"/>
                  </a:moveTo>
                  <a:lnTo>
                    <a:pt x="697992" y="0"/>
                  </a:lnTo>
                  <a:lnTo>
                    <a:pt x="697992" y="4572"/>
                  </a:lnTo>
                  <a:lnTo>
                    <a:pt x="708660" y="4572"/>
                  </a:lnTo>
                  <a:lnTo>
                    <a:pt x="708660" y="0"/>
                  </a:lnTo>
                  <a:close/>
                </a:path>
                <a:path w="969644" h="5080">
                  <a:moveTo>
                    <a:pt x="722376" y="0"/>
                  </a:moveTo>
                  <a:lnTo>
                    <a:pt x="711708" y="0"/>
                  </a:lnTo>
                  <a:lnTo>
                    <a:pt x="711708" y="4572"/>
                  </a:lnTo>
                  <a:lnTo>
                    <a:pt x="722376" y="4572"/>
                  </a:lnTo>
                  <a:lnTo>
                    <a:pt x="722376" y="0"/>
                  </a:lnTo>
                  <a:close/>
                </a:path>
                <a:path w="969644" h="5080">
                  <a:moveTo>
                    <a:pt x="736092" y="0"/>
                  </a:moveTo>
                  <a:lnTo>
                    <a:pt x="725424" y="0"/>
                  </a:lnTo>
                  <a:lnTo>
                    <a:pt x="725424" y="4572"/>
                  </a:lnTo>
                  <a:lnTo>
                    <a:pt x="736092" y="4572"/>
                  </a:lnTo>
                  <a:lnTo>
                    <a:pt x="736092" y="0"/>
                  </a:lnTo>
                  <a:close/>
                </a:path>
                <a:path w="969644" h="5080">
                  <a:moveTo>
                    <a:pt x="749808" y="0"/>
                  </a:moveTo>
                  <a:lnTo>
                    <a:pt x="739140" y="0"/>
                  </a:lnTo>
                  <a:lnTo>
                    <a:pt x="739140" y="4572"/>
                  </a:lnTo>
                  <a:lnTo>
                    <a:pt x="749808" y="4572"/>
                  </a:lnTo>
                  <a:lnTo>
                    <a:pt x="749808" y="0"/>
                  </a:lnTo>
                  <a:close/>
                </a:path>
                <a:path w="969644" h="5080">
                  <a:moveTo>
                    <a:pt x="763524" y="0"/>
                  </a:moveTo>
                  <a:lnTo>
                    <a:pt x="752856" y="0"/>
                  </a:lnTo>
                  <a:lnTo>
                    <a:pt x="752856" y="4572"/>
                  </a:lnTo>
                  <a:lnTo>
                    <a:pt x="763524" y="4572"/>
                  </a:lnTo>
                  <a:lnTo>
                    <a:pt x="763524" y="0"/>
                  </a:lnTo>
                  <a:close/>
                </a:path>
                <a:path w="969644" h="5080">
                  <a:moveTo>
                    <a:pt x="777240" y="0"/>
                  </a:moveTo>
                  <a:lnTo>
                    <a:pt x="766572" y="0"/>
                  </a:lnTo>
                  <a:lnTo>
                    <a:pt x="766572" y="4572"/>
                  </a:lnTo>
                  <a:lnTo>
                    <a:pt x="777240" y="4572"/>
                  </a:lnTo>
                  <a:lnTo>
                    <a:pt x="777240" y="0"/>
                  </a:lnTo>
                  <a:close/>
                </a:path>
                <a:path w="969644" h="5080">
                  <a:moveTo>
                    <a:pt x="790956" y="0"/>
                  </a:moveTo>
                  <a:lnTo>
                    <a:pt x="780288" y="0"/>
                  </a:lnTo>
                  <a:lnTo>
                    <a:pt x="780288" y="4572"/>
                  </a:lnTo>
                  <a:lnTo>
                    <a:pt x="790956" y="4572"/>
                  </a:lnTo>
                  <a:lnTo>
                    <a:pt x="790956" y="0"/>
                  </a:lnTo>
                  <a:close/>
                </a:path>
                <a:path w="969644" h="5080">
                  <a:moveTo>
                    <a:pt x="804672" y="0"/>
                  </a:moveTo>
                  <a:lnTo>
                    <a:pt x="794004" y="0"/>
                  </a:lnTo>
                  <a:lnTo>
                    <a:pt x="794004" y="4572"/>
                  </a:lnTo>
                  <a:lnTo>
                    <a:pt x="804672" y="4572"/>
                  </a:lnTo>
                  <a:lnTo>
                    <a:pt x="804672" y="0"/>
                  </a:lnTo>
                  <a:close/>
                </a:path>
                <a:path w="969644" h="5080">
                  <a:moveTo>
                    <a:pt x="818388" y="0"/>
                  </a:moveTo>
                  <a:lnTo>
                    <a:pt x="807720" y="0"/>
                  </a:lnTo>
                  <a:lnTo>
                    <a:pt x="807720" y="4572"/>
                  </a:lnTo>
                  <a:lnTo>
                    <a:pt x="818388" y="4572"/>
                  </a:lnTo>
                  <a:lnTo>
                    <a:pt x="818388" y="0"/>
                  </a:lnTo>
                  <a:close/>
                </a:path>
                <a:path w="969644" h="5080">
                  <a:moveTo>
                    <a:pt x="832104" y="0"/>
                  </a:moveTo>
                  <a:lnTo>
                    <a:pt x="821436" y="0"/>
                  </a:lnTo>
                  <a:lnTo>
                    <a:pt x="821436" y="4572"/>
                  </a:lnTo>
                  <a:lnTo>
                    <a:pt x="832104" y="4572"/>
                  </a:lnTo>
                  <a:lnTo>
                    <a:pt x="832104" y="0"/>
                  </a:lnTo>
                  <a:close/>
                </a:path>
                <a:path w="969644" h="5080">
                  <a:moveTo>
                    <a:pt x="845820" y="0"/>
                  </a:moveTo>
                  <a:lnTo>
                    <a:pt x="835152" y="0"/>
                  </a:lnTo>
                  <a:lnTo>
                    <a:pt x="835152" y="4572"/>
                  </a:lnTo>
                  <a:lnTo>
                    <a:pt x="845820" y="4572"/>
                  </a:lnTo>
                  <a:lnTo>
                    <a:pt x="845820" y="0"/>
                  </a:lnTo>
                  <a:close/>
                </a:path>
                <a:path w="969644" h="5080">
                  <a:moveTo>
                    <a:pt x="859536" y="0"/>
                  </a:moveTo>
                  <a:lnTo>
                    <a:pt x="848868" y="0"/>
                  </a:lnTo>
                  <a:lnTo>
                    <a:pt x="848868" y="4572"/>
                  </a:lnTo>
                  <a:lnTo>
                    <a:pt x="859536" y="4572"/>
                  </a:lnTo>
                  <a:lnTo>
                    <a:pt x="859536" y="0"/>
                  </a:lnTo>
                  <a:close/>
                </a:path>
                <a:path w="969644" h="5080">
                  <a:moveTo>
                    <a:pt x="873252" y="0"/>
                  </a:moveTo>
                  <a:lnTo>
                    <a:pt x="862584" y="0"/>
                  </a:lnTo>
                  <a:lnTo>
                    <a:pt x="862584" y="4572"/>
                  </a:lnTo>
                  <a:lnTo>
                    <a:pt x="873252" y="4572"/>
                  </a:lnTo>
                  <a:lnTo>
                    <a:pt x="873252" y="0"/>
                  </a:lnTo>
                  <a:close/>
                </a:path>
                <a:path w="969644" h="5080">
                  <a:moveTo>
                    <a:pt x="886968" y="0"/>
                  </a:moveTo>
                  <a:lnTo>
                    <a:pt x="876300" y="0"/>
                  </a:lnTo>
                  <a:lnTo>
                    <a:pt x="876300" y="4572"/>
                  </a:lnTo>
                  <a:lnTo>
                    <a:pt x="886968" y="4572"/>
                  </a:lnTo>
                  <a:lnTo>
                    <a:pt x="886968" y="0"/>
                  </a:lnTo>
                  <a:close/>
                </a:path>
                <a:path w="969644" h="5080">
                  <a:moveTo>
                    <a:pt x="900684" y="0"/>
                  </a:moveTo>
                  <a:lnTo>
                    <a:pt x="890016" y="0"/>
                  </a:lnTo>
                  <a:lnTo>
                    <a:pt x="890016" y="4572"/>
                  </a:lnTo>
                  <a:lnTo>
                    <a:pt x="900684" y="4572"/>
                  </a:lnTo>
                  <a:lnTo>
                    <a:pt x="900684" y="0"/>
                  </a:lnTo>
                  <a:close/>
                </a:path>
                <a:path w="969644" h="5080">
                  <a:moveTo>
                    <a:pt x="914400" y="0"/>
                  </a:moveTo>
                  <a:lnTo>
                    <a:pt x="903732" y="0"/>
                  </a:lnTo>
                  <a:lnTo>
                    <a:pt x="903732" y="4572"/>
                  </a:lnTo>
                  <a:lnTo>
                    <a:pt x="914400" y="4572"/>
                  </a:lnTo>
                  <a:lnTo>
                    <a:pt x="914400" y="0"/>
                  </a:lnTo>
                  <a:close/>
                </a:path>
                <a:path w="969644" h="5080">
                  <a:moveTo>
                    <a:pt x="928116" y="0"/>
                  </a:moveTo>
                  <a:lnTo>
                    <a:pt x="917448" y="0"/>
                  </a:lnTo>
                  <a:lnTo>
                    <a:pt x="917448" y="4572"/>
                  </a:lnTo>
                  <a:lnTo>
                    <a:pt x="928116" y="4572"/>
                  </a:lnTo>
                  <a:lnTo>
                    <a:pt x="928116" y="0"/>
                  </a:lnTo>
                  <a:close/>
                </a:path>
                <a:path w="969644" h="5080">
                  <a:moveTo>
                    <a:pt x="941832" y="0"/>
                  </a:moveTo>
                  <a:lnTo>
                    <a:pt x="931164" y="0"/>
                  </a:lnTo>
                  <a:lnTo>
                    <a:pt x="931164" y="4572"/>
                  </a:lnTo>
                  <a:lnTo>
                    <a:pt x="941832" y="4572"/>
                  </a:lnTo>
                  <a:lnTo>
                    <a:pt x="941832" y="0"/>
                  </a:lnTo>
                  <a:close/>
                </a:path>
                <a:path w="969644" h="5080">
                  <a:moveTo>
                    <a:pt x="955548" y="0"/>
                  </a:moveTo>
                  <a:lnTo>
                    <a:pt x="944880" y="0"/>
                  </a:lnTo>
                  <a:lnTo>
                    <a:pt x="944880" y="4572"/>
                  </a:lnTo>
                  <a:lnTo>
                    <a:pt x="955548" y="4572"/>
                  </a:lnTo>
                  <a:lnTo>
                    <a:pt x="955548" y="0"/>
                  </a:lnTo>
                  <a:close/>
                </a:path>
                <a:path w="969644"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70" name="object 70"/>
            <p:cNvSpPr/>
            <p:nvPr/>
          </p:nvSpPr>
          <p:spPr>
            <a:xfrm>
              <a:off x="2654808" y="3098291"/>
              <a:ext cx="970915" cy="5080"/>
            </a:xfrm>
            <a:custGeom>
              <a:avLst/>
              <a:gdLst/>
              <a:ahLst/>
              <a:cxnLst/>
              <a:rect l="l" t="t" r="r" b="b"/>
              <a:pathLst>
                <a:path w="970914" h="5080">
                  <a:moveTo>
                    <a:pt x="10668" y="0"/>
                  </a:moveTo>
                  <a:lnTo>
                    <a:pt x="0" y="0"/>
                  </a:lnTo>
                  <a:lnTo>
                    <a:pt x="0" y="4572"/>
                  </a:lnTo>
                  <a:lnTo>
                    <a:pt x="10668" y="4572"/>
                  </a:lnTo>
                  <a:lnTo>
                    <a:pt x="10668" y="0"/>
                  </a:lnTo>
                  <a:close/>
                </a:path>
                <a:path w="970914" h="5080">
                  <a:moveTo>
                    <a:pt x="24384" y="0"/>
                  </a:moveTo>
                  <a:lnTo>
                    <a:pt x="13716" y="0"/>
                  </a:lnTo>
                  <a:lnTo>
                    <a:pt x="13716" y="4572"/>
                  </a:lnTo>
                  <a:lnTo>
                    <a:pt x="24384" y="4572"/>
                  </a:lnTo>
                  <a:lnTo>
                    <a:pt x="24384" y="0"/>
                  </a:lnTo>
                  <a:close/>
                </a:path>
                <a:path w="970914" h="5080">
                  <a:moveTo>
                    <a:pt x="38100" y="0"/>
                  </a:moveTo>
                  <a:lnTo>
                    <a:pt x="27432" y="0"/>
                  </a:lnTo>
                  <a:lnTo>
                    <a:pt x="27432" y="4572"/>
                  </a:lnTo>
                  <a:lnTo>
                    <a:pt x="38100" y="4572"/>
                  </a:lnTo>
                  <a:lnTo>
                    <a:pt x="38100" y="0"/>
                  </a:lnTo>
                  <a:close/>
                </a:path>
                <a:path w="970914" h="5080">
                  <a:moveTo>
                    <a:pt x="51816" y="0"/>
                  </a:moveTo>
                  <a:lnTo>
                    <a:pt x="41148" y="0"/>
                  </a:lnTo>
                  <a:lnTo>
                    <a:pt x="41148" y="4572"/>
                  </a:lnTo>
                  <a:lnTo>
                    <a:pt x="51816" y="4572"/>
                  </a:lnTo>
                  <a:lnTo>
                    <a:pt x="51816" y="0"/>
                  </a:lnTo>
                  <a:close/>
                </a:path>
                <a:path w="970914" h="5080">
                  <a:moveTo>
                    <a:pt x="65532" y="0"/>
                  </a:moveTo>
                  <a:lnTo>
                    <a:pt x="54864" y="0"/>
                  </a:lnTo>
                  <a:lnTo>
                    <a:pt x="54864" y="4572"/>
                  </a:lnTo>
                  <a:lnTo>
                    <a:pt x="65532" y="4572"/>
                  </a:lnTo>
                  <a:lnTo>
                    <a:pt x="65532" y="0"/>
                  </a:lnTo>
                  <a:close/>
                </a:path>
                <a:path w="970914" h="5080">
                  <a:moveTo>
                    <a:pt x="79248" y="0"/>
                  </a:moveTo>
                  <a:lnTo>
                    <a:pt x="68580" y="0"/>
                  </a:lnTo>
                  <a:lnTo>
                    <a:pt x="68580" y="4572"/>
                  </a:lnTo>
                  <a:lnTo>
                    <a:pt x="79248" y="4572"/>
                  </a:lnTo>
                  <a:lnTo>
                    <a:pt x="79248" y="0"/>
                  </a:lnTo>
                  <a:close/>
                </a:path>
                <a:path w="970914" h="5080">
                  <a:moveTo>
                    <a:pt x="92964" y="0"/>
                  </a:moveTo>
                  <a:lnTo>
                    <a:pt x="82296" y="0"/>
                  </a:lnTo>
                  <a:lnTo>
                    <a:pt x="82296" y="4572"/>
                  </a:lnTo>
                  <a:lnTo>
                    <a:pt x="92964" y="4572"/>
                  </a:lnTo>
                  <a:lnTo>
                    <a:pt x="92964" y="0"/>
                  </a:lnTo>
                  <a:close/>
                </a:path>
                <a:path w="970914" h="5080">
                  <a:moveTo>
                    <a:pt x="106680" y="0"/>
                  </a:moveTo>
                  <a:lnTo>
                    <a:pt x="96012" y="0"/>
                  </a:lnTo>
                  <a:lnTo>
                    <a:pt x="96012" y="4572"/>
                  </a:lnTo>
                  <a:lnTo>
                    <a:pt x="106680" y="4572"/>
                  </a:lnTo>
                  <a:lnTo>
                    <a:pt x="106680" y="0"/>
                  </a:lnTo>
                  <a:close/>
                </a:path>
                <a:path w="970914" h="5080">
                  <a:moveTo>
                    <a:pt x="120396" y="0"/>
                  </a:moveTo>
                  <a:lnTo>
                    <a:pt x="109728" y="0"/>
                  </a:lnTo>
                  <a:lnTo>
                    <a:pt x="109728" y="4572"/>
                  </a:lnTo>
                  <a:lnTo>
                    <a:pt x="120396" y="4572"/>
                  </a:lnTo>
                  <a:lnTo>
                    <a:pt x="120396" y="0"/>
                  </a:lnTo>
                  <a:close/>
                </a:path>
                <a:path w="970914" h="5080">
                  <a:moveTo>
                    <a:pt x="134112" y="0"/>
                  </a:moveTo>
                  <a:lnTo>
                    <a:pt x="123444" y="0"/>
                  </a:lnTo>
                  <a:lnTo>
                    <a:pt x="123444" y="4572"/>
                  </a:lnTo>
                  <a:lnTo>
                    <a:pt x="134112" y="4572"/>
                  </a:lnTo>
                  <a:lnTo>
                    <a:pt x="134112" y="0"/>
                  </a:lnTo>
                  <a:close/>
                </a:path>
                <a:path w="970914" h="5080">
                  <a:moveTo>
                    <a:pt x="147828" y="0"/>
                  </a:moveTo>
                  <a:lnTo>
                    <a:pt x="137160" y="0"/>
                  </a:lnTo>
                  <a:lnTo>
                    <a:pt x="137160" y="4572"/>
                  </a:lnTo>
                  <a:lnTo>
                    <a:pt x="147828" y="4572"/>
                  </a:lnTo>
                  <a:lnTo>
                    <a:pt x="147828" y="0"/>
                  </a:lnTo>
                  <a:close/>
                </a:path>
                <a:path w="970914" h="5080">
                  <a:moveTo>
                    <a:pt x="161544" y="0"/>
                  </a:moveTo>
                  <a:lnTo>
                    <a:pt x="150876" y="0"/>
                  </a:lnTo>
                  <a:lnTo>
                    <a:pt x="150876" y="4572"/>
                  </a:lnTo>
                  <a:lnTo>
                    <a:pt x="161544" y="4572"/>
                  </a:lnTo>
                  <a:lnTo>
                    <a:pt x="161544" y="0"/>
                  </a:lnTo>
                  <a:close/>
                </a:path>
                <a:path w="970914" h="5080">
                  <a:moveTo>
                    <a:pt x="175260" y="0"/>
                  </a:moveTo>
                  <a:lnTo>
                    <a:pt x="164592" y="0"/>
                  </a:lnTo>
                  <a:lnTo>
                    <a:pt x="164592" y="4572"/>
                  </a:lnTo>
                  <a:lnTo>
                    <a:pt x="175260" y="4572"/>
                  </a:lnTo>
                  <a:lnTo>
                    <a:pt x="175260" y="0"/>
                  </a:lnTo>
                  <a:close/>
                </a:path>
                <a:path w="970914" h="5080">
                  <a:moveTo>
                    <a:pt x="188976" y="0"/>
                  </a:moveTo>
                  <a:lnTo>
                    <a:pt x="178308" y="0"/>
                  </a:lnTo>
                  <a:lnTo>
                    <a:pt x="178308" y="4572"/>
                  </a:lnTo>
                  <a:lnTo>
                    <a:pt x="188976" y="4572"/>
                  </a:lnTo>
                  <a:lnTo>
                    <a:pt x="188976" y="0"/>
                  </a:lnTo>
                  <a:close/>
                </a:path>
                <a:path w="970914" h="5080">
                  <a:moveTo>
                    <a:pt x="202692" y="0"/>
                  </a:moveTo>
                  <a:lnTo>
                    <a:pt x="192024" y="0"/>
                  </a:lnTo>
                  <a:lnTo>
                    <a:pt x="192024" y="4572"/>
                  </a:lnTo>
                  <a:lnTo>
                    <a:pt x="202692" y="4572"/>
                  </a:lnTo>
                  <a:lnTo>
                    <a:pt x="202692" y="0"/>
                  </a:lnTo>
                  <a:close/>
                </a:path>
                <a:path w="970914" h="5080">
                  <a:moveTo>
                    <a:pt x="216408" y="0"/>
                  </a:moveTo>
                  <a:lnTo>
                    <a:pt x="205740" y="0"/>
                  </a:lnTo>
                  <a:lnTo>
                    <a:pt x="205740" y="4572"/>
                  </a:lnTo>
                  <a:lnTo>
                    <a:pt x="216408" y="4572"/>
                  </a:lnTo>
                  <a:lnTo>
                    <a:pt x="216408" y="0"/>
                  </a:lnTo>
                  <a:close/>
                </a:path>
                <a:path w="970914" h="5080">
                  <a:moveTo>
                    <a:pt x="230124" y="0"/>
                  </a:moveTo>
                  <a:lnTo>
                    <a:pt x="219456" y="0"/>
                  </a:lnTo>
                  <a:lnTo>
                    <a:pt x="219456" y="4572"/>
                  </a:lnTo>
                  <a:lnTo>
                    <a:pt x="230124" y="4572"/>
                  </a:lnTo>
                  <a:lnTo>
                    <a:pt x="230124" y="0"/>
                  </a:lnTo>
                  <a:close/>
                </a:path>
                <a:path w="970914" h="5080">
                  <a:moveTo>
                    <a:pt x="243840" y="0"/>
                  </a:moveTo>
                  <a:lnTo>
                    <a:pt x="233172" y="0"/>
                  </a:lnTo>
                  <a:lnTo>
                    <a:pt x="233172" y="4572"/>
                  </a:lnTo>
                  <a:lnTo>
                    <a:pt x="243840" y="4572"/>
                  </a:lnTo>
                  <a:lnTo>
                    <a:pt x="243840" y="0"/>
                  </a:lnTo>
                  <a:close/>
                </a:path>
                <a:path w="970914" h="5080">
                  <a:moveTo>
                    <a:pt x="257556" y="0"/>
                  </a:moveTo>
                  <a:lnTo>
                    <a:pt x="246888" y="0"/>
                  </a:lnTo>
                  <a:lnTo>
                    <a:pt x="246888" y="4572"/>
                  </a:lnTo>
                  <a:lnTo>
                    <a:pt x="257556" y="4572"/>
                  </a:lnTo>
                  <a:lnTo>
                    <a:pt x="257556" y="0"/>
                  </a:lnTo>
                  <a:close/>
                </a:path>
                <a:path w="970914" h="5080">
                  <a:moveTo>
                    <a:pt x="271272" y="0"/>
                  </a:moveTo>
                  <a:lnTo>
                    <a:pt x="260604" y="0"/>
                  </a:lnTo>
                  <a:lnTo>
                    <a:pt x="260604" y="4572"/>
                  </a:lnTo>
                  <a:lnTo>
                    <a:pt x="271272" y="4572"/>
                  </a:lnTo>
                  <a:lnTo>
                    <a:pt x="271272" y="0"/>
                  </a:lnTo>
                  <a:close/>
                </a:path>
                <a:path w="970914" h="5080">
                  <a:moveTo>
                    <a:pt x="284988" y="0"/>
                  </a:moveTo>
                  <a:lnTo>
                    <a:pt x="274320" y="0"/>
                  </a:lnTo>
                  <a:lnTo>
                    <a:pt x="274320" y="4572"/>
                  </a:lnTo>
                  <a:lnTo>
                    <a:pt x="284988" y="4572"/>
                  </a:lnTo>
                  <a:lnTo>
                    <a:pt x="284988" y="0"/>
                  </a:lnTo>
                  <a:close/>
                </a:path>
                <a:path w="970914" h="5080">
                  <a:moveTo>
                    <a:pt x="298704" y="0"/>
                  </a:moveTo>
                  <a:lnTo>
                    <a:pt x="288036" y="0"/>
                  </a:lnTo>
                  <a:lnTo>
                    <a:pt x="288036" y="4572"/>
                  </a:lnTo>
                  <a:lnTo>
                    <a:pt x="298704" y="4572"/>
                  </a:lnTo>
                  <a:lnTo>
                    <a:pt x="298704" y="0"/>
                  </a:lnTo>
                  <a:close/>
                </a:path>
                <a:path w="970914" h="5080">
                  <a:moveTo>
                    <a:pt x="312420" y="0"/>
                  </a:moveTo>
                  <a:lnTo>
                    <a:pt x="301752" y="0"/>
                  </a:lnTo>
                  <a:lnTo>
                    <a:pt x="301752" y="4572"/>
                  </a:lnTo>
                  <a:lnTo>
                    <a:pt x="312420" y="4572"/>
                  </a:lnTo>
                  <a:lnTo>
                    <a:pt x="312420" y="0"/>
                  </a:lnTo>
                  <a:close/>
                </a:path>
                <a:path w="970914" h="5080">
                  <a:moveTo>
                    <a:pt x="326136" y="0"/>
                  </a:moveTo>
                  <a:lnTo>
                    <a:pt x="315468" y="0"/>
                  </a:lnTo>
                  <a:lnTo>
                    <a:pt x="315468" y="4572"/>
                  </a:lnTo>
                  <a:lnTo>
                    <a:pt x="326136" y="4572"/>
                  </a:lnTo>
                  <a:lnTo>
                    <a:pt x="326136" y="0"/>
                  </a:lnTo>
                  <a:close/>
                </a:path>
                <a:path w="970914" h="5080">
                  <a:moveTo>
                    <a:pt x="339852" y="0"/>
                  </a:moveTo>
                  <a:lnTo>
                    <a:pt x="329184" y="0"/>
                  </a:lnTo>
                  <a:lnTo>
                    <a:pt x="329184" y="4572"/>
                  </a:lnTo>
                  <a:lnTo>
                    <a:pt x="339852" y="4572"/>
                  </a:lnTo>
                  <a:lnTo>
                    <a:pt x="339852" y="0"/>
                  </a:lnTo>
                  <a:close/>
                </a:path>
                <a:path w="970914" h="5080">
                  <a:moveTo>
                    <a:pt x="353568" y="0"/>
                  </a:moveTo>
                  <a:lnTo>
                    <a:pt x="342900" y="0"/>
                  </a:lnTo>
                  <a:lnTo>
                    <a:pt x="342900" y="4572"/>
                  </a:lnTo>
                  <a:lnTo>
                    <a:pt x="353568" y="4572"/>
                  </a:lnTo>
                  <a:lnTo>
                    <a:pt x="353568" y="0"/>
                  </a:lnTo>
                  <a:close/>
                </a:path>
                <a:path w="970914" h="5080">
                  <a:moveTo>
                    <a:pt x="367284" y="0"/>
                  </a:moveTo>
                  <a:lnTo>
                    <a:pt x="356616" y="0"/>
                  </a:lnTo>
                  <a:lnTo>
                    <a:pt x="356616" y="4572"/>
                  </a:lnTo>
                  <a:lnTo>
                    <a:pt x="367284" y="4572"/>
                  </a:lnTo>
                  <a:lnTo>
                    <a:pt x="367284" y="0"/>
                  </a:lnTo>
                  <a:close/>
                </a:path>
                <a:path w="970914" h="5080">
                  <a:moveTo>
                    <a:pt x="381000" y="0"/>
                  </a:moveTo>
                  <a:lnTo>
                    <a:pt x="370332" y="0"/>
                  </a:lnTo>
                  <a:lnTo>
                    <a:pt x="370332" y="4572"/>
                  </a:lnTo>
                  <a:lnTo>
                    <a:pt x="381000" y="4572"/>
                  </a:lnTo>
                  <a:lnTo>
                    <a:pt x="381000" y="0"/>
                  </a:lnTo>
                  <a:close/>
                </a:path>
                <a:path w="970914" h="5080">
                  <a:moveTo>
                    <a:pt x="394716" y="0"/>
                  </a:moveTo>
                  <a:lnTo>
                    <a:pt x="384048" y="0"/>
                  </a:lnTo>
                  <a:lnTo>
                    <a:pt x="384048" y="4572"/>
                  </a:lnTo>
                  <a:lnTo>
                    <a:pt x="394716" y="4572"/>
                  </a:lnTo>
                  <a:lnTo>
                    <a:pt x="394716" y="0"/>
                  </a:lnTo>
                  <a:close/>
                </a:path>
                <a:path w="970914" h="5080">
                  <a:moveTo>
                    <a:pt x="408432" y="0"/>
                  </a:moveTo>
                  <a:lnTo>
                    <a:pt x="397764" y="0"/>
                  </a:lnTo>
                  <a:lnTo>
                    <a:pt x="397764" y="4572"/>
                  </a:lnTo>
                  <a:lnTo>
                    <a:pt x="408432" y="4572"/>
                  </a:lnTo>
                  <a:lnTo>
                    <a:pt x="408432" y="0"/>
                  </a:lnTo>
                  <a:close/>
                </a:path>
                <a:path w="970914" h="5080">
                  <a:moveTo>
                    <a:pt x="422148" y="0"/>
                  </a:moveTo>
                  <a:lnTo>
                    <a:pt x="411480" y="0"/>
                  </a:lnTo>
                  <a:lnTo>
                    <a:pt x="411480" y="4572"/>
                  </a:lnTo>
                  <a:lnTo>
                    <a:pt x="422148" y="4572"/>
                  </a:lnTo>
                  <a:lnTo>
                    <a:pt x="422148" y="0"/>
                  </a:lnTo>
                  <a:close/>
                </a:path>
                <a:path w="970914" h="5080">
                  <a:moveTo>
                    <a:pt x="435864" y="0"/>
                  </a:moveTo>
                  <a:lnTo>
                    <a:pt x="425196" y="0"/>
                  </a:lnTo>
                  <a:lnTo>
                    <a:pt x="425196" y="4572"/>
                  </a:lnTo>
                  <a:lnTo>
                    <a:pt x="435864" y="4572"/>
                  </a:lnTo>
                  <a:lnTo>
                    <a:pt x="435864" y="0"/>
                  </a:lnTo>
                  <a:close/>
                </a:path>
                <a:path w="970914" h="5080">
                  <a:moveTo>
                    <a:pt x="449580" y="0"/>
                  </a:moveTo>
                  <a:lnTo>
                    <a:pt x="438912" y="0"/>
                  </a:lnTo>
                  <a:lnTo>
                    <a:pt x="438912" y="4572"/>
                  </a:lnTo>
                  <a:lnTo>
                    <a:pt x="449580" y="4572"/>
                  </a:lnTo>
                  <a:lnTo>
                    <a:pt x="449580" y="0"/>
                  </a:lnTo>
                  <a:close/>
                </a:path>
                <a:path w="970914" h="5080">
                  <a:moveTo>
                    <a:pt x="463296" y="0"/>
                  </a:moveTo>
                  <a:lnTo>
                    <a:pt x="452628" y="0"/>
                  </a:lnTo>
                  <a:lnTo>
                    <a:pt x="452628" y="4572"/>
                  </a:lnTo>
                  <a:lnTo>
                    <a:pt x="463296" y="4572"/>
                  </a:lnTo>
                  <a:lnTo>
                    <a:pt x="463296" y="0"/>
                  </a:lnTo>
                  <a:close/>
                </a:path>
                <a:path w="970914" h="5080">
                  <a:moveTo>
                    <a:pt x="477012" y="0"/>
                  </a:moveTo>
                  <a:lnTo>
                    <a:pt x="466344" y="0"/>
                  </a:lnTo>
                  <a:lnTo>
                    <a:pt x="466344" y="4572"/>
                  </a:lnTo>
                  <a:lnTo>
                    <a:pt x="477012" y="4572"/>
                  </a:lnTo>
                  <a:lnTo>
                    <a:pt x="477012" y="0"/>
                  </a:lnTo>
                  <a:close/>
                </a:path>
                <a:path w="970914" h="5080">
                  <a:moveTo>
                    <a:pt x="490728" y="0"/>
                  </a:moveTo>
                  <a:lnTo>
                    <a:pt x="480060" y="0"/>
                  </a:lnTo>
                  <a:lnTo>
                    <a:pt x="480060" y="4572"/>
                  </a:lnTo>
                  <a:lnTo>
                    <a:pt x="490728" y="4572"/>
                  </a:lnTo>
                  <a:lnTo>
                    <a:pt x="490728" y="0"/>
                  </a:lnTo>
                  <a:close/>
                </a:path>
                <a:path w="970914" h="5080">
                  <a:moveTo>
                    <a:pt x="504444" y="0"/>
                  </a:moveTo>
                  <a:lnTo>
                    <a:pt x="493776" y="0"/>
                  </a:lnTo>
                  <a:lnTo>
                    <a:pt x="493776" y="4572"/>
                  </a:lnTo>
                  <a:lnTo>
                    <a:pt x="504444" y="4572"/>
                  </a:lnTo>
                  <a:lnTo>
                    <a:pt x="504444" y="0"/>
                  </a:lnTo>
                  <a:close/>
                </a:path>
                <a:path w="970914" h="5080">
                  <a:moveTo>
                    <a:pt x="518160" y="0"/>
                  </a:moveTo>
                  <a:lnTo>
                    <a:pt x="507492" y="0"/>
                  </a:lnTo>
                  <a:lnTo>
                    <a:pt x="507492" y="4572"/>
                  </a:lnTo>
                  <a:lnTo>
                    <a:pt x="518160" y="4572"/>
                  </a:lnTo>
                  <a:lnTo>
                    <a:pt x="518160" y="0"/>
                  </a:lnTo>
                  <a:close/>
                </a:path>
                <a:path w="970914" h="5080">
                  <a:moveTo>
                    <a:pt x="531876" y="0"/>
                  </a:moveTo>
                  <a:lnTo>
                    <a:pt x="521208" y="0"/>
                  </a:lnTo>
                  <a:lnTo>
                    <a:pt x="521208" y="4572"/>
                  </a:lnTo>
                  <a:lnTo>
                    <a:pt x="531876" y="4572"/>
                  </a:lnTo>
                  <a:lnTo>
                    <a:pt x="531876" y="0"/>
                  </a:lnTo>
                  <a:close/>
                </a:path>
                <a:path w="970914" h="5080">
                  <a:moveTo>
                    <a:pt x="545592" y="0"/>
                  </a:moveTo>
                  <a:lnTo>
                    <a:pt x="534924" y="0"/>
                  </a:lnTo>
                  <a:lnTo>
                    <a:pt x="534924" y="4572"/>
                  </a:lnTo>
                  <a:lnTo>
                    <a:pt x="545592" y="4572"/>
                  </a:lnTo>
                  <a:lnTo>
                    <a:pt x="545592" y="0"/>
                  </a:lnTo>
                  <a:close/>
                </a:path>
                <a:path w="970914" h="5080">
                  <a:moveTo>
                    <a:pt x="559308" y="0"/>
                  </a:moveTo>
                  <a:lnTo>
                    <a:pt x="548640" y="0"/>
                  </a:lnTo>
                  <a:lnTo>
                    <a:pt x="548640" y="4572"/>
                  </a:lnTo>
                  <a:lnTo>
                    <a:pt x="559308" y="4572"/>
                  </a:lnTo>
                  <a:lnTo>
                    <a:pt x="559308" y="0"/>
                  </a:lnTo>
                  <a:close/>
                </a:path>
                <a:path w="970914" h="5080">
                  <a:moveTo>
                    <a:pt x="573024" y="0"/>
                  </a:moveTo>
                  <a:lnTo>
                    <a:pt x="562356" y="0"/>
                  </a:lnTo>
                  <a:lnTo>
                    <a:pt x="562356" y="4572"/>
                  </a:lnTo>
                  <a:lnTo>
                    <a:pt x="573024" y="4572"/>
                  </a:lnTo>
                  <a:lnTo>
                    <a:pt x="573024" y="0"/>
                  </a:lnTo>
                  <a:close/>
                </a:path>
                <a:path w="970914" h="5080">
                  <a:moveTo>
                    <a:pt x="586740" y="0"/>
                  </a:moveTo>
                  <a:lnTo>
                    <a:pt x="576072" y="0"/>
                  </a:lnTo>
                  <a:lnTo>
                    <a:pt x="576072" y="4572"/>
                  </a:lnTo>
                  <a:lnTo>
                    <a:pt x="586740" y="4572"/>
                  </a:lnTo>
                  <a:lnTo>
                    <a:pt x="586740" y="0"/>
                  </a:lnTo>
                  <a:close/>
                </a:path>
                <a:path w="970914" h="5080">
                  <a:moveTo>
                    <a:pt x="600456" y="0"/>
                  </a:moveTo>
                  <a:lnTo>
                    <a:pt x="589788" y="0"/>
                  </a:lnTo>
                  <a:lnTo>
                    <a:pt x="589788" y="4572"/>
                  </a:lnTo>
                  <a:lnTo>
                    <a:pt x="600456" y="4572"/>
                  </a:lnTo>
                  <a:lnTo>
                    <a:pt x="600456" y="0"/>
                  </a:lnTo>
                  <a:close/>
                </a:path>
                <a:path w="970914" h="5080">
                  <a:moveTo>
                    <a:pt x="614159" y="0"/>
                  </a:moveTo>
                  <a:lnTo>
                    <a:pt x="603504" y="0"/>
                  </a:lnTo>
                  <a:lnTo>
                    <a:pt x="603504" y="4572"/>
                  </a:lnTo>
                  <a:lnTo>
                    <a:pt x="614159" y="4572"/>
                  </a:lnTo>
                  <a:lnTo>
                    <a:pt x="614159" y="0"/>
                  </a:lnTo>
                  <a:close/>
                </a:path>
                <a:path w="970914" h="5080">
                  <a:moveTo>
                    <a:pt x="627888" y="0"/>
                  </a:moveTo>
                  <a:lnTo>
                    <a:pt x="617220" y="0"/>
                  </a:lnTo>
                  <a:lnTo>
                    <a:pt x="617220" y="4572"/>
                  </a:lnTo>
                  <a:lnTo>
                    <a:pt x="627888" y="4572"/>
                  </a:lnTo>
                  <a:lnTo>
                    <a:pt x="627888" y="0"/>
                  </a:lnTo>
                  <a:close/>
                </a:path>
                <a:path w="970914" h="5080">
                  <a:moveTo>
                    <a:pt x="641604" y="0"/>
                  </a:moveTo>
                  <a:lnTo>
                    <a:pt x="630936" y="0"/>
                  </a:lnTo>
                  <a:lnTo>
                    <a:pt x="630936" y="4572"/>
                  </a:lnTo>
                  <a:lnTo>
                    <a:pt x="641604" y="4572"/>
                  </a:lnTo>
                  <a:lnTo>
                    <a:pt x="641604" y="0"/>
                  </a:lnTo>
                  <a:close/>
                </a:path>
                <a:path w="970914" h="5080">
                  <a:moveTo>
                    <a:pt x="655320" y="0"/>
                  </a:moveTo>
                  <a:lnTo>
                    <a:pt x="644652" y="0"/>
                  </a:lnTo>
                  <a:lnTo>
                    <a:pt x="644652" y="4572"/>
                  </a:lnTo>
                  <a:lnTo>
                    <a:pt x="655320" y="4572"/>
                  </a:lnTo>
                  <a:lnTo>
                    <a:pt x="655320" y="0"/>
                  </a:lnTo>
                  <a:close/>
                </a:path>
                <a:path w="970914" h="5080">
                  <a:moveTo>
                    <a:pt x="669036" y="0"/>
                  </a:moveTo>
                  <a:lnTo>
                    <a:pt x="658368" y="0"/>
                  </a:lnTo>
                  <a:lnTo>
                    <a:pt x="658368" y="4572"/>
                  </a:lnTo>
                  <a:lnTo>
                    <a:pt x="669036" y="4572"/>
                  </a:lnTo>
                  <a:lnTo>
                    <a:pt x="669036" y="0"/>
                  </a:lnTo>
                  <a:close/>
                </a:path>
                <a:path w="970914" h="5080">
                  <a:moveTo>
                    <a:pt x="682752" y="0"/>
                  </a:moveTo>
                  <a:lnTo>
                    <a:pt x="672071" y="0"/>
                  </a:lnTo>
                  <a:lnTo>
                    <a:pt x="672071" y="4572"/>
                  </a:lnTo>
                  <a:lnTo>
                    <a:pt x="682752" y="4572"/>
                  </a:lnTo>
                  <a:lnTo>
                    <a:pt x="682752" y="0"/>
                  </a:lnTo>
                  <a:close/>
                </a:path>
                <a:path w="970914" h="5080">
                  <a:moveTo>
                    <a:pt x="696468" y="0"/>
                  </a:moveTo>
                  <a:lnTo>
                    <a:pt x="685800" y="0"/>
                  </a:lnTo>
                  <a:lnTo>
                    <a:pt x="685800" y="4572"/>
                  </a:lnTo>
                  <a:lnTo>
                    <a:pt x="696468" y="4572"/>
                  </a:lnTo>
                  <a:lnTo>
                    <a:pt x="696468" y="0"/>
                  </a:lnTo>
                  <a:close/>
                </a:path>
                <a:path w="970914" h="5080">
                  <a:moveTo>
                    <a:pt x="710184" y="0"/>
                  </a:moveTo>
                  <a:lnTo>
                    <a:pt x="699516" y="0"/>
                  </a:lnTo>
                  <a:lnTo>
                    <a:pt x="699516" y="4572"/>
                  </a:lnTo>
                  <a:lnTo>
                    <a:pt x="710184" y="4572"/>
                  </a:lnTo>
                  <a:lnTo>
                    <a:pt x="710184" y="0"/>
                  </a:lnTo>
                  <a:close/>
                </a:path>
                <a:path w="970914" h="5080">
                  <a:moveTo>
                    <a:pt x="723900" y="0"/>
                  </a:moveTo>
                  <a:lnTo>
                    <a:pt x="713232" y="0"/>
                  </a:lnTo>
                  <a:lnTo>
                    <a:pt x="713232" y="4572"/>
                  </a:lnTo>
                  <a:lnTo>
                    <a:pt x="723900" y="4572"/>
                  </a:lnTo>
                  <a:lnTo>
                    <a:pt x="723900" y="0"/>
                  </a:lnTo>
                  <a:close/>
                </a:path>
                <a:path w="970914" h="5080">
                  <a:moveTo>
                    <a:pt x="737616" y="0"/>
                  </a:moveTo>
                  <a:lnTo>
                    <a:pt x="726948" y="0"/>
                  </a:lnTo>
                  <a:lnTo>
                    <a:pt x="726948" y="4572"/>
                  </a:lnTo>
                  <a:lnTo>
                    <a:pt x="737616" y="4572"/>
                  </a:lnTo>
                  <a:lnTo>
                    <a:pt x="737616" y="0"/>
                  </a:lnTo>
                  <a:close/>
                </a:path>
                <a:path w="970914" h="5080">
                  <a:moveTo>
                    <a:pt x="751332" y="0"/>
                  </a:moveTo>
                  <a:lnTo>
                    <a:pt x="740664" y="0"/>
                  </a:lnTo>
                  <a:lnTo>
                    <a:pt x="740664" y="4572"/>
                  </a:lnTo>
                  <a:lnTo>
                    <a:pt x="751332" y="4572"/>
                  </a:lnTo>
                  <a:lnTo>
                    <a:pt x="751332" y="0"/>
                  </a:lnTo>
                  <a:close/>
                </a:path>
                <a:path w="970914" h="5080">
                  <a:moveTo>
                    <a:pt x="765048" y="0"/>
                  </a:moveTo>
                  <a:lnTo>
                    <a:pt x="754380" y="0"/>
                  </a:lnTo>
                  <a:lnTo>
                    <a:pt x="754380" y="4572"/>
                  </a:lnTo>
                  <a:lnTo>
                    <a:pt x="765048" y="4572"/>
                  </a:lnTo>
                  <a:lnTo>
                    <a:pt x="765048" y="0"/>
                  </a:lnTo>
                  <a:close/>
                </a:path>
                <a:path w="970914" h="5080">
                  <a:moveTo>
                    <a:pt x="778764" y="0"/>
                  </a:moveTo>
                  <a:lnTo>
                    <a:pt x="768096" y="0"/>
                  </a:lnTo>
                  <a:lnTo>
                    <a:pt x="768096" y="4572"/>
                  </a:lnTo>
                  <a:lnTo>
                    <a:pt x="778764" y="4572"/>
                  </a:lnTo>
                  <a:lnTo>
                    <a:pt x="778764" y="0"/>
                  </a:lnTo>
                  <a:close/>
                </a:path>
                <a:path w="970914" h="5080">
                  <a:moveTo>
                    <a:pt x="792480" y="0"/>
                  </a:moveTo>
                  <a:lnTo>
                    <a:pt x="781812" y="0"/>
                  </a:lnTo>
                  <a:lnTo>
                    <a:pt x="781812" y="4572"/>
                  </a:lnTo>
                  <a:lnTo>
                    <a:pt x="792480" y="4572"/>
                  </a:lnTo>
                  <a:lnTo>
                    <a:pt x="792480" y="0"/>
                  </a:lnTo>
                  <a:close/>
                </a:path>
                <a:path w="970914" h="5080">
                  <a:moveTo>
                    <a:pt x="806196" y="0"/>
                  </a:moveTo>
                  <a:lnTo>
                    <a:pt x="795528" y="0"/>
                  </a:lnTo>
                  <a:lnTo>
                    <a:pt x="795528" y="4572"/>
                  </a:lnTo>
                  <a:lnTo>
                    <a:pt x="806196" y="4572"/>
                  </a:lnTo>
                  <a:lnTo>
                    <a:pt x="806196" y="0"/>
                  </a:lnTo>
                  <a:close/>
                </a:path>
                <a:path w="970914" h="5080">
                  <a:moveTo>
                    <a:pt x="819912" y="0"/>
                  </a:moveTo>
                  <a:lnTo>
                    <a:pt x="809244" y="0"/>
                  </a:lnTo>
                  <a:lnTo>
                    <a:pt x="809244" y="4572"/>
                  </a:lnTo>
                  <a:lnTo>
                    <a:pt x="819912" y="4572"/>
                  </a:lnTo>
                  <a:lnTo>
                    <a:pt x="819912" y="0"/>
                  </a:lnTo>
                  <a:close/>
                </a:path>
                <a:path w="970914" h="5080">
                  <a:moveTo>
                    <a:pt x="833628" y="0"/>
                  </a:moveTo>
                  <a:lnTo>
                    <a:pt x="822960" y="0"/>
                  </a:lnTo>
                  <a:lnTo>
                    <a:pt x="822960" y="4572"/>
                  </a:lnTo>
                  <a:lnTo>
                    <a:pt x="833628" y="4572"/>
                  </a:lnTo>
                  <a:lnTo>
                    <a:pt x="833628" y="0"/>
                  </a:lnTo>
                  <a:close/>
                </a:path>
                <a:path w="970914" h="5080">
                  <a:moveTo>
                    <a:pt x="847344" y="0"/>
                  </a:moveTo>
                  <a:lnTo>
                    <a:pt x="836676" y="0"/>
                  </a:lnTo>
                  <a:lnTo>
                    <a:pt x="836676" y="4572"/>
                  </a:lnTo>
                  <a:lnTo>
                    <a:pt x="847344" y="4572"/>
                  </a:lnTo>
                  <a:lnTo>
                    <a:pt x="847344" y="0"/>
                  </a:lnTo>
                  <a:close/>
                </a:path>
                <a:path w="970914" h="5080">
                  <a:moveTo>
                    <a:pt x="861060" y="0"/>
                  </a:moveTo>
                  <a:lnTo>
                    <a:pt x="850392" y="0"/>
                  </a:lnTo>
                  <a:lnTo>
                    <a:pt x="850392" y="4572"/>
                  </a:lnTo>
                  <a:lnTo>
                    <a:pt x="861060" y="4572"/>
                  </a:lnTo>
                  <a:lnTo>
                    <a:pt x="861060" y="0"/>
                  </a:lnTo>
                  <a:close/>
                </a:path>
                <a:path w="970914" h="5080">
                  <a:moveTo>
                    <a:pt x="874776" y="0"/>
                  </a:moveTo>
                  <a:lnTo>
                    <a:pt x="864108" y="0"/>
                  </a:lnTo>
                  <a:lnTo>
                    <a:pt x="864108" y="4572"/>
                  </a:lnTo>
                  <a:lnTo>
                    <a:pt x="874776" y="4572"/>
                  </a:lnTo>
                  <a:lnTo>
                    <a:pt x="874776" y="0"/>
                  </a:lnTo>
                  <a:close/>
                </a:path>
                <a:path w="970914" h="5080">
                  <a:moveTo>
                    <a:pt x="888492" y="0"/>
                  </a:moveTo>
                  <a:lnTo>
                    <a:pt x="877824" y="0"/>
                  </a:lnTo>
                  <a:lnTo>
                    <a:pt x="877824" y="4572"/>
                  </a:lnTo>
                  <a:lnTo>
                    <a:pt x="888492" y="4572"/>
                  </a:lnTo>
                  <a:lnTo>
                    <a:pt x="888492" y="0"/>
                  </a:lnTo>
                  <a:close/>
                </a:path>
                <a:path w="970914" h="5080">
                  <a:moveTo>
                    <a:pt x="902208" y="0"/>
                  </a:moveTo>
                  <a:lnTo>
                    <a:pt x="891540" y="0"/>
                  </a:lnTo>
                  <a:lnTo>
                    <a:pt x="891540" y="4572"/>
                  </a:lnTo>
                  <a:lnTo>
                    <a:pt x="902208" y="4572"/>
                  </a:lnTo>
                  <a:lnTo>
                    <a:pt x="902208" y="0"/>
                  </a:lnTo>
                  <a:close/>
                </a:path>
                <a:path w="970914" h="5080">
                  <a:moveTo>
                    <a:pt x="915924" y="0"/>
                  </a:moveTo>
                  <a:lnTo>
                    <a:pt x="905256" y="0"/>
                  </a:lnTo>
                  <a:lnTo>
                    <a:pt x="905256" y="4572"/>
                  </a:lnTo>
                  <a:lnTo>
                    <a:pt x="915924" y="4572"/>
                  </a:lnTo>
                  <a:lnTo>
                    <a:pt x="915924" y="0"/>
                  </a:lnTo>
                  <a:close/>
                </a:path>
                <a:path w="970914" h="5080">
                  <a:moveTo>
                    <a:pt x="929640" y="0"/>
                  </a:moveTo>
                  <a:lnTo>
                    <a:pt x="918972" y="0"/>
                  </a:lnTo>
                  <a:lnTo>
                    <a:pt x="918972" y="4572"/>
                  </a:lnTo>
                  <a:lnTo>
                    <a:pt x="929640" y="4572"/>
                  </a:lnTo>
                  <a:lnTo>
                    <a:pt x="929640" y="0"/>
                  </a:lnTo>
                  <a:close/>
                </a:path>
                <a:path w="970914" h="5080">
                  <a:moveTo>
                    <a:pt x="943356" y="0"/>
                  </a:moveTo>
                  <a:lnTo>
                    <a:pt x="932688" y="0"/>
                  </a:lnTo>
                  <a:lnTo>
                    <a:pt x="932688" y="4572"/>
                  </a:lnTo>
                  <a:lnTo>
                    <a:pt x="943356" y="4572"/>
                  </a:lnTo>
                  <a:lnTo>
                    <a:pt x="943356" y="0"/>
                  </a:lnTo>
                  <a:close/>
                </a:path>
                <a:path w="970914" h="5080">
                  <a:moveTo>
                    <a:pt x="957072" y="0"/>
                  </a:moveTo>
                  <a:lnTo>
                    <a:pt x="946404" y="0"/>
                  </a:lnTo>
                  <a:lnTo>
                    <a:pt x="946404" y="4572"/>
                  </a:lnTo>
                  <a:lnTo>
                    <a:pt x="957072" y="4572"/>
                  </a:lnTo>
                  <a:lnTo>
                    <a:pt x="957072" y="0"/>
                  </a:lnTo>
                  <a:close/>
                </a:path>
                <a:path w="970914" h="5080">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71" name="object 71"/>
            <p:cNvSpPr/>
            <p:nvPr/>
          </p:nvSpPr>
          <p:spPr>
            <a:xfrm>
              <a:off x="3614928" y="309829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48" y="0"/>
                  </a:moveTo>
                  <a:lnTo>
                    <a:pt x="68580" y="0"/>
                  </a:lnTo>
                  <a:lnTo>
                    <a:pt x="68580" y="4572"/>
                  </a:lnTo>
                  <a:lnTo>
                    <a:pt x="79248" y="4572"/>
                  </a:lnTo>
                  <a:lnTo>
                    <a:pt x="79248"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60" y="0"/>
                  </a:lnTo>
                  <a:lnTo>
                    <a:pt x="137160"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7284" y="0"/>
                  </a:moveTo>
                  <a:lnTo>
                    <a:pt x="356616" y="0"/>
                  </a:lnTo>
                  <a:lnTo>
                    <a:pt x="356616" y="4572"/>
                  </a:lnTo>
                  <a:lnTo>
                    <a:pt x="367284" y="4572"/>
                  </a:lnTo>
                  <a:lnTo>
                    <a:pt x="367284" y="0"/>
                  </a:lnTo>
                  <a:close/>
                </a:path>
                <a:path w="969645" h="5080">
                  <a:moveTo>
                    <a:pt x="379476" y="0"/>
                  </a:moveTo>
                  <a:lnTo>
                    <a:pt x="370332" y="0"/>
                  </a:lnTo>
                  <a:lnTo>
                    <a:pt x="370332" y="4572"/>
                  </a:lnTo>
                  <a:lnTo>
                    <a:pt x="379476" y="4572"/>
                  </a:lnTo>
                  <a:lnTo>
                    <a:pt x="379476" y="0"/>
                  </a:lnTo>
                  <a:close/>
                </a:path>
                <a:path w="969645" h="5080">
                  <a:moveTo>
                    <a:pt x="393192" y="0"/>
                  </a:moveTo>
                  <a:lnTo>
                    <a:pt x="384048" y="0"/>
                  </a:lnTo>
                  <a:lnTo>
                    <a:pt x="384048" y="4572"/>
                  </a:lnTo>
                  <a:lnTo>
                    <a:pt x="393192" y="4572"/>
                  </a:lnTo>
                  <a:lnTo>
                    <a:pt x="393192" y="0"/>
                  </a:lnTo>
                  <a:close/>
                </a:path>
                <a:path w="969645" h="5080">
                  <a:moveTo>
                    <a:pt x="406908" y="0"/>
                  </a:moveTo>
                  <a:lnTo>
                    <a:pt x="397764" y="0"/>
                  </a:lnTo>
                  <a:lnTo>
                    <a:pt x="397764" y="4572"/>
                  </a:lnTo>
                  <a:lnTo>
                    <a:pt x="406908" y="4572"/>
                  </a:lnTo>
                  <a:lnTo>
                    <a:pt x="406908" y="0"/>
                  </a:lnTo>
                  <a:close/>
                </a:path>
                <a:path w="969645" h="5080">
                  <a:moveTo>
                    <a:pt x="420624" y="0"/>
                  </a:moveTo>
                  <a:lnTo>
                    <a:pt x="411480" y="0"/>
                  </a:lnTo>
                  <a:lnTo>
                    <a:pt x="411480" y="4572"/>
                  </a:lnTo>
                  <a:lnTo>
                    <a:pt x="420624" y="4572"/>
                  </a:lnTo>
                  <a:lnTo>
                    <a:pt x="420624" y="0"/>
                  </a:lnTo>
                  <a:close/>
                </a:path>
                <a:path w="969645" h="5080">
                  <a:moveTo>
                    <a:pt x="434340" y="0"/>
                  </a:moveTo>
                  <a:lnTo>
                    <a:pt x="425196" y="0"/>
                  </a:lnTo>
                  <a:lnTo>
                    <a:pt x="425196" y="4572"/>
                  </a:lnTo>
                  <a:lnTo>
                    <a:pt x="434340" y="4572"/>
                  </a:lnTo>
                  <a:lnTo>
                    <a:pt x="434340" y="0"/>
                  </a:lnTo>
                  <a:close/>
                </a:path>
                <a:path w="969645" h="5080">
                  <a:moveTo>
                    <a:pt x="448056" y="0"/>
                  </a:moveTo>
                  <a:lnTo>
                    <a:pt x="438912" y="0"/>
                  </a:lnTo>
                  <a:lnTo>
                    <a:pt x="438912" y="4572"/>
                  </a:lnTo>
                  <a:lnTo>
                    <a:pt x="448056" y="4572"/>
                  </a:lnTo>
                  <a:lnTo>
                    <a:pt x="448056" y="0"/>
                  </a:lnTo>
                  <a:close/>
                </a:path>
                <a:path w="969645" h="5080">
                  <a:moveTo>
                    <a:pt x="461772" y="0"/>
                  </a:moveTo>
                  <a:lnTo>
                    <a:pt x="452628" y="0"/>
                  </a:lnTo>
                  <a:lnTo>
                    <a:pt x="452628" y="4572"/>
                  </a:lnTo>
                  <a:lnTo>
                    <a:pt x="461772" y="4572"/>
                  </a:lnTo>
                  <a:lnTo>
                    <a:pt x="461772" y="0"/>
                  </a:lnTo>
                  <a:close/>
                </a:path>
                <a:path w="969645" h="5080">
                  <a:moveTo>
                    <a:pt x="475488" y="0"/>
                  </a:moveTo>
                  <a:lnTo>
                    <a:pt x="466344" y="0"/>
                  </a:lnTo>
                  <a:lnTo>
                    <a:pt x="466344" y="4572"/>
                  </a:lnTo>
                  <a:lnTo>
                    <a:pt x="475488" y="4572"/>
                  </a:lnTo>
                  <a:lnTo>
                    <a:pt x="475488" y="0"/>
                  </a:lnTo>
                  <a:close/>
                </a:path>
                <a:path w="969645" h="5080">
                  <a:moveTo>
                    <a:pt x="489204" y="0"/>
                  </a:moveTo>
                  <a:lnTo>
                    <a:pt x="480060" y="0"/>
                  </a:lnTo>
                  <a:lnTo>
                    <a:pt x="480060" y="4572"/>
                  </a:lnTo>
                  <a:lnTo>
                    <a:pt x="489204" y="4572"/>
                  </a:lnTo>
                  <a:lnTo>
                    <a:pt x="489204" y="0"/>
                  </a:lnTo>
                  <a:close/>
                </a:path>
                <a:path w="969645" h="5080">
                  <a:moveTo>
                    <a:pt x="502920" y="0"/>
                  </a:moveTo>
                  <a:lnTo>
                    <a:pt x="493776" y="0"/>
                  </a:lnTo>
                  <a:lnTo>
                    <a:pt x="493776" y="4572"/>
                  </a:lnTo>
                  <a:lnTo>
                    <a:pt x="502920" y="4572"/>
                  </a:lnTo>
                  <a:lnTo>
                    <a:pt x="502920" y="0"/>
                  </a:lnTo>
                  <a:close/>
                </a:path>
                <a:path w="969645" h="5080">
                  <a:moveTo>
                    <a:pt x="516636" y="0"/>
                  </a:moveTo>
                  <a:lnTo>
                    <a:pt x="507492" y="0"/>
                  </a:lnTo>
                  <a:lnTo>
                    <a:pt x="507492" y="4572"/>
                  </a:lnTo>
                  <a:lnTo>
                    <a:pt x="516636" y="4572"/>
                  </a:lnTo>
                  <a:lnTo>
                    <a:pt x="516636" y="0"/>
                  </a:lnTo>
                  <a:close/>
                </a:path>
                <a:path w="969645" h="5080">
                  <a:moveTo>
                    <a:pt x="530352" y="0"/>
                  </a:moveTo>
                  <a:lnTo>
                    <a:pt x="521208" y="0"/>
                  </a:lnTo>
                  <a:lnTo>
                    <a:pt x="521208" y="4572"/>
                  </a:lnTo>
                  <a:lnTo>
                    <a:pt x="530352" y="4572"/>
                  </a:lnTo>
                  <a:lnTo>
                    <a:pt x="530352" y="0"/>
                  </a:lnTo>
                  <a:close/>
                </a:path>
                <a:path w="969645" h="5080">
                  <a:moveTo>
                    <a:pt x="544068" y="0"/>
                  </a:moveTo>
                  <a:lnTo>
                    <a:pt x="534924" y="0"/>
                  </a:lnTo>
                  <a:lnTo>
                    <a:pt x="534924" y="4572"/>
                  </a:lnTo>
                  <a:lnTo>
                    <a:pt x="544068" y="4572"/>
                  </a:lnTo>
                  <a:lnTo>
                    <a:pt x="544068" y="0"/>
                  </a:lnTo>
                  <a:close/>
                </a:path>
                <a:path w="969645" h="5080">
                  <a:moveTo>
                    <a:pt x="557784" y="0"/>
                  </a:moveTo>
                  <a:lnTo>
                    <a:pt x="548640" y="0"/>
                  </a:lnTo>
                  <a:lnTo>
                    <a:pt x="548640" y="4572"/>
                  </a:lnTo>
                  <a:lnTo>
                    <a:pt x="557784" y="4572"/>
                  </a:lnTo>
                  <a:lnTo>
                    <a:pt x="557784" y="0"/>
                  </a:lnTo>
                  <a:close/>
                </a:path>
                <a:path w="969645" h="5080">
                  <a:moveTo>
                    <a:pt x="571500" y="0"/>
                  </a:moveTo>
                  <a:lnTo>
                    <a:pt x="562356" y="0"/>
                  </a:lnTo>
                  <a:lnTo>
                    <a:pt x="562356" y="4572"/>
                  </a:lnTo>
                  <a:lnTo>
                    <a:pt x="571500" y="4572"/>
                  </a:lnTo>
                  <a:lnTo>
                    <a:pt x="571500" y="0"/>
                  </a:lnTo>
                  <a:close/>
                </a:path>
                <a:path w="969645" h="5080">
                  <a:moveTo>
                    <a:pt x="585216" y="0"/>
                  </a:moveTo>
                  <a:lnTo>
                    <a:pt x="576072" y="0"/>
                  </a:lnTo>
                  <a:lnTo>
                    <a:pt x="576072" y="4572"/>
                  </a:lnTo>
                  <a:lnTo>
                    <a:pt x="585216" y="4572"/>
                  </a:lnTo>
                  <a:lnTo>
                    <a:pt x="585216" y="0"/>
                  </a:lnTo>
                  <a:close/>
                </a:path>
                <a:path w="969645" h="5080">
                  <a:moveTo>
                    <a:pt x="598932" y="0"/>
                  </a:moveTo>
                  <a:lnTo>
                    <a:pt x="589788" y="0"/>
                  </a:lnTo>
                  <a:lnTo>
                    <a:pt x="589788" y="4572"/>
                  </a:lnTo>
                  <a:lnTo>
                    <a:pt x="598932" y="4572"/>
                  </a:lnTo>
                  <a:lnTo>
                    <a:pt x="598932" y="0"/>
                  </a:lnTo>
                  <a:close/>
                </a:path>
                <a:path w="969645" h="5080">
                  <a:moveTo>
                    <a:pt x="612648" y="0"/>
                  </a:moveTo>
                  <a:lnTo>
                    <a:pt x="603504" y="0"/>
                  </a:lnTo>
                  <a:lnTo>
                    <a:pt x="603504" y="4572"/>
                  </a:lnTo>
                  <a:lnTo>
                    <a:pt x="612648" y="4572"/>
                  </a:lnTo>
                  <a:lnTo>
                    <a:pt x="612648" y="0"/>
                  </a:lnTo>
                  <a:close/>
                </a:path>
                <a:path w="969645" h="5080">
                  <a:moveTo>
                    <a:pt x="626364" y="0"/>
                  </a:moveTo>
                  <a:lnTo>
                    <a:pt x="617220" y="0"/>
                  </a:lnTo>
                  <a:lnTo>
                    <a:pt x="617220" y="4572"/>
                  </a:lnTo>
                  <a:lnTo>
                    <a:pt x="626364" y="4572"/>
                  </a:lnTo>
                  <a:lnTo>
                    <a:pt x="626364" y="0"/>
                  </a:lnTo>
                  <a:close/>
                </a:path>
                <a:path w="969645" h="5080">
                  <a:moveTo>
                    <a:pt x="640080" y="0"/>
                  </a:moveTo>
                  <a:lnTo>
                    <a:pt x="630936" y="0"/>
                  </a:lnTo>
                  <a:lnTo>
                    <a:pt x="630936" y="4572"/>
                  </a:lnTo>
                  <a:lnTo>
                    <a:pt x="640080" y="4572"/>
                  </a:lnTo>
                  <a:lnTo>
                    <a:pt x="640080" y="0"/>
                  </a:lnTo>
                  <a:close/>
                </a:path>
                <a:path w="969645" h="5080">
                  <a:moveTo>
                    <a:pt x="653796" y="0"/>
                  </a:moveTo>
                  <a:lnTo>
                    <a:pt x="644652" y="0"/>
                  </a:lnTo>
                  <a:lnTo>
                    <a:pt x="644652" y="4572"/>
                  </a:lnTo>
                  <a:lnTo>
                    <a:pt x="653796" y="4572"/>
                  </a:lnTo>
                  <a:lnTo>
                    <a:pt x="653796" y="0"/>
                  </a:lnTo>
                  <a:close/>
                </a:path>
                <a:path w="969645" h="5080">
                  <a:moveTo>
                    <a:pt x="667512" y="0"/>
                  </a:moveTo>
                  <a:lnTo>
                    <a:pt x="658368" y="0"/>
                  </a:lnTo>
                  <a:lnTo>
                    <a:pt x="658368" y="4572"/>
                  </a:lnTo>
                  <a:lnTo>
                    <a:pt x="667512" y="4572"/>
                  </a:lnTo>
                  <a:lnTo>
                    <a:pt x="667512" y="0"/>
                  </a:lnTo>
                  <a:close/>
                </a:path>
                <a:path w="969645" h="5080">
                  <a:moveTo>
                    <a:pt x="681228" y="0"/>
                  </a:moveTo>
                  <a:lnTo>
                    <a:pt x="672084" y="0"/>
                  </a:lnTo>
                  <a:lnTo>
                    <a:pt x="672084" y="4572"/>
                  </a:lnTo>
                  <a:lnTo>
                    <a:pt x="681228" y="4572"/>
                  </a:lnTo>
                  <a:lnTo>
                    <a:pt x="681228" y="0"/>
                  </a:lnTo>
                  <a:close/>
                </a:path>
                <a:path w="969645" h="5080">
                  <a:moveTo>
                    <a:pt x="694944" y="0"/>
                  </a:moveTo>
                  <a:lnTo>
                    <a:pt x="685800" y="0"/>
                  </a:lnTo>
                  <a:lnTo>
                    <a:pt x="685800" y="4572"/>
                  </a:lnTo>
                  <a:lnTo>
                    <a:pt x="694944" y="4572"/>
                  </a:lnTo>
                  <a:lnTo>
                    <a:pt x="694944" y="0"/>
                  </a:lnTo>
                  <a:close/>
                </a:path>
                <a:path w="969645" h="5080">
                  <a:moveTo>
                    <a:pt x="708660" y="0"/>
                  </a:moveTo>
                  <a:lnTo>
                    <a:pt x="699516" y="0"/>
                  </a:lnTo>
                  <a:lnTo>
                    <a:pt x="699516" y="4572"/>
                  </a:lnTo>
                  <a:lnTo>
                    <a:pt x="708660" y="4572"/>
                  </a:lnTo>
                  <a:lnTo>
                    <a:pt x="708660" y="0"/>
                  </a:lnTo>
                  <a:close/>
                </a:path>
                <a:path w="969645" h="5080">
                  <a:moveTo>
                    <a:pt x="722376" y="0"/>
                  </a:moveTo>
                  <a:lnTo>
                    <a:pt x="713232" y="0"/>
                  </a:lnTo>
                  <a:lnTo>
                    <a:pt x="713232" y="4572"/>
                  </a:lnTo>
                  <a:lnTo>
                    <a:pt x="722376" y="4572"/>
                  </a:lnTo>
                  <a:lnTo>
                    <a:pt x="722376" y="0"/>
                  </a:lnTo>
                  <a:close/>
                </a:path>
                <a:path w="969645" h="5080">
                  <a:moveTo>
                    <a:pt x="736092" y="0"/>
                  </a:moveTo>
                  <a:lnTo>
                    <a:pt x="726948" y="0"/>
                  </a:lnTo>
                  <a:lnTo>
                    <a:pt x="726948" y="4572"/>
                  </a:lnTo>
                  <a:lnTo>
                    <a:pt x="736092" y="4572"/>
                  </a:lnTo>
                  <a:lnTo>
                    <a:pt x="736092" y="0"/>
                  </a:lnTo>
                  <a:close/>
                </a:path>
                <a:path w="969645" h="5080">
                  <a:moveTo>
                    <a:pt x="749808" y="0"/>
                  </a:moveTo>
                  <a:lnTo>
                    <a:pt x="740664" y="0"/>
                  </a:lnTo>
                  <a:lnTo>
                    <a:pt x="740664" y="4572"/>
                  </a:lnTo>
                  <a:lnTo>
                    <a:pt x="749808" y="4572"/>
                  </a:lnTo>
                  <a:lnTo>
                    <a:pt x="749808" y="0"/>
                  </a:lnTo>
                  <a:close/>
                </a:path>
                <a:path w="969645" h="5080">
                  <a:moveTo>
                    <a:pt x="763524" y="0"/>
                  </a:moveTo>
                  <a:lnTo>
                    <a:pt x="754380" y="0"/>
                  </a:lnTo>
                  <a:lnTo>
                    <a:pt x="754380" y="4572"/>
                  </a:lnTo>
                  <a:lnTo>
                    <a:pt x="763524" y="4572"/>
                  </a:lnTo>
                  <a:lnTo>
                    <a:pt x="763524" y="0"/>
                  </a:lnTo>
                  <a:close/>
                </a:path>
                <a:path w="969645" h="5080">
                  <a:moveTo>
                    <a:pt x="777240" y="0"/>
                  </a:moveTo>
                  <a:lnTo>
                    <a:pt x="768096" y="0"/>
                  </a:lnTo>
                  <a:lnTo>
                    <a:pt x="768096" y="4572"/>
                  </a:lnTo>
                  <a:lnTo>
                    <a:pt x="777240" y="4572"/>
                  </a:lnTo>
                  <a:lnTo>
                    <a:pt x="777240" y="0"/>
                  </a:lnTo>
                  <a:close/>
                </a:path>
                <a:path w="969645" h="5080">
                  <a:moveTo>
                    <a:pt x="790956" y="0"/>
                  </a:moveTo>
                  <a:lnTo>
                    <a:pt x="781812" y="0"/>
                  </a:lnTo>
                  <a:lnTo>
                    <a:pt x="781812" y="4572"/>
                  </a:lnTo>
                  <a:lnTo>
                    <a:pt x="790956" y="4572"/>
                  </a:lnTo>
                  <a:lnTo>
                    <a:pt x="790956" y="0"/>
                  </a:lnTo>
                  <a:close/>
                </a:path>
                <a:path w="969645" h="5080">
                  <a:moveTo>
                    <a:pt x="804672" y="0"/>
                  </a:moveTo>
                  <a:lnTo>
                    <a:pt x="795528" y="0"/>
                  </a:lnTo>
                  <a:lnTo>
                    <a:pt x="795528" y="4572"/>
                  </a:lnTo>
                  <a:lnTo>
                    <a:pt x="804672" y="4572"/>
                  </a:lnTo>
                  <a:lnTo>
                    <a:pt x="804672" y="0"/>
                  </a:lnTo>
                  <a:close/>
                </a:path>
                <a:path w="969645" h="5080">
                  <a:moveTo>
                    <a:pt x="818388" y="0"/>
                  </a:moveTo>
                  <a:lnTo>
                    <a:pt x="809244" y="0"/>
                  </a:lnTo>
                  <a:lnTo>
                    <a:pt x="809244" y="4572"/>
                  </a:lnTo>
                  <a:lnTo>
                    <a:pt x="818388" y="4572"/>
                  </a:lnTo>
                  <a:lnTo>
                    <a:pt x="818388" y="0"/>
                  </a:lnTo>
                  <a:close/>
                </a:path>
                <a:path w="969645" h="5080">
                  <a:moveTo>
                    <a:pt x="832104" y="0"/>
                  </a:moveTo>
                  <a:lnTo>
                    <a:pt x="822960" y="0"/>
                  </a:lnTo>
                  <a:lnTo>
                    <a:pt x="822960" y="4572"/>
                  </a:lnTo>
                  <a:lnTo>
                    <a:pt x="832104" y="4572"/>
                  </a:lnTo>
                  <a:lnTo>
                    <a:pt x="832104" y="0"/>
                  </a:lnTo>
                  <a:close/>
                </a:path>
                <a:path w="969645" h="5080">
                  <a:moveTo>
                    <a:pt x="845820" y="0"/>
                  </a:moveTo>
                  <a:lnTo>
                    <a:pt x="836676" y="0"/>
                  </a:lnTo>
                  <a:lnTo>
                    <a:pt x="836676" y="4572"/>
                  </a:lnTo>
                  <a:lnTo>
                    <a:pt x="845820" y="4572"/>
                  </a:lnTo>
                  <a:lnTo>
                    <a:pt x="845820" y="0"/>
                  </a:lnTo>
                  <a:close/>
                </a:path>
                <a:path w="969645" h="5080">
                  <a:moveTo>
                    <a:pt x="859536" y="0"/>
                  </a:moveTo>
                  <a:lnTo>
                    <a:pt x="850392" y="0"/>
                  </a:lnTo>
                  <a:lnTo>
                    <a:pt x="850392" y="4572"/>
                  </a:lnTo>
                  <a:lnTo>
                    <a:pt x="859536" y="4572"/>
                  </a:lnTo>
                  <a:lnTo>
                    <a:pt x="859536" y="0"/>
                  </a:lnTo>
                  <a:close/>
                </a:path>
                <a:path w="969645" h="5080">
                  <a:moveTo>
                    <a:pt x="873252" y="0"/>
                  </a:moveTo>
                  <a:lnTo>
                    <a:pt x="864108" y="0"/>
                  </a:lnTo>
                  <a:lnTo>
                    <a:pt x="864108" y="4572"/>
                  </a:lnTo>
                  <a:lnTo>
                    <a:pt x="873252" y="4572"/>
                  </a:lnTo>
                  <a:lnTo>
                    <a:pt x="873252" y="0"/>
                  </a:lnTo>
                  <a:close/>
                </a:path>
                <a:path w="969645" h="5080">
                  <a:moveTo>
                    <a:pt x="886968" y="0"/>
                  </a:moveTo>
                  <a:lnTo>
                    <a:pt x="877824" y="0"/>
                  </a:lnTo>
                  <a:lnTo>
                    <a:pt x="877824" y="4572"/>
                  </a:lnTo>
                  <a:lnTo>
                    <a:pt x="886968" y="4572"/>
                  </a:lnTo>
                  <a:lnTo>
                    <a:pt x="886968"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72" name="object 72"/>
            <p:cNvSpPr/>
            <p:nvPr/>
          </p:nvSpPr>
          <p:spPr>
            <a:xfrm>
              <a:off x="4575048" y="3098291"/>
              <a:ext cx="969644" cy="5080"/>
            </a:xfrm>
            <a:custGeom>
              <a:avLst/>
              <a:gdLst/>
              <a:ahLst/>
              <a:cxnLst/>
              <a:rect l="l" t="t" r="r" b="b"/>
              <a:pathLst>
                <a:path w="969645" h="5080">
                  <a:moveTo>
                    <a:pt x="9144" y="0"/>
                  </a:moveTo>
                  <a:lnTo>
                    <a:pt x="0" y="0"/>
                  </a:lnTo>
                  <a:lnTo>
                    <a:pt x="0" y="4572"/>
                  </a:lnTo>
                  <a:lnTo>
                    <a:pt x="9144" y="4572"/>
                  </a:lnTo>
                  <a:lnTo>
                    <a:pt x="9144" y="0"/>
                  </a:lnTo>
                  <a:close/>
                </a:path>
                <a:path w="969645" h="5080">
                  <a:moveTo>
                    <a:pt x="22860" y="0"/>
                  </a:moveTo>
                  <a:lnTo>
                    <a:pt x="13716" y="0"/>
                  </a:lnTo>
                  <a:lnTo>
                    <a:pt x="13716" y="4572"/>
                  </a:lnTo>
                  <a:lnTo>
                    <a:pt x="22860" y="4572"/>
                  </a:lnTo>
                  <a:lnTo>
                    <a:pt x="22860" y="0"/>
                  </a:lnTo>
                  <a:close/>
                </a:path>
                <a:path w="969645" h="5080">
                  <a:moveTo>
                    <a:pt x="36576" y="0"/>
                  </a:moveTo>
                  <a:lnTo>
                    <a:pt x="25908" y="0"/>
                  </a:lnTo>
                  <a:lnTo>
                    <a:pt x="25908" y="4572"/>
                  </a:lnTo>
                  <a:lnTo>
                    <a:pt x="36576" y="4572"/>
                  </a:lnTo>
                  <a:lnTo>
                    <a:pt x="36576" y="0"/>
                  </a:lnTo>
                  <a:close/>
                </a:path>
                <a:path w="969645" h="5080">
                  <a:moveTo>
                    <a:pt x="50292" y="0"/>
                  </a:moveTo>
                  <a:lnTo>
                    <a:pt x="39624" y="0"/>
                  </a:lnTo>
                  <a:lnTo>
                    <a:pt x="39624" y="4572"/>
                  </a:lnTo>
                  <a:lnTo>
                    <a:pt x="50292" y="4572"/>
                  </a:lnTo>
                  <a:lnTo>
                    <a:pt x="50292" y="0"/>
                  </a:lnTo>
                  <a:close/>
                </a:path>
                <a:path w="969645" h="5080">
                  <a:moveTo>
                    <a:pt x="64008" y="0"/>
                  </a:moveTo>
                  <a:lnTo>
                    <a:pt x="53340" y="0"/>
                  </a:lnTo>
                  <a:lnTo>
                    <a:pt x="53340" y="4572"/>
                  </a:lnTo>
                  <a:lnTo>
                    <a:pt x="64008" y="4572"/>
                  </a:lnTo>
                  <a:lnTo>
                    <a:pt x="64008" y="0"/>
                  </a:lnTo>
                  <a:close/>
                </a:path>
                <a:path w="969645" h="5080">
                  <a:moveTo>
                    <a:pt x="77724" y="0"/>
                  </a:moveTo>
                  <a:lnTo>
                    <a:pt x="67056" y="0"/>
                  </a:lnTo>
                  <a:lnTo>
                    <a:pt x="67056" y="4572"/>
                  </a:lnTo>
                  <a:lnTo>
                    <a:pt x="77724" y="4572"/>
                  </a:lnTo>
                  <a:lnTo>
                    <a:pt x="77724" y="0"/>
                  </a:lnTo>
                  <a:close/>
                </a:path>
                <a:path w="969645" h="5080">
                  <a:moveTo>
                    <a:pt x="91440" y="0"/>
                  </a:moveTo>
                  <a:lnTo>
                    <a:pt x="80772" y="0"/>
                  </a:lnTo>
                  <a:lnTo>
                    <a:pt x="80772" y="4572"/>
                  </a:lnTo>
                  <a:lnTo>
                    <a:pt x="91440" y="4572"/>
                  </a:lnTo>
                  <a:lnTo>
                    <a:pt x="91440" y="0"/>
                  </a:lnTo>
                  <a:close/>
                </a:path>
                <a:path w="969645" h="5080">
                  <a:moveTo>
                    <a:pt x="105156" y="0"/>
                  </a:moveTo>
                  <a:lnTo>
                    <a:pt x="94488" y="0"/>
                  </a:lnTo>
                  <a:lnTo>
                    <a:pt x="94488" y="4572"/>
                  </a:lnTo>
                  <a:lnTo>
                    <a:pt x="105156" y="4572"/>
                  </a:lnTo>
                  <a:lnTo>
                    <a:pt x="105156" y="0"/>
                  </a:lnTo>
                  <a:close/>
                </a:path>
                <a:path w="969645" h="5080">
                  <a:moveTo>
                    <a:pt x="118872" y="0"/>
                  </a:moveTo>
                  <a:lnTo>
                    <a:pt x="108204" y="0"/>
                  </a:lnTo>
                  <a:lnTo>
                    <a:pt x="108204" y="4572"/>
                  </a:lnTo>
                  <a:lnTo>
                    <a:pt x="118872" y="4572"/>
                  </a:lnTo>
                  <a:lnTo>
                    <a:pt x="118872" y="0"/>
                  </a:lnTo>
                  <a:close/>
                </a:path>
                <a:path w="969645" h="5080">
                  <a:moveTo>
                    <a:pt x="132588" y="0"/>
                  </a:moveTo>
                  <a:lnTo>
                    <a:pt x="121920" y="0"/>
                  </a:lnTo>
                  <a:lnTo>
                    <a:pt x="121920" y="4572"/>
                  </a:lnTo>
                  <a:lnTo>
                    <a:pt x="132588" y="4572"/>
                  </a:lnTo>
                  <a:lnTo>
                    <a:pt x="132588" y="0"/>
                  </a:lnTo>
                  <a:close/>
                </a:path>
                <a:path w="969645" h="5080">
                  <a:moveTo>
                    <a:pt x="146304" y="0"/>
                  </a:moveTo>
                  <a:lnTo>
                    <a:pt x="135636" y="0"/>
                  </a:lnTo>
                  <a:lnTo>
                    <a:pt x="135636" y="4572"/>
                  </a:lnTo>
                  <a:lnTo>
                    <a:pt x="146304" y="4572"/>
                  </a:lnTo>
                  <a:lnTo>
                    <a:pt x="146304" y="0"/>
                  </a:lnTo>
                  <a:close/>
                </a:path>
                <a:path w="969645" h="5080">
                  <a:moveTo>
                    <a:pt x="160020" y="0"/>
                  </a:moveTo>
                  <a:lnTo>
                    <a:pt x="149352" y="0"/>
                  </a:lnTo>
                  <a:lnTo>
                    <a:pt x="149352" y="4572"/>
                  </a:lnTo>
                  <a:lnTo>
                    <a:pt x="160020" y="4572"/>
                  </a:lnTo>
                  <a:lnTo>
                    <a:pt x="160020" y="0"/>
                  </a:lnTo>
                  <a:close/>
                </a:path>
                <a:path w="969645" h="5080">
                  <a:moveTo>
                    <a:pt x="173736" y="0"/>
                  </a:moveTo>
                  <a:lnTo>
                    <a:pt x="163068" y="0"/>
                  </a:lnTo>
                  <a:lnTo>
                    <a:pt x="163068" y="4572"/>
                  </a:lnTo>
                  <a:lnTo>
                    <a:pt x="173736" y="4572"/>
                  </a:lnTo>
                  <a:lnTo>
                    <a:pt x="173736" y="0"/>
                  </a:lnTo>
                  <a:close/>
                </a:path>
                <a:path w="969645" h="5080">
                  <a:moveTo>
                    <a:pt x="187452" y="0"/>
                  </a:moveTo>
                  <a:lnTo>
                    <a:pt x="176784" y="0"/>
                  </a:lnTo>
                  <a:lnTo>
                    <a:pt x="176784" y="4572"/>
                  </a:lnTo>
                  <a:lnTo>
                    <a:pt x="187452" y="4572"/>
                  </a:lnTo>
                  <a:lnTo>
                    <a:pt x="187452" y="0"/>
                  </a:lnTo>
                  <a:close/>
                </a:path>
                <a:path w="969645" h="5080">
                  <a:moveTo>
                    <a:pt x="201168" y="0"/>
                  </a:moveTo>
                  <a:lnTo>
                    <a:pt x="190500" y="0"/>
                  </a:lnTo>
                  <a:lnTo>
                    <a:pt x="190500" y="4572"/>
                  </a:lnTo>
                  <a:lnTo>
                    <a:pt x="201168" y="4572"/>
                  </a:lnTo>
                  <a:lnTo>
                    <a:pt x="201168" y="0"/>
                  </a:lnTo>
                  <a:close/>
                </a:path>
                <a:path w="969645" h="5080">
                  <a:moveTo>
                    <a:pt x="214884" y="0"/>
                  </a:moveTo>
                  <a:lnTo>
                    <a:pt x="204216" y="0"/>
                  </a:lnTo>
                  <a:lnTo>
                    <a:pt x="204216" y="4572"/>
                  </a:lnTo>
                  <a:lnTo>
                    <a:pt x="214884" y="4572"/>
                  </a:lnTo>
                  <a:lnTo>
                    <a:pt x="214884" y="0"/>
                  </a:lnTo>
                  <a:close/>
                </a:path>
                <a:path w="969645" h="5080">
                  <a:moveTo>
                    <a:pt x="228600" y="0"/>
                  </a:moveTo>
                  <a:lnTo>
                    <a:pt x="217932" y="0"/>
                  </a:lnTo>
                  <a:lnTo>
                    <a:pt x="217932" y="4572"/>
                  </a:lnTo>
                  <a:lnTo>
                    <a:pt x="228600" y="4572"/>
                  </a:lnTo>
                  <a:lnTo>
                    <a:pt x="228600" y="0"/>
                  </a:lnTo>
                  <a:close/>
                </a:path>
                <a:path w="969645" h="5080">
                  <a:moveTo>
                    <a:pt x="242316" y="0"/>
                  </a:moveTo>
                  <a:lnTo>
                    <a:pt x="231648" y="0"/>
                  </a:lnTo>
                  <a:lnTo>
                    <a:pt x="231648" y="4572"/>
                  </a:lnTo>
                  <a:lnTo>
                    <a:pt x="242316" y="4572"/>
                  </a:lnTo>
                  <a:lnTo>
                    <a:pt x="242316" y="0"/>
                  </a:lnTo>
                  <a:close/>
                </a:path>
                <a:path w="969645" h="5080">
                  <a:moveTo>
                    <a:pt x="256032" y="0"/>
                  </a:moveTo>
                  <a:lnTo>
                    <a:pt x="245364" y="0"/>
                  </a:lnTo>
                  <a:lnTo>
                    <a:pt x="245364" y="4572"/>
                  </a:lnTo>
                  <a:lnTo>
                    <a:pt x="256032" y="4572"/>
                  </a:lnTo>
                  <a:lnTo>
                    <a:pt x="256032" y="0"/>
                  </a:lnTo>
                  <a:close/>
                </a:path>
                <a:path w="969645" h="5080">
                  <a:moveTo>
                    <a:pt x="269748" y="0"/>
                  </a:moveTo>
                  <a:lnTo>
                    <a:pt x="259080" y="0"/>
                  </a:lnTo>
                  <a:lnTo>
                    <a:pt x="259080" y="4572"/>
                  </a:lnTo>
                  <a:lnTo>
                    <a:pt x="269748" y="4572"/>
                  </a:lnTo>
                  <a:lnTo>
                    <a:pt x="269748" y="0"/>
                  </a:lnTo>
                  <a:close/>
                </a:path>
                <a:path w="969645" h="5080">
                  <a:moveTo>
                    <a:pt x="283464" y="0"/>
                  </a:moveTo>
                  <a:lnTo>
                    <a:pt x="272796" y="0"/>
                  </a:lnTo>
                  <a:lnTo>
                    <a:pt x="272796" y="4572"/>
                  </a:lnTo>
                  <a:lnTo>
                    <a:pt x="283464" y="4572"/>
                  </a:lnTo>
                  <a:lnTo>
                    <a:pt x="283464" y="0"/>
                  </a:lnTo>
                  <a:close/>
                </a:path>
                <a:path w="969645" h="5080">
                  <a:moveTo>
                    <a:pt x="297180" y="0"/>
                  </a:moveTo>
                  <a:lnTo>
                    <a:pt x="286512" y="0"/>
                  </a:lnTo>
                  <a:lnTo>
                    <a:pt x="286512" y="4572"/>
                  </a:lnTo>
                  <a:lnTo>
                    <a:pt x="297180" y="4572"/>
                  </a:lnTo>
                  <a:lnTo>
                    <a:pt x="297180" y="0"/>
                  </a:lnTo>
                  <a:close/>
                </a:path>
                <a:path w="969645" h="5080">
                  <a:moveTo>
                    <a:pt x="310896" y="0"/>
                  </a:moveTo>
                  <a:lnTo>
                    <a:pt x="300228" y="0"/>
                  </a:lnTo>
                  <a:lnTo>
                    <a:pt x="300228" y="4572"/>
                  </a:lnTo>
                  <a:lnTo>
                    <a:pt x="310896" y="4572"/>
                  </a:lnTo>
                  <a:lnTo>
                    <a:pt x="310896" y="0"/>
                  </a:lnTo>
                  <a:close/>
                </a:path>
                <a:path w="969645" h="5080">
                  <a:moveTo>
                    <a:pt x="324612" y="0"/>
                  </a:moveTo>
                  <a:lnTo>
                    <a:pt x="313944" y="0"/>
                  </a:lnTo>
                  <a:lnTo>
                    <a:pt x="313944" y="4572"/>
                  </a:lnTo>
                  <a:lnTo>
                    <a:pt x="324612" y="4572"/>
                  </a:lnTo>
                  <a:lnTo>
                    <a:pt x="324612" y="0"/>
                  </a:lnTo>
                  <a:close/>
                </a:path>
                <a:path w="969645" h="5080">
                  <a:moveTo>
                    <a:pt x="338328" y="0"/>
                  </a:moveTo>
                  <a:lnTo>
                    <a:pt x="327660" y="0"/>
                  </a:lnTo>
                  <a:lnTo>
                    <a:pt x="327660" y="4572"/>
                  </a:lnTo>
                  <a:lnTo>
                    <a:pt x="338328" y="4572"/>
                  </a:lnTo>
                  <a:lnTo>
                    <a:pt x="338328" y="0"/>
                  </a:lnTo>
                  <a:close/>
                </a:path>
                <a:path w="969645" h="5080">
                  <a:moveTo>
                    <a:pt x="352044" y="0"/>
                  </a:moveTo>
                  <a:lnTo>
                    <a:pt x="341376" y="0"/>
                  </a:lnTo>
                  <a:lnTo>
                    <a:pt x="341376" y="4572"/>
                  </a:lnTo>
                  <a:lnTo>
                    <a:pt x="352044" y="4572"/>
                  </a:lnTo>
                  <a:lnTo>
                    <a:pt x="352044" y="0"/>
                  </a:lnTo>
                  <a:close/>
                </a:path>
                <a:path w="969645" h="5080">
                  <a:moveTo>
                    <a:pt x="365760" y="0"/>
                  </a:moveTo>
                  <a:lnTo>
                    <a:pt x="355092" y="0"/>
                  </a:lnTo>
                  <a:lnTo>
                    <a:pt x="355092" y="4572"/>
                  </a:lnTo>
                  <a:lnTo>
                    <a:pt x="365760" y="4572"/>
                  </a:lnTo>
                  <a:lnTo>
                    <a:pt x="365760" y="0"/>
                  </a:lnTo>
                  <a:close/>
                </a:path>
                <a:path w="969645" h="5080">
                  <a:moveTo>
                    <a:pt x="379476" y="0"/>
                  </a:moveTo>
                  <a:lnTo>
                    <a:pt x="368808" y="0"/>
                  </a:lnTo>
                  <a:lnTo>
                    <a:pt x="368808" y="4572"/>
                  </a:lnTo>
                  <a:lnTo>
                    <a:pt x="379476" y="4572"/>
                  </a:lnTo>
                  <a:lnTo>
                    <a:pt x="379476" y="0"/>
                  </a:lnTo>
                  <a:close/>
                </a:path>
                <a:path w="969645" h="5080">
                  <a:moveTo>
                    <a:pt x="393192" y="0"/>
                  </a:moveTo>
                  <a:lnTo>
                    <a:pt x="382524" y="0"/>
                  </a:lnTo>
                  <a:lnTo>
                    <a:pt x="382524" y="4572"/>
                  </a:lnTo>
                  <a:lnTo>
                    <a:pt x="393192" y="4572"/>
                  </a:lnTo>
                  <a:lnTo>
                    <a:pt x="393192" y="0"/>
                  </a:lnTo>
                  <a:close/>
                </a:path>
                <a:path w="969645" h="5080">
                  <a:moveTo>
                    <a:pt x="406908" y="0"/>
                  </a:moveTo>
                  <a:lnTo>
                    <a:pt x="396240" y="0"/>
                  </a:lnTo>
                  <a:lnTo>
                    <a:pt x="396240" y="4572"/>
                  </a:lnTo>
                  <a:lnTo>
                    <a:pt x="406908" y="4572"/>
                  </a:lnTo>
                  <a:lnTo>
                    <a:pt x="406908" y="0"/>
                  </a:lnTo>
                  <a:close/>
                </a:path>
                <a:path w="969645" h="5080">
                  <a:moveTo>
                    <a:pt x="420624" y="0"/>
                  </a:moveTo>
                  <a:lnTo>
                    <a:pt x="409956" y="0"/>
                  </a:lnTo>
                  <a:lnTo>
                    <a:pt x="409956" y="4572"/>
                  </a:lnTo>
                  <a:lnTo>
                    <a:pt x="420624" y="4572"/>
                  </a:lnTo>
                  <a:lnTo>
                    <a:pt x="420624" y="0"/>
                  </a:lnTo>
                  <a:close/>
                </a:path>
                <a:path w="969645" h="5080">
                  <a:moveTo>
                    <a:pt x="434340" y="0"/>
                  </a:moveTo>
                  <a:lnTo>
                    <a:pt x="423672" y="0"/>
                  </a:lnTo>
                  <a:lnTo>
                    <a:pt x="423672" y="4572"/>
                  </a:lnTo>
                  <a:lnTo>
                    <a:pt x="434340" y="4572"/>
                  </a:lnTo>
                  <a:lnTo>
                    <a:pt x="434340" y="0"/>
                  </a:lnTo>
                  <a:close/>
                </a:path>
                <a:path w="969645" h="5080">
                  <a:moveTo>
                    <a:pt x="448056" y="0"/>
                  </a:moveTo>
                  <a:lnTo>
                    <a:pt x="437388" y="0"/>
                  </a:lnTo>
                  <a:lnTo>
                    <a:pt x="437388" y="4572"/>
                  </a:lnTo>
                  <a:lnTo>
                    <a:pt x="448056" y="4572"/>
                  </a:lnTo>
                  <a:lnTo>
                    <a:pt x="448056" y="0"/>
                  </a:lnTo>
                  <a:close/>
                </a:path>
                <a:path w="969645" h="5080">
                  <a:moveTo>
                    <a:pt x="461772" y="0"/>
                  </a:moveTo>
                  <a:lnTo>
                    <a:pt x="451104" y="0"/>
                  </a:lnTo>
                  <a:lnTo>
                    <a:pt x="451104" y="4572"/>
                  </a:lnTo>
                  <a:lnTo>
                    <a:pt x="461772" y="4572"/>
                  </a:lnTo>
                  <a:lnTo>
                    <a:pt x="461772" y="0"/>
                  </a:lnTo>
                  <a:close/>
                </a:path>
                <a:path w="969645" h="5080">
                  <a:moveTo>
                    <a:pt x="475488" y="0"/>
                  </a:moveTo>
                  <a:lnTo>
                    <a:pt x="464820" y="0"/>
                  </a:lnTo>
                  <a:lnTo>
                    <a:pt x="464820" y="4572"/>
                  </a:lnTo>
                  <a:lnTo>
                    <a:pt x="475488" y="4572"/>
                  </a:lnTo>
                  <a:lnTo>
                    <a:pt x="475488" y="0"/>
                  </a:lnTo>
                  <a:close/>
                </a:path>
                <a:path w="969645" h="5080">
                  <a:moveTo>
                    <a:pt x="489204" y="0"/>
                  </a:moveTo>
                  <a:lnTo>
                    <a:pt x="478536" y="0"/>
                  </a:lnTo>
                  <a:lnTo>
                    <a:pt x="478536" y="4572"/>
                  </a:lnTo>
                  <a:lnTo>
                    <a:pt x="489204" y="4572"/>
                  </a:lnTo>
                  <a:lnTo>
                    <a:pt x="489204" y="0"/>
                  </a:lnTo>
                  <a:close/>
                </a:path>
                <a:path w="969645" h="5080">
                  <a:moveTo>
                    <a:pt x="502920" y="0"/>
                  </a:moveTo>
                  <a:lnTo>
                    <a:pt x="492252" y="0"/>
                  </a:lnTo>
                  <a:lnTo>
                    <a:pt x="492252" y="4572"/>
                  </a:lnTo>
                  <a:lnTo>
                    <a:pt x="502920" y="4572"/>
                  </a:lnTo>
                  <a:lnTo>
                    <a:pt x="502920" y="0"/>
                  </a:lnTo>
                  <a:close/>
                </a:path>
                <a:path w="969645" h="5080">
                  <a:moveTo>
                    <a:pt x="516636" y="0"/>
                  </a:moveTo>
                  <a:lnTo>
                    <a:pt x="505968" y="0"/>
                  </a:lnTo>
                  <a:lnTo>
                    <a:pt x="505968" y="4572"/>
                  </a:lnTo>
                  <a:lnTo>
                    <a:pt x="516636" y="4572"/>
                  </a:lnTo>
                  <a:lnTo>
                    <a:pt x="516636" y="0"/>
                  </a:lnTo>
                  <a:close/>
                </a:path>
                <a:path w="969645" h="5080">
                  <a:moveTo>
                    <a:pt x="530352" y="0"/>
                  </a:moveTo>
                  <a:lnTo>
                    <a:pt x="519684" y="0"/>
                  </a:lnTo>
                  <a:lnTo>
                    <a:pt x="519684" y="4572"/>
                  </a:lnTo>
                  <a:lnTo>
                    <a:pt x="530352" y="4572"/>
                  </a:lnTo>
                  <a:lnTo>
                    <a:pt x="530352" y="0"/>
                  </a:lnTo>
                  <a:close/>
                </a:path>
                <a:path w="969645" h="5080">
                  <a:moveTo>
                    <a:pt x="544068" y="0"/>
                  </a:moveTo>
                  <a:lnTo>
                    <a:pt x="533400" y="0"/>
                  </a:lnTo>
                  <a:lnTo>
                    <a:pt x="533400" y="4572"/>
                  </a:lnTo>
                  <a:lnTo>
                    <a:pt x="544068" y="4572"/>
                  </a:lnTo>
                  <a:lnTo>
                    <a:pt x="544068" y="0"/>
                  </a:lnTo>
                  <a:close/>
                </a:path>
                <a:path w="969645" h="5080">
                  <a:moveTo>
                    <a:pt x="557784" y="0"/>
                  </a:moveTo>
                  <a:lnTo>
                    <a:pt x="547116" y="0"/>
                  </a:lnTo>
                  <a:lnTo>
                    <a:pt x="547116" y="4572"/>
                  </a:lnTo>
                  <a:lnTo>
                    <a:pt x="557784" y="4572"/>
                  </a:lnTo>
                  <a:lnTo>
                    <a:pt x="557784" y="0"/>
                  </a:lnTo>
                  <a:close/>
                </a:path>
                <a:path w="969645" h="5080">
                  <a:moveTo>
                    <a:pt x="571500" y="0"/>
                  </a:moveTo>
                  <a:lnTo>
                    <a:pt x="560832" y="0"/>
                  </a:lnTo>
                  <a:lnTo>
                    <a:pt x="560832" y="4572"/>
                  </a:lnTo>
                  <a:lnTo>
                    <a:pt x="571500" y="4572"/>
                  </a:lnTo>
                  <a:lnTo>
                    <a:pt x="571500" y="0"/>
                  </a:lnTo>
                  <a:close/>
                </a:path>
                <a:path w="969645" h="5080">
                  <a:moveTo>
                    <a:pt x="585216" y="0"/>
                  </a:moveTo>
                  <a:lnTo>
                    <a:pt x="574548" y="0"/>
                  </a:lnTo>
                  <a:lnTo>
                    <a:pt x="574548" y="4572"/>
                  </a:lnTo>
                  <a:lnTo>
                    <a:pt x="585216" y="4572"/>
                  </a:lnTo>
                  <a:lnTo>
                    <a:pt x="585216" y="0"/>
                  </a:lnTo>
                  <a:close/>
                </a:path>
                <a:path w="969645" h="5080">
                  <a:moveTo>
                    <a:pt x="598932" y="0"/>
                  </a:moveTo>
                  <a:lnTo>
                    <a:pt x="588264" y="0"/>
                  </a:lnTo>
                  <a:lnTo>
                    <a:pt x="588264" y="4572"/>
                  </a:lnTo>
                  <a:lnTo>
                    <a:pt x="598932" y="4572"/>
                  </a:lnTo>
                  <a:lnTo>
                    <a:pt x="598932" y="0"/>
                  </a:lnTo>
                  <a:close/>
                </a:path>
                <a:path w="969645" h="5080">
                  <a:moveTo>
                    <a:pt x="612648" y="0"/>
                  </a:moveTo>
                  <a:lnTo>
                    <a:pt x="601980" y="0"/>
                  </a:lnTo>
                  <a:lnTo>
                    <a:pt x="601980" y="4572"/>
                  </a:lnTo>
                  <a:lnTo>
                    <a:pt x="612648" y="4572"/>
                  </a:lnTo>
                  <a:lnTo>
                    <a:pt x="612648" y="0"/>
                  </a:lnTo>
                  <a:close/>
                </a:path>
                <a:path w="969645" h="5080">
                  <a:moveTo>
                    <a:pt x="626364" y="0"/>
                  </a:moveTo>
                  <a:lnTo>
                    <a:pt x="615696" y="0"/>
                  </a:lnTo>
                  <a:lnTo>
                    <a:pt x="615696" y="4572"/>
                  </a:lnTo>
                  <a:lnTo>
                    <a:pt x="626364" y="4572"/>
                  </a:lnTo>
                  <a:lnTo>
                    <a:pt x="626364" y="0"/>
                  </a:lnTo>
                  <a:close/>
                </a:path>
                <a:path w="969645" h="5080">
                  <a:moveTo>
                    <a:pt x="640080" y="0"/>
                  </a:moveTo>
                  <a:lnTo>
                    <a:pt x="629412" y="0"/>
                  </a:lnTo>
                  <a:lnTo>
                    <a:pt x="629412" y="4572"/>
                  </a:lnTo>
                  <a:lnTo>
                    <a:pt x="640080" y="4572"/>
                  </a:lnTo>
                  <a:lnTo>
                    <a:pt x="640080" y="0"/>
                  </a:lnTo>
                  <a:close/>
                </a:path>
                <a:path w="969645" h="5080">
                  <a:moveTo>
                    <a:pt x="653796" y="0"/>
                  </a:moveTo>
                  <a:lnTo>
                    <a:pt x="643128" y="0"/>
                  </a:lnTo>
                  <a:lnTo>
                    <a:pt x="643128" y="4572"/>
                  </a:lnTo>
                  <a:lnTo>
                    <a:pt x="653796" y="4572"/>
                  </a:lnTo>
                  <a:lnTo>
                    <a:pt x="653796" y="0"/>
                  </a:lnTo>
                  <a:close/>
                </a:path>
                <a:path w="969645" h="5080">
                  <a:moveTo>
                    <a:pt x="667512" y="0"/>
                  </a:moveTo>
                  <a:lnTo>
                    <a:pt x="656844" y="0"/>
                  </a:lnTo>
                  <a:lnTo>
                    <a:pt x="656844" y="4572"/>
                  </a:lnTo>
                  <a:lnTo>
                    <a:pt x="667512" y="4572"/>
                  </a:lnTo>
                  <a:lnTo>
                    <a:pt x="667512" y="0"/>
                  </a:lnTo>
                  <a:close/>
                </a:path>
                <a:path w="969645" h="5080">
                  <a:moveTo>
                    <a:pt x="681228" y="0"/>
                  </a:moveTo>
                  <a:lnTo>
                    <a:pt x="670560" y="0"/>
                  </a:lnTo>
                  <a:lnTo>
                    <a:pt x="670560" y="4572"/>
                  </a:lnTo>
                  <a:lnTo>
                    <a:pt x="681228" y="4572"/>
                  </a:lnTo>
                  <a:lnTo>
                    <a:pt x="681228" y="0"/>
                  </a:lnTo>
                  <a:close/>
                </a:path>
                <a:path w="969645" h="5080">
                  <a:moveTo>
                    <a:pt x="694944" y="0"/>
                  </a:moveTo>
                  <a:lnTo>
                    <a:pt x="684276" y="0"/>
                  </a:lnTo>
                  <a:lnTo>
                    <a:pt x="684276" y="4572"/>
                  </a:lnTo>
                  <a:lnTo>
                    <a:pt x="694944" y="4572"/>
                  </a:lnTo>
                  <a:lnTo>
                    <a:pt x="694944" y="0"/>
                  </a:lnTo>
                  <a:close/>
                </a:path>
                <a:path w="969645" h="5080">
                  <a:moveTo>
                    <a:pt x="708660" y="0"/>
                  </a:moveTo>
                  <a:lnTo>
                    <a:pt x="697992" y="0"/>
                  </a:lnTo>
                  <a:lnTo>
                    <a:pt x="697992" y="4572"/>
                  </a:lnTo>
                  <a:lnTo>
                    <a:pt x="708660" y="4572"/>
                  </a:lnTo>
                  <a:lnTo>
                    <a:pt x="708660" y="0"/>
                  </a:lnTo>
                  <a:close/>
                </a:path>
                <a:path w="969645" h="5080">
                  <a:moveTo>
                    <a:pt x="722376" y="0"/>
                  </a:moveTo>
                  <a:lnTo>
                    <a:pt x="711708" y="0"/>
                  </a:lnTo>
                  <a:lnTo>
                    <a:pt x="711708" y="4572"/>
                  </a:lnTo>
                  <a:lnTo>
                    <a:pt x="722376" y="4572"/>
                  </a:lnTo>
                  <a:lnTo>
                    <a:pt x="722376" y="0"/>
                  </a:lnTo>
                  <a:close/>
                </a:path>
                <a:path w="969645" h="5080">
                  <a:moveTo>
                    <a:pt x="736092" y="0"/>
                  </a:moveTo>
                  <a:lnTo>
                    <a:pt x="725424" y="0"/>
                  </a:lnTo>
                  <a:lnTo>
                    <a:pt x="725424" y="4572"/>
                  </a:lnTo>
                  <a:lnTo>
                    <a:pt x="736092" y="4572"/>
                  </a:lnTo>
                  <a:lnTo>
                    <a:pt x="736092" y="0"/>
                  </a:lnTo>
                  <a:close/>
                </a:path>
                <a:path w="969645" h="5080">
                  <a:moveTo>
                    <a:pt x="749808" y="0"/>
                  </a:moveTo>
                  <a:lnTo>
                    <a:pt x="739140" y="0"/>
                  </a:lnTo>
                  <a:lnTo>
                    <a:pt x="739140" y="4572"/>
                  </a:lnTo>
                  <a:lnTo>
                    <a:pt x="749808" y="4572"/>
                  </a:lnTo>
                  <a:lnTo>
                    <a:pt x="749808" y="0"/>
                  </a:lnTo>
                  <a:close/>
                </a:path>
                <a:path w="969645" h="5080">
                  <a:moveTo>
                    <a:pt x="763524" y="0"/>
                  </a:moveTo>
                  <a:lnTo>
                    <a:pt x="752856" y="0"/>
                  </a:lnTo>
                  <a:lnTo>
                    <a:pt x="752856" y="4572"/>
                  </a:lnTo>
                  <a:lnTo>
                    <a:pt x="763524" y="4572"/>
                  </a:lnTo>
                  <a:lnTo>
                    <a:pt x="763524" y="0"/>
                  </a:lnTo>
                  <a:close/>
                </a:path>
                <a:path w="969645" h="5080">
                  <a:moveTo>
                    <a:pt x="777240" y="0"/>
                  </a:moveTo>
                  <a:lnTo>
                    <a:pt x="766572" y="0"/>
                  </a:lnTo>
                  <a:lnTo>
                    <a:pt x="766572" y="4572"/>
                  </a:lnTo>
                  <a:lnTo>
                    <a:pt x="777240" y="4572"/>
                  </a:lnTo>
                  <a:lnTo>
                    <a:pt x="777240" y="0"/>
                  </a:lnTo>
                  <a:close/>
                </a:path>
                <a:path w="969645" h="5080">
                  <a:moveTo>
                    <a:pt x="790956" y="0"/>
                  </a:moveTo>
                  <a:lnTo>
                    <a:pt x="780288" y="0"/>
                  </a:lnTo>
                  <a:lnTo>
                    <a:pt x="780288" y="4572"/>
                  </a:lnTo>
                  <a:lnTo>
                    <a:pt x="790956" y="4572"/>
                  </a:lnTo>
                  <a:lnTo>
                    <a:pt x="790956" y="0"/>
                  </a:lnTo>
                  <a:close/>
                </a:path>
                <a:path w="969645" h="5080">
                  <a:moveTo>
                    <a:pt x="804672" y="0"/>
                  </a:moveTo>
                  <a:lnTo>
                    <a:pt x="794004" y="0"/>
                  </a:lnTo>
                  <a:lnTo>
                    <a:pt x="794004" y="4572"/>
                  </a:lnTo>
                  <a:lnTo>
                    <a:pt x="804672" y="4572"/>
                  </a:lnTo>
                  <a:lnTo>
                    <a:pt x="804672" y="0"/>
                  </a:lnTo>
                  <a:close/>
                </a:path>
                <a:path w="969645" h="5080">
                  <a:moveTo>
                    <a:pt x="818388" y="0"/>
                  </a:moveTo>
                  <a:lnTo>
                    <a:pt x="807720" y="0"/>
                  </a:lnTo>
                  <a:lnTo>
                    <a:pt x="807720" y="4572"/>
                  </a:lnTo>
                  <a:lnTo>
                    <a:pt x="818388" y="4572"/>
                  </a:lnTo>
                  <a:lnTo>
                    <a:pt x="818388" y="0"/>
                  </a:lnTo>
                  <a:close/>
                </a:path>
                <a:path w="969645" h="5080">
                  <a:moveTo>
                    <a:pt x="832104" y="0"/>
                  </a:moveTo>
                  <a:lnTo>
                    <a:pt x="821436" y="0"/>
                  </a:lnTo>
                  <a:lnTo>
                    <a:pt x="821436" y="4572"/>
                  </a:lnTo>
                  <a:lnTo>
                    <a:pt x="832104" y="4572"/>
                  </a:lnTo>
                  <a:lnTo>
                    <a:pt x="832104" y="0"/>
                  </a:lnTo>
                  <a:close/>
                </a:path>
                <a:path w="969645" h="5080">
                  <a:moveTo>
                    <a:pt x="845820" y="0"/>
                  </a:moveTo>
                  <a:lnTo>
                    <a:pt x="835152" y="0"/>
                  </a:lnTo>
                  <a:lnTo>
                    <a:pt x="835152" y="4572"/>
                  </a:lnTo>
                  <a:lnTo>
                    <a:pt x="845820" y="4572"/>
                  </a:lnTo>
                  <a:lnTo>
                    <a:pt x="845820" y="0"/>
                  </a:lnTo>
                  <a:close/>
                </a:path>
                <a:path w="969645" h="5080">
                  <a:moveTo>
                    <a:pt x="859536" y="0"/>
                  </a:moveTo>
                  <a:lnTo>
                    <a:pt x="848868" y="0"/>
                  </a:lnTo>
                  <a:lnTo>
                    <a:pt x="848868" y="4572"/>
                  </a:lnTo>
                  <a:lnTo>
                    <a:pt x="859536" y="4572"/>
                  </a:lnTo>
                  <a:lnTo>
                    <a:pt x="859536" y="0"/>
                  </a:lnTo>
                  <a:close/>
                </a:path>
                <a:path w="969645" h="5080">
                  <a:moveTo>
                    <a:pt x="873252" y="0"/>
                  </a:moveTo>
                  <a:lnTo>
                    <a:pt x="862584" y="0"/>
                  </a:lnTo>
                  <a:lnTo>
                    <a:pt x="862584" y="4572"/>
                  </a:lnTo>
                  <a:lnTo>
                    <a:pt x="873252" y="4572"/>
                  </a:lnTo>
                  <a:lnTo>
                    <a:pt x="873252" y="0"/>
                  </a:lnTo>
                  <a:close/>
                </a:path>
                <a:path w="969645" h="5080">
                  <a:moveTo>
                    <a:pt x="886968" y="0"/>
                  </a:moveTo>
                  <a:lnTo>
                    <a:pt x="876300" y="0"/>
                  </a:lnTo>
                  <a:lnTo>
                    <a:pt x="876300" y="4572"/>
                  </a:lnTo>
                  <a:lnTo>
                    <a:pt x="886968" y="4572"/>
                  </a:lnTo>
                  <a:lnTo>
                    <a:pt x="886968" y="0"/>
                  </a:lnTo>
                  <a:close/>
                </a:path>
                <a:path w="969645" h="5080">
                  <a:moveTo>
                    <a:pt x="900684" y="0"/>
                  </a:moveTo>
                  <a:lnTo>
                    <a:pt x="890016" y="0"/>
                  </a:lnTo>
                  <a:lnTo>
                    <a:pt x="890016" y="4572"/>
                  </a:lnTo>
                  <a:lnTo>
                    <a:pt x="900684" y="4572"/>
                  </a:lnTo>
                  <a:lnTo>
                    <a:pt x="900684" y="0"/>
                  </a:lnTo>
                  <a:close/>
                </a:path>
                <a:path w="969645" h="5080">
                  <a:moveTo>
                    <a:pt x="914400" y="0"/>
                  </a:moveTo>
                  <a:lnTo>
                    <a:pt x="903732" y="0"/>
                  </a:lnTo>
                  <a:lnTo>
                    <a:pt x="903732" y="4572"/>
                  </a:lnTo>
                  <a:lnTo>
                    <a:pt x="914400" y="4572"/>
                  </a:lnTo>
                  <a:lnTo>
                    <a:pt x="914400" y="0"/>
                  </a:lnTo>
                  <a:close/>
                </a:path>
                <a:path w="969645" h="5080">
                  <a:moveTo>
                    <a:pt x="928116" y="0"/>
                  </a:moveTo>
                  <a:lnTo>
                    <a:pt x="917448" y="0"/>
                  </a:lnTo>
                  <a:lnTo>
                    <a:pt x="917448" y="4572"/>
                  </a:lnTo>
                  <a:lnTo>
                    <a:pt x="928116" y="4572"/>
                  </a:lnTo>
                  <a:lnTo>
                    <a:pt x="928116" y="0"/>
                  </a:lnTo>
                  <a:close/>
                </a:path>
                <a:path w="969645" h="5080">
                  <a:moveTo>
                    <a:pt x="941832" y="0"/>
                  </a:moveTo>
                  <a:lnTo>
                    <a:pt x="931164" y="0"/>
                  </a:lnTo>
                  <a:lnTo>
                    <a:pt x="931164" y="4572"/>
                  </a:lnTo>
                  <a:lnTo>
                    <a:pt x="941832" y="4572"/>
                  </a:lnTo>
                  <a:lnTo>
                    <a:pt x="941832" y="0"/>
                  </a:lnTo>
                  <a:close/>
                </a:path>
                <a:path w="969645" h="5080">
                  <a:moveTo>
                    <a:pt x="955548" y="0"/>
                  </a:moveTo>
                  <a:lnTo>
                    <a:pt x="944880" y="0"/>
                  </a:lnTo>
                  <a:lnTo>
                    <a:pt x="944880" y="4572"/>
                  </a:lnTo>
                  <a:lnTo>
                    <a:pt x="955548" y="4572"/>
                  </a:lnTo>
                  <a:lnTo>
                    <a:pt x="955548" y="0"/>
                  </a:lnTo>
                  <a:close/>
                </a:path>
                <a:path w="969645"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73" name="object 73"/>
            <p:cNvSpPr/>
            <p:nvPr/>
          </p:nvSpPr>
          <p:spPr>
            <a:xfrm>
              <a:off x="5533644" y="309829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48" y="0"/>
                  </a:moveTo>
                  <a:lnTo>
                    <a:pt x="68580" y="0"/>
                  </a:lnTo>
                  <a:lnTo>
                    <a:pt x="68580" y="4572"/>
                  </a:lnTo>
                  <a:lnTo>
                    <a:pt x="79248" y="4572"/>
                  </a:lnTo>
                  <a:lnTo>
                    <a:pt x="79248"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60" y="0"/>
                  </a:lnTo>
                  <a:lnTo>
                    <a:pt x="137160"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7284" y="0"/>
                  </a:moveTo>
                  <a:lnTo>
                    <a:pt x="356616" y="0"/>
                  </a:lnTo>
                  <a:lnTo>
                    <a:pt x="356616" y="4572"/>
                  </a:lnTo>
                  <a:lnTo>
                    <a:pt x="367284" y="4572"/>
                  </a:lnTo>
                  <a:lnTo>
                    <a:pt x="367284" y="0"/>
                  </a:lnTo>
                  <a:close/>
                </a:path>
                <a:path w="969645" h="5080">
                  <a:moveTo>
                    <a:pt x="381000" y="0"/>
                  </a:moveTo>
                  <a:lnTo>
                    <a:pt x="370332" y="0"/>
                  </a:lnTo>
                  <a:lnTo>
                    <a:pt x="370332" y="4572"/>
                  </a:lnTo>
                  <a:lnTo>
                    <a:pt x="381000" y="4572"/>
                  </a:lnTo>
                  <a:lnTo>
                    <a:pt x="381000" y="0"/>
                  </a:lnTo>
                  <a:close/>
                </a:path>
                <a:path w="969645" h="5080">
                  <a:moveTo>
                    <a:pt x="394716" y="0"/>
                  </a:moveTo>
                  <a:lnTo>
                    <a:pt x="384048" y="0"/>
                  </a:lnTo>
                  <a:lnTo>
                    <a:pt x="384048" y="4572"/>
                  </a:lnTo>
                  <a:lnTo>
                    <a:pt x="394716" y="4572"/>
                  </a:lnTo>
                  <a:lnTo>
                    <a:pt x="394716" y="0"/>
                  </a:lnTo>
                  <a:close/>
                </a:path>
                <a:path w="969645" h="5080">
                  <a:moveTo>
                    <a:pt x="408432" y="0"/>
                  </a:moveTo>
                  <a:lnTo>
                    <a:pt x="397764" y="0"/>
                  </a:lnTo>
                  <a:lnTo>
                    <a:pt x="397764" y="4572"/>
                  </a:lnTo>
                  <a:lnTo>
                    <a:pt x="408432" y="4572"/>
                  </a:lnTo>
                  <a:lnTo>
                    <a:pt x="408432" y="0"/>
                  </a:lnTo>
                  <a:close/>
                </a:path>
                <a:path w="969645" h="5080">
                  <a:moveTo>
                    <a:pt x="422148" y="0"/>
                  </a:moveTo>
                  <a:lnTo>
                    <a:pt x="411480" y="0"/>
                  </a:lnTo>
                  <a:lnTo>
                    <a:pt x="411480" y="4572"/>
                  </a:lnTo>
                  <a:lnTo>
                    <a:pt x="422148" y="4572"/>
                  </a:lnTo>
                  <a:lnTo>
                    <a:pt x="422148" y="0"/>
                  </a:lnTo>
                  <a:close/>
                </a:path>
                <a:path w="969645" h="5080">
                  <a:moveTo>
                    <a:pt x="435864" y="0"/>
                  </a:moveTo>
                  <a:lnTo>
                    <a:pt x="425196" y="0"/>
                  </a:lnTo>
                  <a:lnTo>
                    <a:pt x="425196" y="4572"/>
                  </a:lnTo>
                  <a:lnTo>
                    <a:pt x="435864" y="4572"/>
                  </a:lnTo>
                  <a:lnTo>
                    <a:pt x="435864" y="0"/>
                  </a:lnTo>
                  <a:close/>
                </a:path>
                <a:path w="969645" h="5080">
                  <a:moveTo>
                    <a:pt x="449580" y="0"/>
                  </a:moveTo>
                  <a:lnTo>
                    <a:pt x="438912" y="0"/>
                  </a:lnTo>
                  <a:lnTo>
                    <a:pt x="438912" y="4572"/>
                  </a:lnTo>
                  <a:lnTo>
                    <a:pt x="449580" y="4572"/>
                  </a:lnTo>
                  <a:lnTo>
                    <a:pt x="449580" y="0"/>
                  </a:lnTo>
                  <a:close/>
                </a:path>
                <a:path w="969645" h="5080">
                  <a:moveTo>
                    <a:pt x="463296" y="0"/>
                  </a:moveTo>
                  <a:lnTo>
                    <a:pt x="452628" y="0"/>
                  </a:lnTo>
                  <a:lnTo>
                    <a:pt x="452628" y="4572"/>
                  </a:lnTo>
                  <a:lnTo>
                    <a:pt x="463296" y="4572"/>
                  </a:lnTo>
                  <a:lnTo>
                    <a:pt x="463296" y="0"/>
                  </a:lnTo>
                  <a:close/>
                </a:path>
                <a:path w="969645" h="5080">
                  <a:moveTo>
                    <a:pt x="477012" y="0"/>
                  </a:moveTo>
                  <a:lnTo>
                    <a:pt x="466344" y="0"/>
                  </a:lnTo>
                  <a:lnTo>
                    <a:pt x="466344" y="4572"/>
                  </a:lnTo>
                  <a:lnTo>
                    <a:pt x="477012" y="4572"/>
                  </a:lnTo>
                  <a:lnTo>
                    <a:pt x="477012" y="0"/>
                  </a:lnTo>
                  <a:close/>
                </a:path>
                <a:path w="969645" h="5080">
                  <a:moveTo>
                    <a:pt x="490728" y="0"/>
                  </a:moveTo>
                  <a:lnTo>
                    <a:pt x="480060" y="0"/>
                  </a:lnTo>
                  <a:lnTo>
                    <a:pt x="480060" y="4572"/>
                  </a:lnTo>
                  <a:lnTo>
                    <a:pt x="490728" y="4572"/>
                  </a:lnTo>
                  <a:lnTo>
                    <a:pt x="490728" y="0"/>
                  </a:lnTo>
                  <a:close/>
                </a:path>
                <a:path w="969645" h="5080">
                  <a:moveTo>
                    <a:pt x="504444" y="0"/>
                  </a:moveTo>
                  <a:lnTo>
                    <a:pt x="493776" y="0"/>
                  </a:lnTo>
                  <a:lnTo>
                    <a:pt x="493776" y="4572"/>
                  </a:lnTo>
                  <a:lnTo>
                    <a:pt x="504444" y="4572"/>
                  </a:lnTo>
                  <a:lnTo>
                    <a:pt x="504444" y="0"/>
                  </a:lnTo>
                  <a:close/>
                </a:path>
                <a:path w="969645" h="5080">
                  <a:moveTo>
                    <a:pt x="518160" y="0"/>
                  </a:moveTo>
                  <a:lnTo>
                    <a:pt x="507492" y="0"/>
                  </a:lnTo>
                  <a:lnTo>
                    <a:pt x="507492" y="4572"/>
                  </a:lnTo>
                  <a:lnTo>
                    <a:pt x="518160" y="4572"/>
                  </a:lnTo>
                  <a:lnTo>
                    <a:pt x="518160" y="0"/>
                  </a:lnTo>
                  <a:close/>
                </a:path>
                <a:path w="969645" h="5080">
                  <a:moveTo>
                    <a:pt x="531876" y="0"/>
                  </a:moveTo>
                  <a:lnTo>
                    <a:pt x="521208" y="0"/>
                  </a:lnTo>
                  <a:lnTo>
                    <a:pt x="521208" y="4572"/>
                  </a:lnTo>
                  <a:lnTo>
                    <a:pt x="531876" y="4572"/>
                  </a:lnTo>
                  <a:lnTo>
                    <a:pt x="531876" y="0"/>
                  </a:lnTo>
                  <a:close/>
                </a:path>
                <a:path w="969645" h="5080">
                  <a:moveTo>
                    <a:pt x="545592" y="0"/>
                  </a:moveTo>
                  <a:lnTo>
                    <a:pt x="534924" y="0"/>
                  </a:lnTo>
                  <a:lnTo>
                    <a:pt x="534924" y="4572"/>
                  </a:lnTo>
                  <a:lnTo>
                    <a:pt x="545592" y="4572"/>
                  </a:lnTo>
                  <a:lnTo>
                    <a:pt x="545592" y="0"/>
                  </a:lnTo>
                  <a:close/>
                </a:path>
                <a:path w="969645" h="5080">
                  <a:moveTo>
                    <a:pt x="559308" y="0"/>
                  </a:moveTo>
                  <a:lnTo>
                    <a:pt x="548640" y="0"/>
                  </a:lnTo>
                  <a:lnTo>
                    <a:pt x="548640" y="4572"/>
                  </a:lnTo>
                  <a:lnTo>
                    <a:pt x="559308" y="4572"/>
                  </a:lnTo>
                  <a:lnTo>
                    <a:pt x="559308" y="0"/>
                  </a:lnTo>
                  <a:close/>
                </a:path>
                <a:path w="969645" h="5080">
                  <a:moveTo>
                    <a:pt x="573024" y="0"/>
                  </a:moveTo>
                  <a:lnTo>
                    <a:pt x="562356" y="0"/>
                  </a:lnTo>
                  <a:lnTo>
                    <a:pt x="562356" y="4572"/>
                  </a:lnTo>
                  <a:lnTo>
                    <a:pt x="573024" y="4572"/>
                  </a:lnTo>
                  <a:lnTo>
                    <a:pt x="573024" y="0"/>
                  </a:lnTo>
                  <a:close/>
                </a:path>
                <a:path w="969645" h="5080">
                  <a:moveTo>
                    <a:pt x="586740" y="0"/>
                  </a:moveTo>
                  <a:lnTo>
                    <a:pt x="576072" y="0"/>
                  </a:lnTo>
                  <a:lnTo>
                    <a:pt x="576072" y="4572"/>
                  </a:lnTo>
                  <a:lnTo>
                    <a:pt x="586740" y="4572"/>
                  </a:lnTo>
                  <a:lnTo>
                    <a:pt x="586740" y="0"/>
                  </a:lnTo>
                  <a:close/>
                </a:path>
                <a:path w="969645" h="5080">
                  <a:moveTo>
                    <a:pt x="600456" y="0"/>
                  </a:moveTo>
                  <a:lnTo>
                    <a:pt x="589788" y="0"/>
                  </a:lnTo>
                  <a:lnTo>
                    <a:pt x="589788" y="4572"/>
                  </a:lnTo>
                  <a:lnTo>
                    <a:pt x="600456" y="4572"/>
                  </a:lnTo>
                  <a:lnTo>
                    <a:pt x="600456" y="0"/>
                  </a:lnTo>
                  <a:close/>
                </a:path>
                <a:path w="969645" h="5080">
                  <a:moveTo>
                    <a:pt x="614172" y="0"/>
                  </a:moveTo>
                  <a:lnTo>
                    <a:pt x="603504" y="0"/>
                  </a:lnTo>
                  <a:lnTo>
                    <a:pt x="603504" y="4572"/>
                  </a:lnTo>
                  <a:lnTo>
                    <a:pt x="614172" y="4572"/>
                  </a:lnTo>
                  <a:lnTo>
                    <a:pt x="614172" y="0"/>
                  </a:lnTo>
                  <a:close/>
                </a:path>
                <a:path w="969645" h="5080">
                  <a:moveTo>
                    <a:pt x="627888" y="0"/>
                  </a:moveTo>
                  <a:lnTo>
                    <a:pt x="617220" y="0"/>
                  </a:lnTo>
                  <a:lnTo>
                    <a:pt x="617220" y="4572"/>
                  </a:lnTo>
                  <a:lnTo>
                    <a:pt x="627888" y="4572"/>
                  </a:lnTo>
                  <a:lnTo>
                    <a:pt x="627888" y="0"/>
                  </a:lnTo>
                  <a:close/>
                </a:path>
                <a:path w="969645" h="5080">
                  <a:moveTo>
                    <a:pt x="641604" y="0"/>
                  </a:moveTo>
                  <a:lnTo>
                    <a:pt x="630936" y="0"/>
                  </a:lnTo>
                  <a:lnTo>
                    <a:pt x="630936" y="4572"/>
                  </a:lnTo>
                  <a:lnTo>
                    <a:pt x="641604" y="4572"/>
                  </a:lnTo>
                  <a:lnTo>
                    <a:pt x="641604" y="0"/>
                  </a:lnTo>
                  <a:close/>
                </a:path>
                <a:path w="969645" h="5080">
                  <a:moveTo>
                    <a:pt x="655320" y="0"/>
                  </a:moveTo>
                  <a:lnTo>
                    <a:pt x="644652" y="0"/>
                  </a:lnTo>
                  <a:lnTo>
                    <a:pt x="644652" y="4572"/>
                  </a:lnTo>
                  <a:lnTo>
                    <a:pt x="655320" y="4572"/>
                  </a:lnTo>
                  <a:lnTo>
                    <a:pt x="655320" y="0"/>
                  </a:lnTo>
                  <a:close/>
                </a:path>
                <a:path w="969645" h="5080">
                  <a:moveTo>
                    <a:pt x="669036" y="0"/>
                  </a:moveTo>
                  <a:lnTo>
                    <a:pt x="658368" y="0"/>
                  </a:lnTo>
                  <a:lnTo>
                    <a:pt x="658368" y="4572"/>
                  </a:lnTo>
                  <a:lnTo>
                    <a:pt x="669036" y="4572"/>
                  </a:lnTo>
                  <a:lnTo>
                    <a:pt x="669036" y="0"/>
                  </a:lnTo>
                  <a:close/>
                </a:path>
                <a:path w="969645" h="5080">
                  <a:moveTo>
                    <a:pt x="682752" y="0"/>
                  </a:moveTo>
                  <a:lnTo>
                    <a:pt x="672084" y="0"/>
                  </a:lnTo>
                  <a:lnTo>
                    <a:pt x="672084" y="4572"/>
                  </a:lnTo>
                  <a:lnTo>
                    <a:pt x="682752" y="4572"/>
                  </a:lnTo>
                  <a:lnTo>
                    <a:pt x="682752" y="0"/>
                  </a:lnTo>
                  <a:close/>
                </a:path>
                <a:path w="969645" h="5080">
                  <a:moveTo>
                    <a:pt x="696468" y="0"/>
                  </a:moveTo>
                  <a:lnTo>
                    <a:pt x="685800" y="0"/>
                  </a:lnTo>
                  <a:lnTo>
                    <a:pt x="685800" y="4572"/>
                  </a:lnTo>
                  <a:lnTo>
                    <a:pt x="696468" y="4572"/>
                  </a:lnTo>
                  <a:lnTo>
                    <a:pt x="696468" y="0"/>
                  </a:lnTo>
                  <a:close/>
                </a:path>
                <a:path w="969645" h="5080">
                  <a:moveTo>
                    <a:pt x="710184" y="0"/>
                  </a:moveTo>
                  <a:lnTo>
                    <a:pt x="699516" y="0"/>
                  </a:lnTo>
                  <a:lnTo>
                    <a:pt x="699516" y="4572"/>
                  </a:lnTo>
                  <a:lnTo>
                    <a:pt x="710184" y="4572"/>
                  </a:lnTo>
                  <a:lnTo>
                    <a:pt x="710184" y="0"/>
                  </a:lnTo>
                  <a:close/>
                </a:path>
                <a:path w="969645" h="5080">
                  <a:moveTo>
                    <a:pt x="723900" y="0"/>
                  </a:moveTo>
                  <a:lnTo>
                    <a:pt x="713232" y="0"/>
                  </a:lnTo>
                  <a:lnTo>
                    <a:pt x="713232" y="4572"/>
                  </a:lnTo>
                  <a:lnTo>
                    <a:pt x="723900" y="4572"/>
                  </a:lnTo>
                  <a:lnTo>
                    <a:pt x="723900" y="0"/>
                  </a:lnTo>
                  <a:close/>
                </a:path>
                <a:path w="969645" h="5080">
                  <a:moveTo>
                    <a:pt x="737616" y="0"/>
                  </a:moveTo>
                  <a:lnTo>
                    <a:pt x="726948" y="0"/>
                  </a:lnTo>
                  <a:lnTo>
                    <a:pt x="726948" y="4572"/>
                  </a:lnTo>
                  <a:lnTo>
                    <a:pt x="737616" y="4572"/>
                  </a:lnTo>
                  <a:lnTo>
                    <a:pt x="737616" y="0"/>
                  </a:lnTo>
                  <a:close/>
                </a:path>
                <a:path w="969645" h="5080">
                  <a:moveTo>
                    <a:pt x="751332" y="0"/>
                  </a:moveTo>
                  <a:lnTo>
                    <a:pt x="740664" y="0"/>
                  </a:lnTo>
                  <a:lnTo>
                    <a:pt x="740664" y="4572"/>
                  </a:lnTo>
                  <a:lnTo>
                    <a:pt x="751332" y="4572"/>
                  </a:lnTo>
                  <a:lnTo>
                    <a:pt x="751332" y="0"/>
                  </a:lnTo>
                  <a:close/>
                </a:path>
                <a:path w="969645" h="5080">
                  <a:moveTo>
                    <a:pt x="765048" y="0"/>
                  </a:moveTo>
                  <a:lnTo>
                    <a:pt x="754380" y="0"/>
                  </a:lnTo>
                  <a:lnTo>
                    <a:pt x="754380" y="4572"/>
                  </a:lnTo>
                  <a:lnTo>
                    <a:pt x="765048" y="4572"/>
                  </a:lnTo>
                  <a:lnTo>
                    <a:pt x="765048" y="0"/>
                  </a:lnTo>
                  <a:close/>
                </a:path>
                <a:path w="969645" h="5080">
                  <a:moveTo>
                    <a:pt x="778764" y="0"/>
                  </a:moveTo>
                  <a:lnTo>
                    <a:pt x="768096" y="0"/>
                  </a:lnTo>
                  <a:lnTo>
                    <a:pt x="768096" y="4572"/>
                  </a:lnTo>
                  <a:lnTo>
                    <a:pt x="778764" y="4572"/>
                  </a:lnTo>
                  <a:lnTo>
                    <a:pt x="778764" y="0"/>
                  </a:lnTo>
                  <a:close/>
                </a:path>
                <a:path w="969645" h="5080">
                  <a:moveTo>
                    <a:pt x="792480" y="0"/>
                  </a:moveTo>
                  <a:lnTo>
                    <a:pt x="781812" y="0"/>
                  </a:lnTo>
                  <a:lnTo>
                    <a:pt x="781812" y="4572"/>
                  </a:lnTo>
                  <a:lnTo>
                    <a:pt x="792480" y="4572"/>
                  </a:lnTo>
                  <a:lnTo>
                    <a:pt x="792480" y="0"/>
                  </a:lnTo>
                  <a:close/>
                </a:path>
                <a:path w="969645" h="5080">
                  <a:moveTo>
                    <a:pt x="806196" y="0"/>
                  </a:moveTo>
                  <a:lnTo>
                    <a:pt x="795528" y="0"/>
                  </a:lnTo>
                  <a:lnTo>
                    <a:pt x="795528" y="4572"/>
                  </a:lnTo>
                  <a:lnTo>
                    <a:pt x="806196" y="4572"/>
                  </a:lnTo>
                  <a:lnTo>
                    <a:pt x="806196" y="0"/>
                  </a:lnTo>
                  <a:close/>
                </a:path>
                <a:path w="969645" h="5080">
                  <a:moveTo>
                    <a:pt x="819912" y="0"/>
                  </a:moveTo>
                  <a:lnTo>
                    <a:pt x="809244" y="0"/>
                  </a:lnTo>
                  <a:lnTo>
                    <a:pt x="809244" y="4572"/>
                  </a:lnTo>
                  <a:lnTo>
                    <a:pt x="819912" y="4572"/>
                  </a:lnTo>
                  <a:lnTo>
                    <a:pt x="819912" y="0"/>
                  </a:lnTo>
                  <a:close/>
                </a:path>
                <a:path w="969645" h="5080">
                  <a:moveTo>
                    <a:pt x="833628" y="0"/>
                  </a:moveTo>
                  <a:lnTo>
                    <a:pt x="822960" y="0"/>
                  </a:lnTo>
                  <a:lnTo>
                    <a:pt x="822960" y="4572"/>
                  </a:lnTo>
                  <a:lnTo>
                    <a:pt x="833628" y="4572"/>
                  </a:lnTo>
                  <a:lnTo>
                    <a:pt x="833628" y="0"/>
                  </a:lnTo>
                  <a:close/>
                </a:path>
                <a:path w="969645" h="5080">
                  <a:moveTo>
                    <a:pt x="847344" y="0"/>
                  </a:moveTo>
                  <a:lnTo>
                    <a:pt x="836676" y="0"/>
                  </a:lnTo>
                  <a:lnTo>
                    <a:pt x="836676" y="4572"/>
                  </a:lnTo>
                  <a:lnTo>
                    <a:pt x="847344" y="4572"/>
                  </a:lnTo>
                  <a:lnTo>
                    <a:pt x="847344" y="0"/>
                  </a:lnTo>
                  <a:close/>
                </a:path>
                <a:path w="969645" h="5080">
                  <a:moveTo>
                    <a:pt x="861060" y="0"/>
                  </a:moveTo>
                  <a:lnTo>
                    <a:pt x="850392" y="0"/>
                  </a:lnTo>
                  <a:lnTo>
                    <a:pt x="850392" y="4572"/>
                  </a:lnTo>
                  <a:lnTo>
                    <a:pt x="861060" y="4572"/>
                  </a:lnTo>
                  <a:lnTo>
                    <a:pt x="861060" y="0"/>
                  </a:lnTo>
                  <a:close/>
                </a:path>
                <a:path w="969645" h="5080">
                  <a:moveTo>
                    <a:pt x="874776" y="0"/>
                  </a:moveTo>
                  <a:lnTo>
                    <a:pt x="864108" y="0"/>
                  </a:lnTo>
                  <a:lnTo>
                    <a:pt x="864108" y="4572"/>
                  </a:lnTo>
                  <a:lnTo>
                    <a:pt x="874776" y="4572"/>
                  </a:lnTo>
                  <a:lnTo>
                    <a:pt x="874776" y="0"/>
                  </a:lnTo>
                  <a:close/>
                </a:path>
                <a:path w="969645" h="5080">
                  <a:moveTo>
                    <a:pt x="888492" y="0"/>
                  </a:moveTo>
                  <a:lnTo>
                    <a:pt x="877824" y="0"/>
                  </a:lnTo>
                  <a:lnTo>
                    <a:pt x="877824" y="4572"/>
                  </a:lnTo>
                  <a:lnTo>
                    <a:pt x="888492" y="4572"/>
                  </a:lnTo>
                  <a:lnTo>
                    <a:pt x="888492"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51" y="0"/>
                  </a:moveTo>
                  <a:lnTo>
                    <a:pt x="960120" y="0"/>
                  </a:lnTo>
                  <a:lnTo>
                    <a:pt x="960120" y="4572"/>
                  </a:lnTo>
                  <a:lnTo>
                    <a:pt x="969251" y="4572"/>
                  </a:lnTo>
                  <a:lnTo>
                    <a:pt x="969251" y="0"/>
                  </a:lnTo>
                  <a:close/>
                </a:path>
              </a:pathLst>
            </a:custGeom>
            <a:solidFill>
              <a:srgbClr val="000000"/>
            </a:solidFill>
          </p:spPr>
          <p:txBody>
            <a:bodyPr wrap="square" lIns="0" tIns="0" rIns="0" bIns="0" rtlCol="0"/>
            <a:lstStyle/>
            <a:p>
              <a:endParaRPr sz="1539"/>
            </a:p>
          </p:txBody>
        </p:sp>
        <p:sp>
          <p:nvSpPr>
            <p:cNvPr id="74" name="object 74"/>
            <p:cNvSpPr/>
            <p:nvPr/>
          </p:nvSpPr>
          <p:spPr>
            <a:xfrm>
              <a:off x="6493764" y="3098291"/>
              <a:ext cx="969644" cy="5080"/>
            </a:xfrm>
            <a:custGeom>
              <a:avLst/>
              <a:gdLst/>
              <a:ahLst/>
              <a:cxnLst/>
              <a:rect l="l" t="t" r="r" b="b"/>
              <a:pathLst>
                <a:path w="969645" h="5080">
                  <a:moveTo>
                    <a:pt x="9131" y="0"/>
                  </a:moveTo>
                  <a:lnTo>
                    <a:pt x="0" y="0"/>
                  </a:lnTo>
                  <a:lnTo>
                    <a:pt x="0" y="4572"/>
                  </a:lnTo>
                  <a:lnTo>
                    <a:pt x="9131" y="4572"/>
                  </a:lnTo>
                  <a:lnTo>
                    <a:pt x="9131" y="0"/>
                  </a:lnTo>
                  <a:close/>
                </a:path>
                <a:path w="969645" h="5080">
                  <a:moveTo>
                    <a:pt x="22860" y="0"/>
                  </a:moveTo>
                  <a:lnTo>
                    <a:pt x="13716" y="0"/>
                  </a:lnTo>
                  <a:lnTo>
                    <a:pt x="13716" y="4572"/>
                  </a:lnTo>
                  <a:lnTo>
                    <a:pt x="22860" y="4572"/>
                  </a:lnTo>
                  <a:lnTo>
                    <a:pt x="22860" y="0"/>
                  </a:lnTo>
                  <a:close/>
                </a:path>
                <a:path w="969645" h="5080">
                  <a:moveTo>
                    <a:pt x="36576" y="0"/>
                  </a:moveTo>
                  <a:lnTo>
                    <a:pt x="27432" y="0"/>
                  </a:lnTo>
                  <a:lnTo>
                    <a:pt x="27432" y="4572"/>
                  </a:lnTo>
                  <a:lnTo>
                    <a:pt x="36576" y="4572"/>
                  </a:lnTo>
                  <a:lnTo>
                    <a:pt x="36576" y="0"/>
                  </a:lnTo>
                  <a:close/>
                </a:path>
                <a:path w="969645" h="5080">
                  <a:moveTo>
                    <a:pt x="50292" y="0"/>
                  </a:moveTo>
                  <a:lnTo>
                    <a:pt x="41135" y="0"/>
                  </a:lnTo>
                  <a:lnTo>
                    <a:pt x="41135" y="4572"/>
                  </a:lnTo>
                  <a:lnTo>
                    <a:pt x="50292" y="4572"/>
                  </a:lnTo>
                  <a:lnTo>
                    <a:pt x="50292" y="0"/>
                  </a:lnTo>
                  <a:close/>
                </a:path>
                <a:path w="969645" h="5080">
                  <a:moveTo>
                    <a:pt x="64008" y="0"/>
                  </a:moveTo>
                  <a:lnTo>
                    <a:pt x="54864" y="0"/>
                  </a:lnTo>
                  <a:lnTo>
                    <a:pt x="54864" y="4572"/>
                  </a:lnTo>
                  <a:lnTo>
                    <a:pt x="64008" y="4572"/>
                  </a:lnTo>
                  <a:lnTo>
                    <a:pt x="64008" y="0"/>
                  </a:lnTo>
                  <a:close/>
                </a:path>
                <a:path w="969645" h="5080">
                  <a:moveTo>
                    <a:pt x="77724" y="0"/>
                  </a:moveTo>
                  <a:lnTo>
                    <a:pt x="68580" y="0"/>
                  </a:lnTo>
                  <a:lnTo>
                    <a:pt x="68580" y="4572"/>
                  </a:lnTo>
                  <a:lnTo>
                    <a:pt x="77724" y="4572"/>
                  </a:lnTo>
                  <a:lnTo>
                    <a:pt x="77724" y="0"/>
                  </a:lnTo>
                  <a:close/>
                </a:path>
                <a:path w="969645" h="5080">
                  <a:moveTo>
                    <a:pt x="91440" y="0"/>
                  </a:moveTo>
                  <a:lnTo>
                    <a:pt x="82283" y="0"/>
                  </a:lnTo>
                  <a:lnTo>
                    <a:pt x="82283" y="4572"/>
                  </a:lnTo>
                  <a:lnTo>
                    <a:pt x="91440" y="4572"/>
                  </a:lnTo>
                  <a:lnTo>
                    <a:pt x="91440" y="0"/>
                  </a:lnTo>
                  <a:close/>
                </a:path>
                <a:path w="969645" h="5080">
                  <a:moveTo>
                    <a:pt x="105156" y="0"/>
                  </a:moveTo>
                  <a:lnTo>
                    <a:pt x="96012" y="0"/>
                  </a:lnTo>
                  <a:lnTo>
                    <a:pt x="96012" y="4572"/>
                  </a:lnTo>
                  <a:lnTo>
                    <a:pt x="105156" y="4572"/>
                  </a:lnTo>
                  <a:lnTo>
                    <a:pt x="105156" y="0"/>
                  </a:lnTo>
                  <a:close/>
                </a:path>
                <a:path w="969645" h="5080">
                  <a:moveTo>
                    <a:pt x="118859" y="0"/>
                  </a:moveTo>
                  <a:lnTo>
                    <a:pt x="109728" y="0"/>
                  </a:lnTo>
                  <a:lnTo>
                    <a:pt x="109728" y="4572"/>
                  </a:lnTo>
                  <a:lnTo>
                    <a:pt x="118859" y="4572"/>
                  </a:lnTo>
                  <a:lnTo>
                    <a:pt x="118859" y="0"/>
                  </a:lnTo>
                  <a:close/>
                </a:path>
                <a:path w="969645" h="5080">
                  <a:moveTo>
                    <a:pt x="132588" y="0"/>
                  </a:moveTo>
                  <a:lnTo>
                    <a:pt x="123431" y="0"/>
                  </a:lnTo>
                  <a:lnTo>
                    <a:pt x="123431" y="4572"/>
                  </a:lnTo>
                  <a:lnTo>
                    <a:pt x="132588" y="4572"/>
                  </a:lnTo>
                  <a:lnTo>
                    <a:pt x="132588" y="0"/>
                  </a:lnTo>
                  <a:close/>
                </a:path>
                <a:path w="969645" h="5080">
                  <a:moveTo>
                    <a:pt x="146304" y="0"/>
                  </a:moveTo>
                  <a:lnTo>
                    <a:pt x="137160" y="0"/>
                  </a:lnTo>
                  <a:lnTo>
                    <a:pt x="137160" y="4572"/>
                  </a:lnTo>
                  <a:lnTo>
                    <a:pt x="146304" y="4572"/>
                  </a:lnTo>
                  <a:lnTo>
                    <a:pt x="146304" y="0"/>
                  </a:lnTo>
                  <a:close/>
                </a:path>
                <a:path w="969645" h="5080">
                  <a:moveTo>
                    <a:pt x="160007" y="0"/>
                  </a:moveTo>
                  <a:lnTo>
                    <a:pt x="150876" y="0"/>
                  </a:lnTo>
                  <a:lnTo>
                    <a:pt x="150876" y="4572"/>
                  </a:lnTo>
                  <a:lnTo>
                    <a:pt x="160007" y="4572"/>
                  </a:lnTo>
                  <a:lnTo>
                    <a:pt x="160007" y="0"/>
                  </a:lnTo>
                  <a:close/>
                </a:path>
                <a:path w="969645" h="5080">
                  <a:moveTo>
                    <a:pt x="173736" y="0"/>
                  </a:moveTo>
                  <a:lnTo>
                    <a:pt x="164592" y="0"/>
                  </a:lnTo>
                  <a:lnTo>
                    <a:pt x="164592" y="4572"/>
                  </a:lnTo>
                  <a:lnTo>
                    <a:pt x="173736" y="4572"/>
                  </a:lnTo>
                  <a:lnTo>
                    <a:pt x="173736" y="0"/>
                  </a:lnTo>
                  <a:close/>
                </a:path>
                <a:path w="969645" h="5080">
                  <a:moveTo>
                    <a:pt x="187452" y="0"/>
                  </a:moveTo>
                  <a:lnTo>
                    <a:pt x="178308" y="0"/>
                  </a:lnTo>
                  <a:lnTo>
                    <a:pt x="178308" y="4572"/>
                  </a:lnTo>
                  <a:lnTo>
                    <a:pt x="187452" y="4572"/>
                  </a:lnTo>
                  <a:lnTo>
                    <a:pt x="187452" y="0"/>
                  </a:lnTo>
                  <a:close/>
                </a:path>
                <a:path w="969645" h="5080">
                  <a:moveTo>
                    <a:pt x="201168" y="0"/>
                  </a:moveTo>
                  <a:lnTo>
                    <a:pt x="192024" y="0"/>
                  </a:lnTo>
                  <a:lnTo>
                    <a:pt x="192024" y="4572"/>
                  </a:lnTo>
                  <a:lnTo>
                    <a:pt x="201168" y="4572"/>
                  </a:lnTo>
                  <a:lnTo>
                    <a:pt x="201168" y="0"/>
                  </a:lnTo>
                  <a:close/>
                </a:path>
                <a:path w="969645" h="5080">
                  <a:moveTo>
                    <a:pt x="214884" y="0"/>
                  </a:moveTo>
                  <a:lnTo>
                    <a:pt x="205740" y="0"/>
                  </a:lnTo>
                  <a:lnTo>
                    <a:pt x="205740" y="4572"/>
                  </a:lnTo>
                  <a:lnTo>
                    <a:pt x="214884" y="4572"/>
                  </a:lnTo>
                  <a:lnTo>
                    <a:pt x="214884" y="0"/>
                  </a:lnTo>
                  <a:close/>
                </a:path>
                <a:path w="969645" h="5080">
                  <a:moveTo>
                    <a:pt x="228600" y="0"/>
                  </a:moveTo>
                  <a:lnTo>
                    <a:pt x="219456" y="0"/>
                  </a:lnTo>
                  <a:lnTo>
                    <a:pt x="219456" y="4572"/>
                  </a:lnTo>
                  <a:lnTo>
                    <a:pt x="228600" y="4572"/>
                  </a:lnTo>
                  <a:lnTo>
                    <a:pt x="228600" y="0"/>
                  </a:lnTo>
                  <a:close/>
                </a:path>
                <a:path w="969645" h="5080">
                  <a:moveTo>
                    <a:pt x="242316" y="0"/>
                  </a:moveTo>
                  <a:lnTo>
                    <a:pt x="233172" y="0"/>
                  </a:lnTo>
                  <a:lnTo>
                    <a:pt x="233172" y="4572"/>
                  </a:lnTo>
                  <a:lnTo>
                    <a:pt x="242316" y="4572"/>
                  </a:lnTo>
                  <a:lnTo>
                    <a:pt x="242316" y="0"/>
                  </a:lnTo>
                  <a:close/>
                </a:path>
                <a:path w="969645" h="5080">
                  <a:moveTo>
                    <a:pt x="256032" y="0"/>
                  </a:moveTo>
                  <a:lnTo>
                    <a:pt x="246888" y="0"/>
                  </a:lnTo>
                  <a:lnTo>
                    <a:pt x="246888" y="4572"/>
                  </a:lnTo>
                  <a:lnTo>
                    <a:pt x="256032" y="4572"/>
                  </a:lnTo>
                  <a:lnTo>
                    <a:pt x="256032" y="0"/>
                  </a:lnTo>
                  <a:close/>
                </a:path>
                <a:path w="969645" h="5080">
                  <a:moveTo>
                    <a:pt x="269748" y="0"/>
                  </a:moveTo>
                  <a:lnTo>
                    <a:pt x="260604" y="0"/>
                  </a:lnTo>
                  <a:lnTo>
                    <a:pt x="260604" y="4572"/>
                  </a:lnTo>
                  <a:lnTo>
                    <a:pt x="269748" y="4572"/>
                  </a:lnTo>
                  <a:lnTo>
                    <a:pt x="269748" y="0"/>
                  </a:lnTo>
                  <a:close/>
                </a:path>
                <a:path w="969645" h="5080">
                  <a:moveTo>
                    <a:pt x="283464" y="0"/>
                  </a:moveTo>
                  <a:lnTo>
                    <a:pt x="274320" y="0"/>
                  </a:lnTo>
                  <a:lnTo>
                    <a:pt x="274320" y="4572"/>
                  </a:lnTo>
                  <a:lnTo>
                    <a:pt x="283464" y="4572"/>
                  </a:lnTo>
                  <a:lnTo>
                    <a:pt x="283464" y="0"/>
                  </a:lnTo>
                  <a:close/>
                </a:path>
                <a:path w="969645" h="5080">
                  <a:moveTo>
                    <a:pt x="297180" y="0"/>
                  </a:moveTo>
                  <a:lnTo>
                    <a:pt x="288036" y="0"/>
                  </a:lnTo>
                  <a:lnTo>
                    <a:pt x="288036" y="4572"/>
                  </a:lnTo>
                  <a:lnTo>
                    <a:pt x="297180" y="4572"/>
                  </a:lnTo>
                  <a:lnTo>
                    <a:pt x="297180" y="0"/>
                  </a:lnTo>
                  <a:close/>
                </a:path>
                <a:path w="969645" h="5080">
                  <a:moveTo>
                    <a:pt x="310896" y="0"/>
                  </a:moveTo>
                  <a:lnTo>
                    <a:pt x="301752" y="0"/>
                  </a:lnTo>
                  <a:lnTo>
                    <a:pt x="301752" y="4572"/>
                  </a:lnTo>
                  <a:lnTo>
                    <a:pt x="310896" y="4572"/>
                  </a:lnTo>
                  <a:lnTo>
                    <a:pt x="310896" y="0"/>
                  </a:lnTo>
                  <a:close/>
                </a:path>
                <a:path w="969645" h="5080">
                  <a:moveTo>
                    <a:pt x="324612" y="0"/>
                  </a:moveTo>
                  <a:lnTo>
                    <a:pt x="315468" y="0"/>
                  </a:lnTo>
                  <a:lnTo>
                    <a:pt x="315468" y="4572"/>
                  </a:lnTo>
                  <a:lnTo>
                    <a:pt x="324612" y="4572"/>
                  </a:lnTo>
                  <a:lnTo>
                    <a:pt x="324612" y="0"/>
                  </a:lnTo>
                  <a:close/>
                </a:path>
                <a:path w="969645" h="5080">
                  <a:moveTo>
                    <a:pt x="338328" y="0"/>
                  </a:moveTo>
                  <a:lnTo>
                    <a:pt x="329184" y="0"/>
                  </a:lnTo>
                  <a:lnTo>
                    <a:pt x="329184" y="4572"/>
                  </a:lnTo>
                  <a:lnTo>
                    <a:pt x="338328" y="4572"/>
                  </a:lnTo>
                  <a:lnTo>
                    <a:pt x="338328" y="0"/>
                  </a:lnTo>
                  <a:close/>
                </a:path>
                <a:path w="969645" h="5080">
                  <a:moveTo>
                    <a:pt x="352044" y="0"/>
                  </a:moveTo>
                  <a:lnTo>
                    <a:pt x="342900" y="0"/>
                  </a:lnTo>
                  <a:lnTo>
                    <a:pt x="342900" y="4572"/>
                  </a:lnTo>
                  <a:lnTo>
                    <a:pt x="352044" y="4572"/>
                  </a:lnTo>
                  <a:lnTo>
                    <a:pt x="352044" y="0"/>
                  </a:lnTo>
                  <a:close/>
                </a:path>
                <a:path w="969645" h="5080">
                  <a:moveTo>
                    <a:pt x="365760" y="0"/>
                  </a:moveTo>
                  <a:lnTo>
                    <a:pt x="356616" y="0"/>
                  </a:lnTo>
                  <a:lnTo>
                    <a:pt x="356616" y="4572"/>
                  </a:lnTo>
                  <a:lnTo>
                    <a:pt x="365760" y="4572"/>
                  </a:lnTo>
                  <a:lnTo>
                    <a:pt x="365760" y="0"/>
                  </a:lnTo>
                  <a:close/>
                </a:path>
                <a:path w="969645" h="5080">
                  <a:moveTo>
                    <a:pt x="379476" y="0"/>
                  </a:moveTo>
                  <a:lnTo>
                    <a:pt x="370332" y="0"/>
                  </a:lnTo>
                  <a:lnTo>
                    <a:pt x="370332" y="4572"/>
                  </a:lnTo>
                  <a:lnTo>
                    <a:pt x="379476" y="4572"/>
                  </a:lnTo>
                  <a:lnTo>
                    <a:pt x="379476" y="0"/>
                  </a:lnTo>
                  <a:close/>
                </a:path>
                <a:path w="969645" h="5080">
                  <a:moveTo>
                    <a:pt x="393192" y="0"/>
                  </a:moveTo>
                  <a:lnTo>
                    <a:pt x="384048" y="0"/>
                  </a:lnTo>
                  <a:lnTo>
                    <a:pt x="384048" y="4572"/>
                  </a:lnTo>
                  <a:lnTo>
                    <a:pt x="393192" y="4572"/>
                  </a:lnTo>
                  <a:lnTo>
                    <a:pt x="393192" y="0"/>
                  </a:lnTo>
                  <a:close/>
                </a:path>
                <a:path w="969645" h="5080">
                  <a:moveTo>
                    <a:pt x="406908" y="0"/>
                  </a:moveTo>
                  <a:lnTo>
                    <a:pt x="397764" y="0"/>
                  </a:lnTo>
                  <a:lnTo>
                    <a:pt x="397764" y="4572"/>
                  </a:lnTo>
                  <a:lnTo>
                    <a:pt x="406908" y="4572"/>
                  </a:lnTo>
                  <a:lnTo>
                    <a:pt x="406908" y="0"/>
                  </a:lnTo>
                  <a:close/>
                </a:path>
                <a:path w="969645" h="5080">
                  <a:moveTo>
                    <a:pt x="420624" y="0"/>
                  </a:moveTo>
                  <a:lnTo>
                    <a:pt x="411480" y="0"/>
                  </a:lnTo>
                  <a:lnTo>
                    <a:pt x="411480" y="4572"/>
                  </a:lnTo>
                  <a:lnTo>
                    <a:pt x="420624" y="4572"/>
                  </a:lnTo>
                  <a:lnTo>
                    <a:pt x="420624" y="0"/>
                  </a:lnTo>
                  <a:close/>
                </a:path>
                <a:path w="969645" h="5080">
                  <a:moveTo>
                    <a:pt x="434340" y="0"/>
                  </a:moveTo>
                  <a:lnTo>
                    <a:pt x="425196" y="0"/>
                  </a:lnTo>
                  <a:lnTo>
                    <a:pt x="425196" y="4572"/>
                  </a:lnTo>
                  <a:lnTo>
                    <a:pt x="434340" y="4572"/>
                  </a:lnTo>
                  <a:lnTo>
                    <a:pt x="434340" y="0"/>
                  </a:lnTo>
                  <a:close/>
                </a:path>
                <a:path w="969645" h="5080">
                  <a:moveTo>
                    <a:pt x="448056" y="0"/>
                  </a:moveTo>
                  <a:lnTo>
                    <a:pt x="438912" y="0"/>
                  </a:lnTo>
                  <a:lnTo>
                    <a:pt x="438912" y="4572"/>
                  </a:lnTo>
                  <a:lnTo>
                    <a:pt x="448056" y="4572"/>
                  </a:lnTo>
                  <a:lnTo>
                    <a:pt x="448056" y="0"/>
                  </a:lnTo>
                  <a:close/>
                </a:path>
                <a:path w="969645" h="5080">
                  <a:moveTo>
                    <a:pt x="461772" y="0"/>
                  </a:moveTo>
                  <a:lnTo>
                    <a:pt x="452628" y="0"/>
                  </a:lnTo>
                  <a:lnTo>
                    <a:pt x="452628" y="4572"/>
                  </a:lnTo>
                  <a:lnTo>
                    <a:pt x="461772" y="4572"/>
                  </a:lnTo>
                  <a:lnTo>
                    <a:pt x="461772" y="0"/>
                  </a:lnTo>
                  <a:close/>
                </a:path>
                <a:path w="969645" h="5080">
                  <a:moveTo>
                    <a:pt x="475488" y="0"/>
                  </a:moveTo>
                  <a:lnTo>
                    <a:pt x="466344" y="0"/>
                  </a:lnTo>
                  <a:lnTo>
                    <a:pt x="466344" y="4572"/>
                  </a:lnTo>
                  <a:lnTo>
                    <a:pt x="475488" y="4572"/>
                  </a:lnTo>
                  <a:lnTo>
                    <a:pt x="475488" y="0"/>
                  </a:lnTo>
                  <a:close/>
                </a:path>
                <a:path w="969645" h="5080">
                  <a:moveTo>
                    <a:pt x="489204" y="0"/>
                  </a:moveTo>
                  <a:lnTo>
                    <a:pt x="480060" y="0"/>
                  </a:lnTo>
                  <a:lnTo>
                    <a:pt x="480060" y="4572"/>
                  </a:lnTo>
                  <a:lnTo>
                    <a:pt x="489204" y="4572"/>
                  </a:lnTo>
                  <a:lnTo>
                    <a:pt x="489204" y="0"/>
                  </a:lnTo>
                  <a:close/>
                </a:path>
                <a:path w="969645" h="5080">
                  <a:moveTo>
                    <a:pt x="502920" y="0"/>
                  </a:moveTo>
                  <a:lnTo>
                    <a:pt x="493776" y="0"/>
                  </a:lnTo>
                  <a:lnTo>
                    <a:pt x="493776" y="4572"/>
                  </a:lnTo>
                  <a:lnTo>
                    <a:pt x="502920" y="4572"/>
                  </a:lnTo>
                  <a:lnTo>
                    <a:pt x="502920" y="0"/>
                  </a:lnTo>
                  <a:close/>
                </a:path>
                <a:path w="969645" h="5080">
                  <a:moveTo>
                    <a:pt x="516636" y="0"/>
                  </a:moveTo>
                  <a:lnTo>
                    <a:pt x="507492" y="0"/>
                  </a:lnTo>
                  <a:lnTo>
                    <a:pt x="507492" y="4572"/>
                  </a:lnTo>
                  <a:lnTo>
                    <a:pt x="516636" y="4572"/>
                  </a:lnTo>
                  <a:lnTo>
                    <a:pt x="516636" y="0"/>
                  </a:lnTo>
                  <a:close/>
                </a:path>
                <a:path w="969645" h="5080">
                  <a:moveTo>
                    <a:pt x="530352" y="0"/>
                  </a:moveTo>
                  <a:lnTo>
                    <a:pt x="521208" y="0"/>
                  </a:lnTo>
                  <a:lnTo>
                    <a:pt x="521208" y="4572"/>
                  </a:lnTo>
                  <a:lnTo>
                    <a:pt x="530352" y="4572"/>
                  </a:lnTo>
                  <a:lnTo>
                    <a:pt x="530352" y="0"/>
                  </a:lnTo>
                  <a:close/>
                </a:path>
                <a:path w="969645" h="5080">
                  <a:moveTo>
                    <a:pt x="544068" y="0"/>
                  </a:moveTo>
                  <a:lnTo>
                    <a:pt x="534924" y="0"/>
                  </a:lnTo>
                  <a:lnTo>
                    <a:pt x="534924" y="4572"/>
                  </a:lnTo>
                  <a:lnTo>
                    <a:pt x="544068" y="4572"/>
                  </a:lnTo>
                  <a:lnTo>
                    <a:pt x="544068" y="0"/>
                  </a:lnTo>
                  <a:close/>
                </a:path>
                <a:path w="969645" h="5080">
                  <a:moveTo>
                    <a:pt x="557784" y="0"/>
                  </a:moveTo>
                  <a:lnTo>
                    <a:pt x="547116" y="0"/>
                  </a:lnTo>
                  <a:lnTo>
                    <a:pt x="547116" y="4572"/>
                  </a:lnTo>
                  <a:lnTo>
                    <a:pt x="557784" y="4572"/>
                  </a:lnTo>
                  <a:lnTo>
                    <a:pt x="557784" y="0"/>
                  </a:lnTo>
                  <a:close/>
                </a:path>
                <a:path w="969645" h="5080">
                  <a:moveTo>
                    <a:pt x="571500" y="0"/>
                  </a:moveTo>
                  <a:lnTo>
                    <a:pt x="560832" y="0"/>
                  </a:lnTo>
                  <a:lnTo>
                    <a:pt x="560832" y="4572"/>
                  </a:lnTo>
                  <a:lnTo>
                    <a:pt x="571500" y="4572"/>
                  </a:lnTo>
                  <a:lnTo>
                    <a:pt x="571500" y="0"/>
                  </a:lnTo>
                  <a:close/>
                </a:path>
                <a:path w="969645" h="5080">
                  <a:moveTo>
                    <a:pt x="585216" y="0"/>
                  </a:moveTo>
                  <a:lnTo>
                    <a:pt x="574548" y="0"/>
                  </a:lnTo>
                  <a:lnTo>
                    <a:pt x="574548" y="4572"/>
                  </a:lnTo>
                  <a:lnTo>
                    <a:pt x="585216" y="4572"/>
                  </a:lnTo>
                  <a:lnTo>
                    <a:pt x="585216" y="0"/>
                  </a:lnTo>
                  <a:close/>
                </a:path>
                <a:path w="969645" h="5080">
                  <a:moveTo>
                    <a:pt x="598932" y="0"/>
                  </a:moveTo>
                  <a:lnTo>
                    <a:pt x="588264" y="0"/>
                  </a:lnTo>
                  <a:lnTo>
                    <a:pt x="588264" y="4572"/>
                  </a:lnTo>
                  <a:lnTo>
                    <a:pt x="598932" y="4572"/>
                  </a:lnTo>
                  <a:lnTo>
                    <a:pt x="598932" y="0"/>
                  </a:lnTo>
                  <a:close/>
                </a:path>
                <a:path w="969645" h="5080">
                  <a:moveTo>
                    <a:pt x="612648" y="0"/>
                  </a:moveTo>
                  <a:lnTo>
                    <a:pt x="601980" y="0"/>
                  </a:lnTo>
                  <a:lnTo>
                    <a:pt x="601980" y="4572"/>
                  </a:lnTo>
                  <a:lnTo>
                    <a:pt x="612648" y="4572"/>
                  </a:lnTo>
                  <a:lnTo>
                    <a:pt x="612648" y="0"/>
                  </a:lnTo>
                  <a:close/>
                </a:path>
                <a:path w="969645" h="5080">
                  <a:moveTo>
                    <a:pt x="626364" y="0"/>
                  </a:moveTo>
                  <a:lnTo>
                    <a:pt x="615696" y="0"/>
                  </a:lnTo>
                  <a:lnTo>
                    <a:pt x="615696" y="4572"/>
                  </a:lnTo>
                  <a:lnTo>
                    <a:pt x="626364" y="4572"/>
                  </a:lnTo>
                  <a:lnTo>
                    <a:pt x="626364" y="0"/>
                  </a:lnTo>
                  <a:close/>
                </a:path>
                <a:path w="969645" h="5080">
                  <a:moveTo>
                    <a:pt x="640080" y="0"/>
                  </a:moveTo>
                  <a:lnTo>
                    <a:pt x="629412" y="0"/>
                  </a:lnTo>
                  <a:lnTo>
                    <a:pt x="629412" y="4572"/>
                  </a:lnTo>
                  <a:lnTo>
                    <a:pt x="640080" y="4572"/>
                  </a:lnTo>
                  <a:lnTo>
                    <a:pt x="640080" y="0"/>
                  </a:lnTo>
                  <a:close/>
                </a:path>
                <a:path w="969645" h="5080">
                  <a:moveTo>
                    <a:pt x="653796" y="0"/>
                  </a:moveTo>
                  <a:lnTo>
                    <a:pt x="643128" y="0"/>
                  </a:lnTo>
                  <a:lnTo>
                    <a:pt x="643128" y="4572"/>
                  </a:lnTo>
                  <a:lnTo>
                    <a:pt x="653796" y="4572"/>
                  </a:lnTo>
                  <a:lnTo>
                    <a:pt x="653796" y="0"/>
                  </a:lnTo>
                  <a:close/>
                </a:path>
                <a:path w="969645" h="5080">
                  <a:moveTo>
                    <a:pt x="667512" y="0"/>
                  </a:moveTo>
                  <a:lnTo>
                    <a:pt x="656844" y="0"/>
                  </a:lnTo>
                  <a:lnTo>
                    <a:pt x="656844" y="4572"/>
                  </a:lnTo>
                  <a:lnTo>
                    <a:pt x="667512" y="4572"/>
                  </a:lnTo>
                  <a:lnTo>
                    <a:pt x="667512" y="0"/>
                  </a:lnTo>
                  <a:close/>
                </a:path>
                <a:path w="969645" h="5080">
                  <a:moveTo>
                    <a:pt x="681228" y="0"/>
                  </a:moveTo>
                  <a:lnTo>
                    <a:pt x="670560" y="0"/>
                  </a:lnTo>
                  <a:lnTo>
                    <a:pt x="670560" y="4572"/>
                  </a:lnTo>
                  <a:lnTo>
                    <a:pt x="681228" y="4572"/>
                  </a:lnTo>
                  <a:lnTo>
                    <a:pt x="681228" y="0"/>
                  </a:lnTo>
                  <a:close/>
                </a:path>
                <a:path w="969645" h="5080">
                  <a:moveTo>
                    <a:pt x="694944" y="0"/>
                  </a:moveTo>
                  <a:lnTo>
                    <a:pt x="684276" y="0"/>
                  </a:lnTo>
                  <a:lnTo>
                    <a:pt x="684276" y="4572"/>
                  </a:lnTo>
                  <a:lnTo>
                    <a:pt x="694944" y="4572"/>
                  </a:lnTo>
                  <a:lnTo>
                    <a:pt x="694944" y="0"/>
                  </a:lnTo>
                  <a:close/>
                </a:path>
                <a:path w="969645" h="5080">
                  <a:moveTo>
                    <a:pt x="708660" y="0"/>
                  </a:moveTo>
                  <a:lnTo>
                    <a:pt x="697992" y="0"/>
                  </a:lnTo>
                  <a:lnTo>
                    <a:pt x="697992" y="4572"/>
                  </a:lnTo>
                  <a:lnTo>
                    <a:pt x="708660" y="4572"/>
                  </a:lnTo>
                  <a:lnTo>
                    <a:pt x="708660" y="0"/>
                  </a:lnTo>
                  <a:close/>
                </a:path>
                <a:path w="969645" h="5080">
                  <a:moveTo>
                    <a:pt x="722376" y="0"/>
                  </a:moveTo>
                  <a:lnTo>
                    <a:pt x="711708" y="0"/>
                  </a:lnTo>
                  <a:lnTo>
                    <a:pt x="711708" y="4572"/>
                  </a:lnTo>
                  <a:lnTo>
                    <a:pt x="722376" y="4572"/>
                  </a:lnTo>
                  <a:lnTo>
                    <a:pt x="722376" y="0"/>
                  </a:lnTo>
                  <a:close/>
                </a:path>
                <a:path w="969645" h="5080">
                  <a:moveTo>
                    <a:pt x="736092" y="0"/>
                  </a:moveTo>
                  <a:lnTo>
                    <a:pt x="725424" y="0"/>
                  </a:lnTo>
                  <a:lnTo>
                    <a:pt x="725424" y="4572"/>
                  </a:lnTo>
                  <a:lnTo>
                    <a:pt x="736092" y="4572"/>
                  </a:lnTo>
                  <a:lnTo>
                    <a:pt x="736092" y="0"/>
                  </a:lnTo>
                  <a:close/>
                </a:path>
                <a:path w="969645" h="5080">
                  <a:moveTo>
                    <a:pt x="749808" y="0"/>
                  </a:moveTo>
                  <a:lnTo>
                    <a:pt x="739140" y="0"/>
                  </a:lnTo>
                  <a:lnTo>
                    <a:pt x="739140" y="4572"/>
                  </a:lnTo>
                  <a:lnTo>
                    <a:pt x="749808" y="4572"/>
                  </a:lnTo>
                  <a:lnTo>
                    <a:pt x="749808" y="0"/>
                  </a:lnTo>
                  <a:close/>
                </a:path>
                <a:path w="969645" h="5080">
                  <a:moveTo>
                    <a:pt x="763524" y="0"/>
                  </a:moveTo>
                  <a:lnTo>
                    <a:pt x="752856" y="0"/>
                  </a:lnTo>
                  <a:lnTo>
                    <a:pt x="752856" y="4572"/>
                  </a:lnTo>
                  <a:lnTo>
                    <a:pt x="763524" y="4572"/>
                  </a:lnTo>
                  <a:lnTo>
                    <a:pt x="763524" y="0"/>
                  </a:lnTo>
                  <a:close/>
                </a:path>
                <a:path w="969645" h="5080">
                  <a:moveTo>
                    <a:pt x="777240" y="0"/>
                  </a:moveTo>
                  <a:lnTo>
                    <a:pt x="766572" y="0"/>
                  </a:lnTo>
                  <a:lnTo>
                    <a:pt x="766572" y="4572"/>
                  </a:lnTo>
                  <a:lnTo>
                    <a:pt x="777240" y="4572"/>
                  </a:lnTo>
                  <a:lnTo>
                    <a:pt x="777240" y="0"/>
                  </a:lnTo>
                  <a:close/>
                </a:path>
                <a:path w="969645" h="5080">
                  <a:moveTo>
                    <a:pt x="790956" y="0"/>
                  </a:moveTo>
                  <a:lnTo>
                    <a:pt x="780288" y="0"/>
                  </a:lnTo>
                  <a:lnTo>
                    <a:pt x="780288" y="4572"/>
                  </a:lnTo>
                  <a:lnTo>
                    <a:pt x="790956" y="4572"/>
                  </a:lnTo>
                  <a:lnTo>
                    <a:pt x="790956" y="0"/>
                  </a:lnTo>
                  <a:close/>
                </a:path>
                <a:path w="969645" h="5080">
                  <a:moveTo>
                    <a:pt x="804672" y="0"/>
                  </a:moveTo>
                  <a:lnTo>
                    <a:pt x="794004" y="0"/>
                  </a:lnTo>
                  <a:lnTo>
                    <a:pt x="794004" y="4572"/>
                  </a:lnTo>
                  <a:lnTo>
                    <a:pt x="804672" y="4572"/>
                  </a:lnTo>
                  <a:lnTo>
                    <a:pt x="804672" y="0"/>
                  </a:lnTo>
                  <a:close/>
                </a:path>
                <a:path w="969645" h="5080">
                  <a:moveTo>
                    <a:pt x="818388" y="0"/>
                  </a:moveTo>
                  <a:lnTo>
                    <a:pt x="807720" y="0"/>
                  </a:lnTo>
                  <a:lnTo>
                    <a:pt x="807720" y="4572"/>
                  </a:lnTo>
                  <a:lnTo>
                    <a:pt x="818388" y="4572"/>
                  </a:lnTo>
                  <a:lnTo>
                    <a:pt x="818388" y="0"/>
                  </a:lnTo>
                  <a:close/>
                </a:path>
                <a:path w="969645" h="5080">
                  <a:moveTo>
                    <a:pt x="832104" y="0"/>
                  </a:moveTo>
                  <a:lnTo>
                    <a:pt x="821436" y="0"/>
                  </a:lnTo>
                  <a:lnTo>
                    <a:pt x="821436" y="4572"/>
                  </a:lnTo>
                  <a:lnTo>
                    <a:pt x="832104" y="4572"/>
                  </a:lnTo>
                  <a:lnTo>
                    <a:pt x="832104" y="0"/>
                  </a:lnTo>
                  <a:close/>
                </a:path>
                <a:path w="969645" h="5080">
                  <a:moveTo>
                    <a:pt x="845820" y="0"/>
                  </a:moveTo>
                  <a:lnTo>
                    <a:pt x="835152" y="0"/>
                  </a:lnTo>
                  <a:lnTo>
                    <a:pt x="835152" y="4572"/>
                  </a:lnTo>
                  <a:lnTo>
                    <a:pt x="845820" y="4572"/>
                  </a:lnTo>
                  <a:lnTo>
                    <a:pt x="845820" y="0"/>
                  </a:lnTo>
                  <a:close/>
                </a:path>
                <a:path w="969645" h="5080">
                  <a:moveTo>
                    <a:pt x="859536" y="0"/>
                  </a:moveTo>
                  <a:lnTo>
                    <a:pt x="848868" y="0"/>
                  </a:lnTo>
                  <a:lnTo>
                    <a:pt x="848868" y="4572"/>
                  </a:lnTo>
                  <a:lnTo>
                    <a:pt x="859536" y="4572"/>
                  </a:lnTo>
                  <a:lnTo>
                    <a:pt x="859536" y="0"/>
                  </a:lnTo>
                  <a:close/>
                </a:path>
                <a:path w="969645" h="5080">
                  <a:moveTo>
                    <a:pt x="873252" y="0"/>
                  </a:moveTo>
                  <a:lnTo>
                    <a:pt x="862584" y="0"/>
                  </a:lnTo>
                  <a:lnTo>
                    <a:pt x="862584" y="4572"/>
                  </a:lnTo>
                  <a:lnTo>
                    <a:pt x="873252" y="4572"/>
                  </a:lnTo>
                  <a:lnTo>
                    <a:pt x="873252" y="0"/>
                  </a:lnTo>
                  <a:close/>
                </a:path>
                <a:path w="969645" h="5080">
                  <a:moveTo>
                    <a:pt x="886968" y="0"/>
                  </a:moveTo>
                  <a:lnTo>
                    <a:pt x="876300" y="0"/>
                  </a:lnTo>
                  <a:lnTo>
                    <a:pt x="876300" y="4572"/>
                  </a:lnTo>
                  <a:lnTo>
                    <a:pt x="886968" y="4572"/>
                  </a:lnTo>
                  <a:lnTo>
                    <a:pt x="886968" y="0"/>
                  </a:lnTo>
                  <a:close/>
                </a:path>
                <a:path w="969645" h="5080">
                  <a:moveTo>
                    <a:pt x="900684" y="0"/>
                  </a:moveTo>
                  <a:lnTo>
                    <a:pt x="890016" y="0"/>
                  </a:lnTo>
                  <a:lnTo>
                    <a:pt x="890016" y="4572"/>
                  </a:lnTo>
                  <a:lnTo>
                    <a:pt x="900684" y="4572"/>
                  </a:lnTo>
                  <a:lnTo>
                    <a:pt x="900684" y="0"/>
                  </a:lnTo>
                  <a:close/>
                </a:path>
                <a:path w="969645" h="5080">
                  <a:moveTo>
                    <a:pt x="914400" y="0"/>
                  </a:moveTo>
                  <a:lnTo>
                    <a:pt x="903732" y="0"/>
                  </a:lnTo>
                  <a:lnTo>
                    <a:pt x="903732" y="4572"/>
                  </a:lnTo>
                  <a:lnTo>
                    <a:pt x="914400" y="4572"/>
                  </a:lnTo>
                  <a:lnTo>
                    <a:pt x="914400" y="0"/>
                  </a:lnTo>
                  <a:close/>
                </a:path>
                <a:path w="969645" h="5080">
                  <a:moveTo>
                    <a:pt x="928116" y="0"/>
                  </a:moveTo>
                  <a:lnTo>
                    <a:pt x="917448" y="0"/>
                  </a:lnTo>
                  <a:lnTo>
                    <a:pt x="917448" y="4572"/>
                  </a:lnTo>
                  <a:lnTo>
                    <a:pt x="928116" y="4572"/>
                  </a:lnTo>
                  <a:lnTo>
                    <a:pt x="928116" y="0"/>
                  </a:lnTo>
                  <a:close/>
                </a:path>
                <a:path w="969645" h="5080">
                  <a:moveTo>
                    <a:pt x="941832" y="0"/>
                  </a:moveTo>
                  <a:lnTo>
                    <a:pt x="931164" y="0"/>
                  </a:lnTo>
                  <a:lnTo>
                    <a:pt x="931164" y="4572"/>
                  </a:lnTo>
                  <a:lnTo>
                    <a:pt x="941832" y="4572"/>
                  </a:lnTo>
                  <a:lnTo>
                    <a:pt x="941832" y="0"/>
                  </a:lnTo>
                  <a:close/>
                </a:path>
                <a:path w="969645" h="5080">
                  <a:moveTo>
                    <a:pt x="955548" y="0"/>
                  </a:moveTo>
                  <a:lnTo>
                    <a:pt x="944880" y="0"/>
                  </a:lnTo>
                  <a:lnTo>
                    <a:pt x="944880" y="4572"/>
                  </a:lnTo>
                  <a:lnTo>
                    <a:pt x="955548" y="4572"/>
                  </a:lnTo>
                  <a:lnTo>
                    <a:pt x="955548" y="0"/>
                  </a:lnTo>
                  <a:close/>
                </a:path>
                <a:path w="969645"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75" name="object 75"/>
            <p:cNvSpPr/>
            <p:nvPr/>
          </p:nvSpPr>
          <p:spPr>
            <a:xfrm>
              <a:off x="7452360" y="3098291"/>
              <a:ext cx="970915" cy="5080"/>
            </a:xfrm>
            <a:custGeom>
              <a:avLst/>
              <a:gdLst/>
              <a:ahLst/>
              <a:cxnLst/>
              <a:rect l="l" t="t" r="r" b="b"/>
              <a:pathLst>
                <a:path w="970915" h="5080">
                  <a:moveTo>
                    <a:pt x="10668" y="0"/>
                  </a:moveTo>
                  <a:lnTo>
                    <a:pt x="0" y="0"/>
                  </a:lnTo>
                  <a:lnTo>
                    <a:pt x="0" y="4572"/>
                  </a:lnTo>
                  <a:lnTo>
                    <a:pt x="10668" y="4572"/>
                  </a:lnTo>
                  <a:lnTo>
                    <a:pt x="10668" y="0"/>
                  </a:lnTo>
                  <a:close/>
                </a:path>
                <a:path w="970915" h="5080">
                  <a:moveTo>
                    <a:pt x="24384" y="0"/>
                  </a:moveTo>
                  <a:lnTo>
                    <a:pt x="13716" y="0"/>
                  </a:lnTo>
                  <a:lnTo>
                    <a:pt x="13716" y="4572"/>
                  </a:lnTo>
                  <a:lnTo>
                    <a:pt x="24384" y="4572"/>
                  </a:lnTo>
                  <a:lnTo>
                    <a:pt x="24384" y="0"/>
                  </a:lnTo>
                  <a:close/>
                </a:path>
                <a:path w="970915" h="5080">
                  <a:moveTo>
                    <a:pt x="38100" y="0"/>
                  </a:moveTo>
                  <a:lnTo>
                    <a:pt x="27432" y="0"/>
                  </a:lnTo>
                  <a:lnTo>
                    <a:pt x="27432" y="4572"/>
                  </a:lnTo>
                  <a:lnTo>
                    <a:pt x="38100" y="4572"/>
                  </a:lnTo>
                  <a:lnTo>
                    <a:pt x="38100" y="0"/>
                  </a:lnTo>
                  <a:close/>
                </a:path>
                <a:path w="970915" h="5080">
                  <a:moveTo>
                    <a:pt x="51816" y="0"/>
                  </a:moveTo>
                  <a:lnTo>
                    <a:pt x="41148" y="0"/>
                  </a:lnTo>
                  <a:lnTo>
                    <a:pt x="41148" y="4572"/>
                  </a:lnTo>
                  <a:lnTo>
                    <a:pt x="51816" y="4572"/>
                  </a:lnTo>
                  <a:lnTo>
                    <a:pt x="51816" y="0"/>
                  </a:lnTo>
                  <a:close/>
                </a:path>
                <a:path w="970915" h="5080">
                  <a:moveTo>
                    <a:pt x="65532" y="0"/>
                  </a:moveTo>
                  <a:lnTo>
                    <a:pt x="54864" y="0"/>
                  </a:lnTo>
                  <a:lnTo>
                    <a:pt x="54864" y="4572"/>
                  </a:lnTo>
                  <a:lnTo>
                    <a:pt x="65532" y="4572"/>
                  </a:lnTo>
                  <a:lnTo>
                    <a:pt x="65532" y="0"/>
                  </a:lnTo>
                  <a:close/>
                </a:path>
                <a:path w="970915" h="5080">
                  <a:moveTo>
                    <a:pt x="79248" y="0"/>
                  </a:moveTo>
                  <a:lnTo>
                    <a:pt x="68580" y="0"/>
                  </a:lnTo>
                  <a:lnTo>
                    <a:pt x="68580" y="4572"/>
                  </a:lnTo>
                  <a:lnTo>
                    <a:pt x="79248" y="4572"/>
                  </a:lnTo>
                  <a:lnTo>
                    <a:pt x="79248" y="0"/>
                  </a:lnTo>
                  <a:close/>
                </a:path>
                <a:path w="970915" h="5080">
                  <a:moveTo>
                    <a:pt x="92964" y="0"/>
                  </a:moveTo>
                  <a:lnTo>
                    <a:pt x="82296" y="0"/>
                  </a:lnTo>
                  <a:lnTo>
                    <a:pt x="82296" y="4572"/>
                  </a:lnTo>
                  <a:lnTo>
                    <a:pt x="92964" y="4572"/>
                  </a:lnTo>
                  <a:lnTo>
                    <a:pt x="92964" y="0"/>
                  </a:lnTo>
                  <a:close/>
                </a:path>
                <a:path w="970915" h="5080">
                  <a:moveTo>
                    <a:pt x="106680" y="0"/>
                  </a:moveTo>
                  <a:lnTo>
                    <a:pt x="96012" y="0"/>
                  </a:lnTo>
                  <a:lnTo>
                    <a:pt x="96012" y="4572"/>
                  </a:lnTo>
                  <a:lnTo>
                    <a:pt x="106680" y="4572"/>
                  </a:lnTo>
                  <a:lnTo>
                    <a:pt x="106680" y="0"/>
                  </a:lnTo>
                  <a:close/>
                </a:path>
                <a:path w="970915" h="5080">
                  <a:moveTo>
                    <a:pt x="120396" y="0"/>
                  </a:moveTo>
                  <a:lnTo>
                    <a:pt x="109728" y="0"/>
                  </a:lnTo>
                  <a:lnTo>
                    <a:pt x="109728" y="4572"/>
                  </a:lnTo>
                  <a:lnTo>
                    <a:pt x="120396" y="4572"/>
                  </a:lnTo>
                  <a:lnTo>
                    <a:pt x="120396" y="0"/>
                  </a:lnTo>
                  <a:close/>
                </a:path>
                <a:path w="970915" h="5080">
                  <a:moveTo>
                    <a:pt x="134112" y="0"/>
                  </a:moveTo>
                  <a:lnTo>
                    <a:pt x="123444" y="0"/>
                  </a:lnTo>
                  <a:lnTo>
                    <a:pt x="123444" y="4572"/>
                  </a:lnTo>
                  <a:lnTo>
                    <a:pt x="134112" y="4572"/>
                  </a:lnTo>
                  <a:lnTo>
                    <a:pt x="134112" y="0"/>
                  </a:lnTo>
                  <a:close/>
                </a:path>
                <a:path w="970915" h="5080">
                  <a:moveTo>
                    <a:pt x="147828" y="0"/>
                  </a:moveTo>
                  <a:lnTo>
                    <a:pt x="137160" y="0"/>
                  </a:lnTo>
                  <a:lnTo>
                    <a:pt x="137160" y="4572"/>
                  </a:lnTo>
                  <a:lnTo>
                    <a:pt x="147828" y="4572"/>
                  </a:lnTo>
                  <a:lnTo>
                    <a:pt x="147828" y="0"/>
                  </a:lnTo>
                  <a:close/>
                </a:path>
                <a:path w="970915" h="5080">
                  <a:moveTo>
                    <a:pt x="161544" y="0"/>
                  </a:moveTo>
                  <a:lnTo>
                    <a:pt x="150876" y="0"/>
                  </a:lnTo>
                  <a:lnTo>
                    <a:pt x="150876" y="4572"/>
                  </a:lnTo>
                  <a:lnTo>
                    <a:pt x="161544" y="4572"/>
                  </a:lnTo>
                  <a:lnTo>
                    <a:pt x="161544" y="0"/>
                  </a:lnTo>
                  <a:close/>
                </a:path>
                <a:path w="970915" h="5080">
                  <a:moveTo>
                    <a:pt x="175260" y="0"/>
                  </a:moveTo>
                  <a:lnTo>
                    <a:pt x="164592" y="0"/>
                  </a:lnTo>
                  <a:lnTo>
                    <a:pt x="164592" y="4572"/>
                  </a:lnTo>
                  <a:lnTo>
                    <a:pt x="175260" y="4572"/>
                  </a:lnTo>
                  <a:lnTo>
                    <a:pt x="175260" y="0"/>
                  </a:lnTo>
                  <a:close/>
                </a:path>
                <a:path w="970915" h="5080">
                  <a:moveTo>
                    <a:pt x="188976" y="0"/>
                  </a:moveTo>
                  <a:lnTo>
                    <a:pt x="178308" y="0"/>
                  </a:lnTo>
                  <a:lnTo>
                    <a:pt x="178308" y="4572"/>
                  </a:lnTo>
                  <a:lnTo>
                    <a:pt x="188976" y="4572"/>
                  </a:lnTo>
                  <a:lnTo>
                    <a:pt x="188976" y="0"/>
                  </a:lnTo>
                  <a:close/>
                </a:path>
                <a:path w="970915" h="5080">
                  <a:moveTo>
                    <a:pt x="202692" y="0"/>
                  </a:moveTo>
                  <a:lnTo>
                    <a:pt x="192024" y="0"/>
                  </a:lnTo>
                  <a:lnTo>
                    <a:pt x="192024" y="4572"/>
                  </a:lnTo>
                  <a:lnTo>
                    <a:pt x="202692" y="4572"/>
                  </a:lnTo>
                  <a:lnTo>
                    <a:pt x="202692" y="0"/>
                  </a:lnTo>
                  <a:close/>
                </a:path>
                <a:path w="970915" h="5080">
                  <a:moveTo>
                    <a:pt x="216408" y="0"/>
                  </a:moveTo>
                  <a:lnTo>
                    <a:pt x="205740" y="0"/>
                  </a:lnTo>
                  <a:lnTo>
                    <a:pt x="205740" y="4572"/>
                  </a:lnTo>
                  <a:lnTo>
                    <a:pt x="216408" y="4572"/>
                  </a:lnTo>
                  <a:lnTo>
                    <a:pt x="216408" y="0"/>
                  </a:lnTo>
                  <a:close/>
                </a:path>
                <a:path w="970915" h="5080">
                  <a:moveTo>
                    <a:pt x="230124" y="0"/>
                  </a:moveTo>
                  <a:lnTo>
                    <a:pt x="219456" y="0"/>
                  </a:lnTo>
                  <a:lnTo>
                    <a:pt x="219456" y="4572"/>
                  </a:lnTo>
                  <a:lnTo>
                    <a:pt x="230124" y="4572"/>
                  </a:lnTo>
                  <a:lnTo>
                    <a:pt x="230124" y="0"/>
                  </a:lnTo>
                  <a:close/>
                </a:path>
                <a:path w="970915" h="5080">
                  <a:moveTo>
                    <a:pt x="243840" y="0"/>
                  </a:moveTo>
                  <a:lnTo>
                    <a:pt x="233172" y="0"/>
                  </a:lnTo>
                  <a:lnTo>
                    <a:pt x="233172" y="4572"/>
                  </a:lnTo>
                  <a:lnTo>
                    <a:pt x="243840" y="4572"/>
                  </a:lnTo>
                  <a:lnTo>
                    <a:pt x="243840" y="0"/>
                  </a:lnTo>
                  <a:close/>
                </a:path>
                <a:path w="970915" h="5080">
                  <a:moveTo>
                    <a:pt x="257556" y="0"/>
                  </a:moveTo>
                  <a:lnTo>
                    <a:pt x="246888" y="0"/>
                  </a:lnTo>
                  <a:lnTo>
                    <a:pt x="246888" y="4572"/>
                  </a:lnTo>
                  <a:lnTo>
                    <a:pt x="257556" y="4572"/>
                  </a:lnTo>
                  <a:lnTo>
                    <a:pt x="257556" y="0"/>
                  </a:lnTo>
                  <a:close/>
                </a:path>
                <a:path w="970915" h="5080">
                  <a:moveTo>
                    <a:pt x="271272" y="0"/>
                  </a:moveTo>
                  <a:lnTo>
                    <a:pt x="260604" y="0"/>
                  </a:lnTo>
                  <a:lnTo>
                    <a:pt x="260604" y="4572"/>
                  </a:lnTo>
                  <a:lnTo>
                    <a:pt x="271272" y="4572"/>
                  </a:lnTo>
                  <a:lnTo>
                    <a:pt x="271272" y="0"/>
                  </a:lnTo>
                  <a:close/>
                </a:path>
                <a:path w="970915" h="5080">
                  <a:moveTo>
                    <a:pt x="284988" y="0"/>
                  </a:moveTo>
                  <a:lnTo>
                    <a:pt x="274320" y="0"/>
                  </a:lnTo>
                  <a:lnTo>
                    <a:pt x="274320" y="4572"/>
                  </a:lnTo>
                  <a:lnTo>
                    <a:pt x="284988" y="4572"/>
                  </a:lnTo>
                  <a:lnTo>
                    <a:pt x="284988" y="0"/>
                  </a:lnTo>
                  <a:close/>
                </a:path>
                <a:path w="970915" h="5080">
                  <a:moveTo>
                    <a:pt x="298704" y="0"/>
                  </a:moveTo>
                  <a:lnTo>
                    <a:pt x="288036" y="0"/>
                  </a:lnTo>
                  <a:lnTo>
                    <a:pt x="288036" y="4572"/>
                  </a:lnTo>
                  <a:lnTo>
                    <a:pt x="298704" y="4572"/>
                  </a:lnTo>
                  <a:lnTo>
                    <a:pt x="298704" y="0"/>
                  </a:lnTo>
                  <a:close/>
                </a:path>
                <a:path w="970915" h="5080">
                  <a:moveTo>
                    <a:pt x="312420" y="0"/>
                  </a:moveTo>
                  <a:lnTo>
                    <a:pt x="301752" y="0"/>
                  </a:lnTo>
                  <a:lnTo>
                    <a:pt x="301752" y="4572"/>
                  </a:lnTo>
                  <a:lnTo>
                    <a:pt x="312420" y="4572"/>
                  </a:lnTo>
                  <a:lnTo>
                    <a:pt x="312420" y="0"/>
                  </a:lnTo>
                  <a:close/>
                </a:path>
                <a:path w="970915" h="5080">
                  <a:moveTo>
                    <a:pt x="326136" y="0"/>
                  </a:moveTo>
                  <a:lnTo>
                    <a:pt x="315468" y="0"/>
                  </a:lnTo>
                  <a:lnTo>
                    <a:pt x="315468" y="4572"/>
                  </a:lnTo>
                  <a:lnTo>
                    <a:pt x="326136" y="4572"/>
                  </a:lnTo>
                  <a:lnTo>
                    <a:pt x="326136" y="0"/>
                  </a:lnTo>
                  <a:close/>
                </a:path>
                <a:path w="970915" h="5080">
                  <a:moveTo>
                    <a:pt x="339852" y="0"/>
                  </a:moveTo>
                  <a:lnTo>
                    <a:pt x="329184" y="0"/>
                  </a:lnTo>
                  <a:lnTo>
                    <a:pt x="329184" y="4572"/>
                  </a:lnTo>
                  <a:lnTo>
                    <a:pt x="339852" y="4572"/>
                  </a:lnTo>
                  <a:lnTo>
                    <a:pt x="339852" y="0"/>
                  </a:lnTo>
                  <a:close/>
                </a:path>
                <a:path w="970915" h="5080">
                  <a:moveTo>
                    <a:pt x="353568" y="0"/>
                  </a:moveTo>
                  <a:lnTo>
                    <a:pt x="342900" y="0"/>
                  </a:lnTo>
                  <a:lnTo>
                    <a:pt x="342900" y="4572"/>
                  </a:lnTo>
                  <a:lnTo>
                    <a:pt x="353568" y="4572"/>
                  </a:lnTo>
                  <a:lnTo>
                    <a:pt x="353568" y="0"/>
                  </a:lnTo>
                  <a:close/>
                </a:path>
                <a:path w="970915" h="5080">
                  <a:moveTo>
                    <a:pt x="367284" y="0"/>
                  </a:moveTo>
                  <a:lnTo>
                    <a:pt x="356616" y="0"/>
                  </a:lnTo>
                  <a:lnTo>
                    <a:pt x="356616" y="4572"/>
                  </a:lnTo>
                  <a:lnTo>
                    <a:pt x="367284" y="4572"/>
                  </a:lnTo>
                  <a:lnTo>
                    <a:pt x="367284" y="0"/>
                  </a:lnTo>
                  <a:close/>
                </a:path>
                <a:path w="970915" h="5080">
                  <a:moveTo>
                    <a:pt x="381000" y="0"/>
                  </a:moveTo>
                  <a:lnTo>
                    <a:pt x="370332" y="0"/>
                  </a:lnTo>
                  <a:lnTo>
                    <a:pt x="370332" y="4572"/>
                  </a:lnTo>
                  <a:lnTo>
                    <a:pt x="381000" y="4572"/>
                  </a:lnTo>
                  <a:lnTo>
                    <a:pt x="381000" y="0"/>
                  </a:lnTo>
                  <a:close/>
                </a:path>
                <a:path w="970915" h="5080">
                  <a:moveTo>
                    <a:pt x="394716" y="0"/>
                  </a:moveTo>
                  <a:lnTo>
                    <a:pt x="384048" y="0"/>
                  </a:lnTo>
                  <a:lnTo>
                    <a:pt x="384048" y="4572"/>
                  </a:lnTo>
                  <a:lnTo>
                    <a:pt x="394716" y="4572"/>
                  </a:lnTo>
                  <a:lnTo>
                    <a:pt x="394716" y="0"/>
                  </a:lnTo>
                  <a:close/>
                </a:path>
                <a:path w="970915" h="5080">
                  <a:moveTo>
                    <a:pt x="408432" y="0"/>
                  </a:moveTo>
                  <a:lnTo>
                    <a:pt x="397764" y="0"/>
                  </a:lnTo>
                  <a:lnTo>
                    <a:pt x="397764" y="4572"/>
                  </a:lnTo>
                  <a:lnTo>
                    <a:pt x="408432" y="4572"/>
                  </a:lnTo>
                  <a:lnTo>
                    <a:pt x="408432" y="0"/>
                  </a:lnTo>
                  <a:close/>
                </a:path>
                <a:path w="970915" h="5080">
                  <a:moveTo>
                    <a:pt x="422148" y="0"/>
                  </a:moveTo>
                  <a:lnTo>
                    <a:pt x="411480" y="0"/>
                  </a:lnTo>
                  <a:lnTo>
                    <a:pt x="411480" y="4572"/>
                  </a:lnTo>
                  <a:lnTo>
                    <a:pt x="422148" y="4572"/>
                  </a:lnTo>
                  <a:lnTo>
                    <a:pt x="422148" y="0"/>
                  </a:lnTo>
                  <a:close/>
                </a:path>
                <a:path w="970915" h="5080">
                  <a:moveTo>
                    <a:pt x="435864" y="0"/>
                  </a:moveTo>
                  <a:lnTo>
                    <a:pt x="425196" y="0"/>
                  </a:lnTo>
                  <a:lnTo>
                    <a:pt x="425196" y="4572"/>
                  </a:lnTo>
                  <a:lnTo>
                    <a:pt x="435864" y="4572"/>
                  </a:lnTo>
                  <a:lnTo>
                    <a:pt x="435864" y="0"/>
                  </a:lnTo>
                  <a:close/>
                </a:path>
                <a:path w="970915" h="5080">
                  <a:moveTo>
                    <a:pt x="449580" y="0"/>
                  </a:moveTo>
                  <a:lnTo>
                    <a:pt x="438912" y="0"/>
                  </a:lnTo>
                  <a:lnTo>
                    <a:pt x="438912" y="4572"/>
                  </a:lnTo>
                  <a:lnTo>
                    <a:pt x="449580" y="4572"/>
                  </a:lnTo>
                  <a:lnTo>
                    <a:pt x="449580" y="0"/>
                  </a:lnTo>
                  <a:close/>
                </a:path>
                <a:path w="970915" h="5080">
                  <a:moveTo>
                    <a:pt x="463296" y="0"/>
                  </a:moveTo>
                  <a:lnTo>
                    <a:pt x="452628" y="0"/>
                  </a:lnTo>
                  <a:lnTo>
                    <a:pt x="452628" y="4572"/>
                  </a:lnTo>
                  <a:lnTo>
                    <a:pt x="463296" y="4572"/>
                  </a:lnTo>
                  <a:lnTo>
                    <a:pt x="463296" y="0"/>
                  </a:lnTo>
                  <a:close/>
                </a:path>
                <a:path w="970915" h="5080">
                  <a:moveTo>
                    <a:pt x="477012" y="0"/>
                  </a:moveTo>
                  <a:lnTo>
                    <a:pt x="466344" y="0"/>
                  </a:lnTo>
                  <a:lnTo>
                    <a:pt x="466344" y="4572"/>
                  </a:lnTo>
                  <a:lnTo>
                    <a:pt x="477012" y="4572"/>
                  </a:lnTo>
                  <a:lnTo>
                    <a:pt x="477012" y="0"/>
                  </a:lnTo>
                  <a:close/>
                </a:path>
                <a:path w="970915" h="5080">
                  <a:moveTo>
                    <a:pt x="490728" y="0"/>
                  </a:moveTo>
                  <a:lnTo>
                    <a:pt x="480060" y="0"/>
                  </a:lnTo>
                  <a:lnTo>
                    <a:pt x="480060" y="4572"/>
                  </a:lnTo>
                  <a:lnTo>
                    <a:pt x="490728" y="4572"/>
                  </a:lnTo>
                  <a:lnTo>
                    <a:pt x="490728" y="0"/>
                  </a:lnTo>
                  <a:close/>
                </a:path>
                <a:path w="970915" h="5080">
                  <a:moveTo>
                    <a:pt x="504444" y="0"/>
                  </a:moveTo>
                  <a:lnTo>
                    <a:pt x="493776" y="0"/>
                  </a:lnTo>
                  <a:lnTo>
                    <a:pt x="493776" y="4572"/>
                  </a:lnTo>
                  <a:lnTo>
                    <a:pt x="504444" y="4572"/>
                  </a:lnTo>
                  <a:lnTo>
                    <a:pt x="504444" y="0"/>
                  </a:lnTo>
                  <a:close/>
                </a:path>
                <a:path w="970915" h="5080">
                  <a:moveTo>
                    <a:pt x="518160" y="0"/>
                  </a:moveTo>
                  <a:lnTo>
                    <a:pt x="507492" y="0"/>
                  </a:lnTo>
                  <a:lnTo>
                    <a:pt x="507492" y="4572"/>
                  </a:lnTo>
                  <a:lnTo>
                    <a:pt x="518160" y="4572"/>
                  </a:lnTo>
                  <a:lnTo>
                    <a:pt x="518160" y="0"/>
                  </a:lnTo>
                  <a:close/>
                </a:path>
                <a:path w="970915" h="5080">
                  <a:moveTo>
                    <a:pt x="531876" y="0"/>
                  </a:moveTo>
                  <a:lnTo>
                    <a:pt x="521208" y="0"/>
                  </a:lnTo>
                  <a:lnTo>
                    <a:pt x="521208" y="4572"/>
                  </a:lnTo>
                  <a:lnTo>
                    <a:pt x="531876" y="4572"/>
                  </a:lnTo>
                  <a:lnTo>
                    <a:pt x="531876" y="0"/>
                  </a:lnTo>
                  <a:close/>
                </a:path>
                <a:path w="970915" h="5080">
                  <a:moveTo>
                    <a:pt x="545592" y="0"/>
                  </a:moveTo>
                  <a:lnTo>
                    <a:pt x="534924" y="0"/>
                  </a:lnTo>
                  <a:lnTo>
                    <a:pt x="534924" y="4572"/>
                  </a:lnTo>
                  <a:lnTo>
                    <a:pt x="545592" y="4572"/>
                  </a:lnTo>
                  <a:lnTo>
                    <a:pt x="545592" y="0"/>
                  </a:lnTo>
                  <a:close/>
                </a:path>
                <a:path w="970915" h="5080">
                  <a:moveTo>
                    <a:pt x="559308" y="0"/>
                  </a:moveTo>
                  <a:lnTo>
                    <a:pt x="548640" y="0"/>
                  </a:lnTo>
                  <a:lnTo>
                    <a:pt x="548640" y="4572"/>
                  </a:lnTo>
                  <a:lnTo>
                    <a:pt x="559308" y="4572"/>
                  </a:lnTo>
                  <a:lnTo>
                    <a:pt x="559308" y="0"/>
                  </a:lnTo>
                  <a:close/>
                </a:path>
                <a:path w="970915" h="5080">
                  <a:moveTo>
                    <a:pt x="573024" y="0"/>
                  </a:moveTo>
                  <a:lnTo>
                    <a:pt x="562356" y="0"/>
                  </a:lnTo>
                  <a:lnTo>
                    <a:pt x="562356" y="4572"/>
                  </a:lnTo>
                  <a:lnTo>
                    <a:pt x="573024" y="4572"/>
                  </a:lnTo>
                  <a:lnTo>
                    <a:pt x="573024" y="0"/>
                  </a:lnTo>
                  <a:close/>
                </a:path>
                <a:path w="970915" h="5080">
                  <a:moveTo>
                    <a:pt x="586740" y="0"/>
                  </a:moveTo>
                  <a:lnTo>
                    <a:pt x="576072" y="0"/>
                  </a:lnTo>
                  <a:lnTo>
                    <a:pt x="576072" y="4572"/>
                  </a:lnTo>
                  <a:lnTo>
                    <a:pt x="586740" y="4572"/>
                  </a:lnTo>
                  <a:lnTo>
                    <a:pt x="586740" y="0"/>
                  </a:lnTo>
                  <a:close/>
                </a:path>
                <a:path w="970915" h="5080">
                  <a:moveTo>
                    <a:pt x="600456" y="0"/>
                  </a:moveTo>
                  <a:lnTo>
                    <a:pt x="589788" y="0"/>
                  </a:lnTo>
                  <a:lnTo>
                    <a:pt x="589788" y="4572"/>
                  </a:lnTo>
                  <a:lnTo>
                    <a:pt x="600456" y="4572"/>
                  </a:lnTo>
                  <a:lnTo>
                    <a:pt x="600456" y="0"/>
                  </a:lnTo>
                  <a:close/>
                </a:path>
                <a:path w="970915" h="5080">
                  <a:moveTo>
                    <a:pt x="614172" y="0"/>
                  </a:moveTo>
                  <a:lnTo>
                    <a:pt x="603504" y="0"/>
                  </a:lnTo>
                  <a:lnTo>
                    <a:pt x="603504" y="4572"/>
                  </a:lnTo>
                  <a:lnTo>
                    <a:pt x="614172" y="4572"/>
                  </a:lnTo>
                  <a:lnTo>
                    <a:pt x="614172" y="0"/>
                  </a:lnTo>
                  <a:close/>
                </a:path>
                <a:path w="970915" h="5080">
                  <a:moveTo>
                    <a:pt x="627888" y="0"/>
                  </a:moveTo>
                  <a:lnTo>
                    <a:pt x="617220" y="0"/>
                  </a:lnTo>
                  <a:lnTo>
                    <a:pt x="617220" y="4572"/>
                  </a:lnTo>
                  <a:lnTo>
                    <a:pt x="627888" y="4572"/>
                  </a:lnTo>
                  <a:lnTo>
                    <a:pt x="627888" y="0"/>
                  </a:lnTo>
                  <a:close/>
                </a:path>
                <a:path w="970915" h="5080">
                  <a:moveTo>
                    <a:pt x="641604" y="0"/>
                  </a:moveTo>
                  <a:lnTo>
                    <a:pt x="630936" y="0"/>
                  </a:lnTo>
                  <a:lnTo>
                    <a:pt x="630936" y="4572"/>
                  </a:lnTo>
                  <a:lnTo>
                    <a:pt x="641604" y="4572"/>
                  </a:lnTo>
                  <a:lnTo>
                    <a:pt x="641604" y="0"/>
                  </a:lnTo>
                  <a:close/>
                </a:path>
                <a:path w="970915" h="5080">
                  <a:moveTo>
                    <a:pt x="655320" y="0"/>
                  </a:moveTo>
                  <a:lnTo>
                    <a:pt x="644652" y="0"/>
                  </a:lnTo>
                  <a:lnTo>
                    <a:pt x="644652" y="4572"/>
                  </a:lnTo>
                  <a:lnTo>
                    <a:pt x="655320" y="4572"/>
                  </a:lnTo>
                  <a:lnTo>
                    <a:pt x="655320" y="0"/>
                  </a:lnTo>
                  <a:close/>
                </a:path>
                <a:path w="970915" h="5080">
                  <a:moveTo>
                    <a:pt x="669036" y="0"/>
                  </a:moveTo>
                  <a:lnTo>
                    <a:pt x="658368" y="0"/>
                  </a:lnTo>
                  <a:lnTo>
                    <a:pt x="658368" y="4572"/>
                  </a:lnTo>
                  <a:lnTo>
                    <a:pt x="669036" y="4572"/>
                  </a:lnTo>
                  <a:lnTo>
                    <a:pt x="669036" y="0"/>
                  </a:lnTo>
                  <a:close/>
                </a:path>
                <a:path w="970915" h="5080">
                  <a:moveTo>
                    <a:pt x="682752" y="0"/>
                  </a:moveTo>
                  <a:lnTo>
                    <a:pt x="672084" y="0"/>
                  </a:lnTo>
                  <a:lnTo>
                    <a:pt x="672084" y="4572"/>
                  </a:lnTo>
                  <a:lnTo>
                    <a:pt x="682752" y="4572"/>
                  </a:lnTo>
                  <a:lnTo>
                    <a:pt x="682752" y="0"/>
                  </a:lnTo>
                  <a:close/>
                </a:path>
                <a:path w="970915" h="5080">
                  <a:moveTo>
                    <a:pt x="696468" y="0"/>
                  </a:moveTo>
                  <a:lnTo>
                    <a:pt x="685800" y="0"/>
                  </a:lnTo>
                  <a:lnTo>
                    <a:pt x="685800" y="4572"/>
                  </a:lnTo>
                  <a:lnTo>
                    <a:pt x="696468" y="4572"/>
                  </a:lnTo>
                  <a:lnTo>
                    <a:pt x="696468" y="0"/>
                  </a:lnTo>
                  <a:close/>
                </a:path>
                <a:path w="970915" h="5080">
                  <a:moveTo>
                    <a:pt x="710184" y="0"/>
                  </a:moveTo>
                  <a:lnTo>
                    <a:pt x="699516" y="0"/>
                  </a:lnTo>
                  <a:lnTo>
                    <a:pt x="699516" y="4572"/>
                  </a:lnTo>
                  <a:lnTo>
                    <a:pt x="710184" y="4572"/>
                  </a:lnTo>
                  <a:lnTo>
                    <a:pt x="710184" y="0"/>
                  </a:lnTo>
                  <a:close/>
                </a:path>
                <a:path w="970915" h="5080">
                  <a:moveTo>
                    <a:pt x="723900" y="0"/>
                  </a:moveTo>
                  <a:lnTo>
                    <a:pt x="713232" y="0"/>
                  </a:lnTo>
                  <a:lnTo>
                    <a:pt x="713232" y="4572"/>
                  </a:lnTo>
                  <a:lnTo>
                    <a:pt x="723900" y="4572"/>
                  </a:lnTo>
                  <a:lnTo>
                    <a:pt x="723900" y="0"/>
                  </a:lnTo>
                  <a:close/>
                </a:path>
                <a:path w="970915" h="5080">
                  <a:moveTo>
                    <a:pt x="737616" y="0"/>
                  </a:moveTo>
                  <a:lnTo>
                    <a:pt x="726948" y="0"/>
                  </a:lnTo>
                  <a:lnTo>
                    <a:pt x="726948" y="4572"/>
                  </a:lnTo>
                  <a:lnTo>
                    <a:pt x="737616" y="4572"/>
                  </a:lnTo>
                  <a:lnTo>
                    <a:pt x="737616" y="0"/>
                  </a:lnTo>
                  <a:close/>
                </a:path>
                <a:path w="970915" h="5080">
                  <a:moveTo>
                    <a:pt x="751332" y="0"/>
                  </a:moveTo>
                  <a:lnTo>
                    <a:pt x="740664" y="0"/>
                  </a:lnTo>
                  <a:lnTo>
                    <a:pt x="740664" y="4572"/>
                  </a:lnTo>
                  <a:lnTo>
                    <a:pt x="751332" y="4572"/>
                  </a:lnTo>
                  <a:lnTo>
                    <a:pt x="751332" y="0"/>
                  </a:lnTo>
                  <a:close/>
                </a:path>
                <a:path w="970915" h="5080">
                  <a:moveTo>
                    <a:pt x="765048" y="0"/>
                  </a:moveTo>
                  <a:lnTo>
                    <a:pt x="754380" y="0"/>
                  </a:lnTo>
                  <a:lnTo>
                    <a:pt x="754380" y="4572"/>
                  </a:lnTo>
                  <a:lnTo>
                    <a:pt x="765048" y="4572"/>
                  </a:lnTo>
                  <a:lnTo>
                    <a:pt x="765048" y="0"/>
                  </a:lnTo>
                  <a:close/>
                </a:path>
                <a:path w="970915" h="5080">
                  <a:moveTo>
                    <a:pt x="778764" y="0"/>
                  </a:moveTo>
                  <a:lnTo>
                    <a:pt x="768096" y="0"/>
                  </a:lnTo>
                  <a:lnTo>
                    <a:pt x="768096" y="4572"/>
                  </a:lnTo>
                  <a:lnTo>
                    <a:pt x="778764" y="4572"/>
                  </a:lnTo>
                  <a:lnTo>
                    <a:pt x="778764" y="0"/>
                  </a:lnTo>
                  <a:close/>
                </a:path>
                <a:path w="970915" h="5080">
                  <a:moveTo>
                    <a:pt x="792480" y="0"/>
                  </a:moveTo>
                  <a:lnTo>
                    <a:pt x="781812" y="0"/>
                  </a:lnTo>
                  <a:lnTo>
                    <a:pt x="781812" y="4572"/>
                  </a:lnTo>
                  <a:lnTo>
                    <a:pt x="792480" y="4572"/>
                  </a:lnTo>
                  <a:lnTo>
                    <a:pt x="792480" y="0"/>
                  </a:lnTo>
                  <a:close/>
                </a:path>
                <a:path w="970915" h="5080">
                  <a:moveTo>
                    <a:pt x="806196" y="0"/>
                  </a:moveTo>
                  <a:lnTo>
                    <a:pt x="795528" y="0"/>
                  </a:lnTo>
                  <a:lnTo>
                    <a:pt x="795528" y="4572"/>
                  </a:lnTo>
                  <a:lnTo>
                    <a:pt x="806196" y="4572"/>
                  </a:lnTo>
                  <a:lnTo>
                    <a:pt x="806196" y="0"/>
                  </a:lnTo>
                  <a:close/>
                </a:path>
                <a:path w="970915" h="5080">
                  <a:moveTo>
                    <a:pt x="819912" y="0"/>
                  </a:moveTo>
                  <a:lnTo>
                    <a:pt x="809244" y="0"/>
                  </a:lnTo>
                  <a:lnTo>
                    <a:pt x="809244" y="4572"/>
                  </a:lnTo>
                  <a:lnTo>
                    <a:pt x="819912" y="4572"/>
                  </a:lnTo>
                  <a:lnTo>
                    <a:pt x="819912" y="0"/>
                  </a:lnTo>
                  <a:close/>
                </a:path>
                <a:path w="970915" h="5080">
                  <a:moveTo>
                    <a:pt x="833628" y="0"/>
                  </a:moveTo>
                  <a:lnTo>
                    <a:pt x="822960" y="0"/>
                  </a:lnTo>
                  <a:lnTo>
                    <a:pt x="822960" y="4572"/>
                  </a:lnTo>
                  <a:lnTo>
                    <a:pt x="833628" y="4572"/>
                  </a:lnTo>
                  <a:lnTo>
                    <a:pt x="833628" y="0"/>
                  </a:lnTo>
                  <a:close/>
                </a:path>
                <a:path w="970915" h="5080">
                  <a:moveTo>
                    <a:pt x="847344" y="0"/>
                  </a:moveTo>
                  <a:lnTo>
                    <a:pt x="836676" y="0"/>
                  </a:lnTo>
                  <a:lnTo>
                    <a:pt x="836676" y="4572"/>
                  </a:lnTo>
                  <a:lnTo>
                    <a:pt x="847344" y="4572"/>
                  </a:lnTo>
                  <a:lnTo>
                    <a:pt x="847344" y="0"/>
                  </a:lnTo>
                  <a:close/>
                </a:path>
                <a:path w="970915" h="5080">
                  <a:moveTo>
                    <a:pt x="861060" y="0"/>
                  </a:moveTo>
                  <a:lnTo>
                    <a:pt x="850392" y="0"/>
                  </a:lnTo>
                  <a:lnTo>
                    <a:pt x="850392" y="4572"/>
                  </a:lnTo>
                  <a:lnTo>
                    <a:pt x="861060" y="4572"/>
                  </a:lnTo>
                  <a:lnTo>
                    <a:pt x="861060" y="0"/>
                  </a:lnTo>
                  <a:close/>
                </a:path>
                <a:path w="970915" h="5080">
                  <a:moveTo>
                    <a:pt x="874776" y="0"/>
                  </a:moveTo>
                  <a:lnTo>
                    <a:pt x="864108" y="0"/>
                  </a:lnTo>
                  <a:lnTo>
                    <a:pt x="864108" y="4572"/>
                  </a:lnTo>
                  <a:lnTo>
                    <a:pt x="874776" y="4572"/>
                  </a:lnTo>
                  <a:lnTo>
                    <a:pt x="874776" y="0"/>
                  </a:lnTo>
                  <a:close/>
                </a:path>
                <a:path w="970915" h="5080">
                  <a:moveTo>
                    <a:pt x="888492" y="0"/>
                  </a:moveTo>
                  <a:lnTo>
                    <a:pt x="877824" y="0"/>
                  </a:lnTo>
                  <a:lnTo>
                    <a:pt x="877824" y="4572"/>
                  </a:lnTo>
                  <a:lnTo>
                    <a:pt x="888492" y="4572"/>
                  </a:lnTo>
                  <a:lnTo>
                    <a:pt x="888492" y="0"/>
                  </a:lnTo>
                  <a:close/>
                </a:path>
                <a:path w="970915" h="5080">
                  <a:moveTo>
                    <a:pt x="902208" y="0"/>
                  </a:moveTo>
                  <a:lnTo>
                    <a:pt x="891540" y="0"/>
                  </a:lnTo>
                  <a:lnTo>
                    <a:pt x="891540" y="4572"/>
                  </a:lnTo>
                  <a:lnTo>
                    <a:pt x="902208" y="4572"/>
                  </a:lnTo>
                  <a:lnTo>
                    <a:pt x="902208" y="0"/>
                  </a:lnTo>
                  <a:close/>
                </a:path>
                <a:path w="970915" h="5080">
                  <a:moveTo>
                    <a:pt x="915924" y="0"/>
                  </a:moveTo>
                  <a:lnTo>
                    <a:pt x="905256" y="0"/>
                  </a:lnTo>
                  <a:lnTo>
                    <a:pt x="905256" y="4572"/>
                  </a:lnTo>
                  <a:lnTo>
                    <a:pt x="915924" y="4572"/>
                  </a:lnTo>
                  <a:lnTo>
                    <a:pt x="915924" y="0"/>
                  </a:lnTo>
                  <a:close/>
                </a:path>
                <a:path w="970915" h="5080">
                  <a:moveTo>
                    <a:pt x="929640" y="0"/>
                  </a:moveTo>
                  <a:lnTo>
                    <a:pt x="918972" y="0"/>
                  </a:lnTo>
                  <a:lnTo>
                    <a:pt x="918972" y="4572"/>
                  </a:lnTo>
                  <a:lnTo>
                    <a:pt x="929640" y="4572"/>
                  </a:lnTo>
                  <a:lnTo>
                    <a:pt x="929640" y="0"/>
                  </a:lnTo>
                  <a:close/>
                </a:path>
                <a:path w="970915" h="5080">
                  <a:moveTo>
                    <a:pt x="943356" y="0"/>
                  </a:moveTo>
                  <a:lnTo>
                    <a:pt x="932688" y="0"/>
                  </a:lnTo>
                  <a:lnTo>
                    <a:pt x="932688" y="4572"/>
                  </a:lnTo>
                  <a:lnTo>
                    <a:pt x="943356" y="4572"/>
                  </a:lnTo>
                  <a:lnTo>
                    <a:pt x="943356" y="0"/>
                  </a:lnTo>
                  <a:close/>
                </a:path>
                <a:path w="970915" h="5080">
                  <a:moveTo>
                    <a:pt x="957072" y="0"/>
                  </a:moveTo>
                  <a:lnTo>
                    <a:pt x="946404" y="0"/>
                  </a:lnTo>
                  <a:lnTo>
                    <a:pt x="946404" y="4572"/>
                  </a:lnTo>
                  <a:lnTo>
                    <a:pt x="957072" y="4572"/>
                  </a:lnTo>
                  <a:lnTo>
                    <a:pt x="957072" y="0"/>
                  </a:lnTo>
                  <a:close/>
                </a:path>
                <a:path w="970915" h="5080">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76" name="object 76"/>
            <p:cNvSpPr/>
            <p:nvPr/>
          </p:nvSpPr>
          <p:spPr>
            <a:xfrm>
              <a:off x="8412480" y="309829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48" y="0"/>
                  </a:moveTo>
                  <a:lnTo>
                    <a:pt x="68580" y="0"/>
                  </a:lnTo>
                  <a:lnTo>
                    <a:pt x="68580" y="4572"/>
                  </a:lnTo>
                  <a:lnTo>
                    <a:pt x="79248" y="4572"/>
                  </a:lnTo>
                  <a:lnTo>
                    <a:pt x="79248"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60" y="0"/>
                  </a:lnTo>
                  <a:lnTo>
                    <a:pt x="137160"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7284" y="0"/>
                  </a:moveTo>
                  <a:lnTo>
                    <a:pt x="356616" y="0"/>
                  </a:lnTo>
                  <a:lnTo>
                    <a:pt x="356616" y="4572"/>
                  </a:lnTo>
                  <a:lnTo>
                    <a:pt x="367284" y="4572"/>
                  </a:lnTo>
                  <a:lnTo>
                    <a:pt x="367284" y="0"/>
                  </a:lnTo>
                  <a:close/>
                </a:path>
                <a:path w="969645" h="5080">
                  <a:moveTo>
                    <a:pt x="381000" y="0"/>
                  </a:moveTo>
                  <a:lnTo>
                    <a:pt x="370332" y="0"/>
                  </a:lnTo>
                  <a:lnTo>
                    <a:pt x="370332" y="4572"/>
                  </a:lnTo>
                  <a:lnTo>
                    <a:pt x="381000" y="4572"/>
                  </a:lnTo>
                  <a:lnTo>
                    <a:pt x="381000" y="0"/>
                  </a:lnTo>
                  <a:close/>
                </a:path>
                <a:path w="969645" h="5080">
                  <a:moveTo>
                    <a:pt x="394716" y="0"/>
                  </a:moveTo>
                  <a:lnTo>
                    <a:pt x="384048" y="0"/>
                  </a:lnTo>
                  <a:lnTo>
                    <a:pt x="384048" y="4572"/>
                  </a:lnTo>
                  <a:lnTo>
                    <a:pt x="394716" y="4572"/>
                  </a:lnTo>
                  <a:lnTo>
                    <a:pt x="394716" y="0"/>
                  </a:lnTo>
                  <a:close/>
                </a:path>
                <a:path w="969645" h="5080">
                  <a:moveTo>
                    <a:pt x="408432" y="0"/>
                  </a:moveTo>
                  <a:lnTo>
                    <a:pt x="397764" y="0"/>
                  </a:lnTo>
                  <a:lnTo>
                    <a:pt x="397764" y="4572"/>
                  </a:lnTo>
                  <a:lnTo>
                    <a:pt x="408432" y="4572"/>
                  </a:lnTo>
                  <a:lnTo>
                    <a:pt x="408432" y="0"/>
                  </a:lnTo>
                  <a:close/>
                </a:path>
                <a:path w="969645" h="5080">
                  <a:moveTo>
                    <a:pt x="422148" y="0"/>
                  </a:moveTo>
                  <a:lnTo>
                    <a:pt x="411480" y="0"/>
                  </a:lnTo>
                  <a:lnTo>
                    <a:pt x="411480" y="4572"/>
                  </a:lnTo>
                  <a:lnTo>
                    <a:pt x="422148" y="4572"/>
                  </a:lnTo>
                  <a:lnTo>
                    <a:pt x="422148" y="0"/>
                  </a:lnTo>
                  <a:close/>
                </a:path>
                <a:path w="969645" h="5080">
                  <a:moveTo>
                    <a:pt x="435864" y="0"/>
                  </a:moveTo>
                  <a:lnTo>
                    <a:pt x="425196" y="0"/>
                  </a:lnTo>
                  <a:lnTo>
                    <a:pt x="425196" y="4572"/>
                  </a:lnTo>
                  <a:lnTo>
                    <a:pt x="435864" y="4572"/>
                  </a:lnTo>
                  <a:lnTo>
                    <a:pt x="435864" y="0"/>
                  </a:lnTo>
                  <a:close/>
                </a:path>
                <a:path w="969645" h="5080">
                  <a:moveTo>
                    <a:pt x="449580" y="0"/>
                  </a:moveTo>
                  <a:lnTo>
                    <a:pt x="438912" y="0"/>
                  </a:lnTo>
                  <a:lnTo>
                    <a:pt x="438912" y="4572"/>
                  </a:lnTo>
                  <a:lnTo>
                    <a:pt x="449580" y="4572"/>
                  </a:lnTo>
                  <a:lnTo>
                    <a:pt x="449580" y="0"/>
                  </a:lnTo>
                  <a:close/>
                </a:path>
                <a:path w="969645" h="5080">
                  <a:moveTo>
                    <a:pt x="461772" y="0"/>
                  </a:moveTo>
                  <a:lnTo>
                    <a:pt x="452628" y="0"/>
                  </a:lnTo>
                  <a:lnTo>
                    <a:pt x="452628" y="4572"/>
                  </a:lnTo>
                  <a:lnTo>
                    <a:pt x="461772" y="4572"/>
                  </a:lnTo>
                  <a:lnTo>
                    <a:pt x="461772" y="0"/>
                  </a:lnTo>
                  <a:close/>
                </a:path>
                <a:path w="969645" h="5080">
                  <a:moveTo>
                    <a:pt x="475488" y="0"/>
                  </a:moveTo>
                  <a:lnTo>
                    <a:pt x="466344" y="0"/>
                  </a:lnTo>
                  <a:lnTo>
                    <a:pt x="466344" y="4572"/>
                  </a:lnTo>
                  <a:lnTo>
                    <a:pt x="475488" y="4572"/>
                  </a:lnTo>
                  <a:lnTo>
                    <a:pt x="475488" y="0"/>
                  </a:lnTo>
                  <a:close/>
                </a:path>
                <a:path w="969645" h="5080">
                  <a:moveTo>
                    <a:pt x="489204" y="0"/>
                  </a:moveTo>
                  <a:lnTo>
                    <a:pt x="480060" y="0"/>
                  </a:lnTo>
                  <a:lnTo>
                    <a:pt x="480060" y="4572"/>
                  </a:lnTo>
                  <a:lnTo>
                    <a:pt x="489204" y="4572"/>
                  </a:lnTo>
                  <a:lnTo>
                    <a:pt x="489204" y="0"/>
                  </a:lnTo>
                  <a:close/>
                </a:path>
                <a:path w="969645" h="5080">
                  <a:moveTo>
                    <a:pt x="502920" y="0"/>
                  </a:moveTo>
                  <a:lnTo>
                    <a:pt x="493776" y="0"/>
                  </a:lnTo>
                  <a:lnTo>
                    <a:pt x="493776" y="4572"/>
                  </a:lnTo>
                  <a:lnTo>
                    <a:pt x="502920" y="4572"/>
                  </a:lnTo>
                  <a:lnTo>
                    <a:pt x="502920" y="0"/>
                  </a:lnTo>
                  <a:close/>
                </a:path>
                <a:path w="969645" h="5080">
                  <a:moveTo>
                    <a:pt x="516636" y="0"/>
                  </a:moveTo>
                  <a:lnTo>
                    <a:pt x="507492" y="0"/>
                  </a:lnTo>
                  <a:lnTo>
                    <a:pt x="507492" y="4572"/>
                  </a:lnTo>
                  <a:lnTo>
                    <a:pt x="516636" y="4572"/>
                  </a:lnTo>
                  <a:lnTo>
                    <a:pt x="516636" y="0"/>
                  </a:lnTo>
                  <a:close/>
                </a:path>
                <a:path w="969645" h="5080">
                  <a:moveTo>
                    <a:pt x="530352" y="0"/>
                  </a:moveTo>
                  <a:lnTo>
                    <a:pt x="521208" y="0"/>
                  </a:lnTo>
                  <a:lnTo>
                    <a:pt x="521208" y="4572"/>
                  </a:lnTo>
                  <a:lnTo>
                    <a:pt x="530352" y="4572"/>
                  </a:lnTo>
                  <a:lnTo>
                    <a:pt x="530352" y="0"/>
                  </a:lnTo>
                  <a:close/>
                </a:path>
                <a:path w="969645" h="5080">
                  <a:moveTo>
                    <a:pt x="544068" y="0"/>
                  </a:moveTo>
                  <a:lnTo>
                    <a:pt x="534924" y="0"/>
                  </a:lnTo>
                  <a:lnTo>
                    <a:pt x="534924" y="4572"/>
                  </a:lnTo>
                  <a:lnTo>
                    <a:pt x="544068" y="4572"/>
                  </a:lnTo>
                  <a:lnTo>
                    <a:pt x="544068" y="0"/>
                  </a:lnTo>
                  <a:close/>
                </a:path>
                <a:path w="969645" h="5080">
                  <a:moveTo>
                    <a:pt x="557784" y="0"/>
                  </a:moveTo>
                  <a:lnTo>
                    <a:pt x="548640" y="0"/>
                  </a:lnTo>
                  <a:lnTo>
                    <a:pt x="548640" y="4572"/>
                  </a:lnTo>
                  <a:lnTo>
                    <a:pt x="557784" y="4572"/>
                  </a:lnTo>
                  <a:lnTo>
                    <a:pt x="557784" y="0"/>
                  </a:lnTo>
                  <a:close/>
                </a:path>
                <a:path w="969645" h="5080">
                  <a:moveTo>
                    <a:pt x="571500" y="0"/>
                  </a:moveTo>
                  <a:lnTo>
                    <a:pt x="562356" y="0"/>
                  </a:lnTo>
                  <a:lnTo>
                    <a:pt x="562356" y="4572"/>
                  </a:lnTo>
                  <a:lnTo>
                    <a:pt x="571500" y="4572"/>
                  </a:lnTo>
                  <a:lnTo>
                    <a:pt x="571500" y="0"/>
                  </a:lnTo>
                  <a:close/>
                </a:path>
                <a:path w="969645" h="5080">
                  <a:moveTo>
                    <a:pt x="585216" y="0"/>
                  </a:moveTo>
                  <a:lnTo>
                    <a:pt x="576072" y="0"/>
                  </a:lnTo>
                  <a:lnTo>
                    <a:pt x="576072" y="4572"/>
                  </a:lnTo>
                  <a:lnTo>
                    <a:pt x="585216" y="4572"/>
                  </a:lnTo>
                  <a:lnTo>
                    <a:pt x="585216" y="0"/>
                  </a:lnTo>
                  <a:close/>
                </a:path>
                <a:path w="969645" h="5080">
                  <a:moveTo>
                    <a:pt x="598932" y="0"/>
                  </a:moveTo>
                  <a:lnTo>
                    <a:pt x="589788" y="0"/>
                  </a:lnTo>
                  <a:lnTo>
                    <a:pt x="589788" y="4572"/>
                  </a:lnTo>
                  <a:lnTo>
                    <a:pt x="598932" y="4572"/>
                  </a:lnTo>
                  <a:lnTo>
                    <a:pt x="598932" y="0"/>
                  </a:lnTo>
                  <a:close/>
                </a:path>
                <a:path w="969645" h="5080">
                  <a:moveTo>
                    <a:pt x="612648" y="0"/>
                  </a:moveTo>
                  <a:lnTo>
                    <a:pt x="603504" y="0"/>
                  </a:lnTo>
                  <a:lnTo>
                    <a:pt x="603504" y="4572"/>
                  </a:lnTo>
                  <a:lnTo>
                    <a:pt x="612648" y="4572"/>
                  </a:lnTo>
                  <a:lnTo>
                    <a:pt x="612648" y="0"/>
                  </a:lnTo>
                  <a:close/>
                </a:path>
                <a:path w="969645" h="5080">
                  <a:moveTo>
                    <a:pt x="626364" y="0"/>
                  </a:moveTo>
                  <a:lnTo>
                    <a:pt x="617220" y="0"/>
                  </a:lnTo>
                  <a:lnTo>
                    <a:pt x="617220" y="4572"/>
                  </a:lnTo>
                  <a:lnTo>
                    <a:pt x="626364" y="4572"/>
                  </a:lnTo>
                  <a:lnTo>
                    <a:pt x="626364" y="0"/>
                  </a:lnTo>
                  <a:close/>
                </a:path>
                <a:path w="969645" h="5080">
                  <a:moveTo>
                    <a:pt x="640080" y="0"/>
                  </a:moveTo>
                  <a:lnTo>
                    <a:pt x="630936" y="0"/>
                  </a:lnTo>
                  <a:lnTo>
                    <a:pt x="630936" y="4572"/>
                  </a:lnTo>
                  <a:lnTo>
                    <a:pt x="640080" y="4572"/>
                  </a:lnTo>
                  <a:lnTo>
                    <a:pt x="640080" y="0"/>
                  </a:lnTo>
                  <a:close/>
                </a:path>
                <a:path w="969645" h="5080">
                  <a:moveTo>
                    <a:pt x="653796" y="0"/>
                  </a:moveTo>
                  <a:lnTo>
                    <a:pt x="644652" y="0"/>
                  </a:lnTo>
                  <a:lnTo>
                    <a:pt x="644652" y="4572"/>
                  </a:lnTo>
                  <a:lnTo>
                    <a:pt x="653796" y="4572"/>
                  </a:lnTo>
                  <a:lnTo>
                    <a:pt x="653796" y="0"/>
                  </a:lnTo>
                  <a:close/>
                </a:path>
                <a:path w="969645" h="5080">
                  <a:moveTo>
                    <a:pt x="667512" y="0"/>
                  </a:moveTo>
                  <a:lnTo>
                    <a:pt x="658368" y="0"/>
                  </a:lnTo>
                  <a:lnTo>
                    <a:pt x="658368" y="4572"/>
                  </a:lnTo>
                  <a:lnTo>
                    <a:pt x="667512" y="4572"/>
                  </a:lnTo>
                  <a:lnTo>
                    <a:pt x="667512" y="0"/>
                  </a:lnTo>
                  <a:close/>
                </a:path>
                <a:path w="969645" h="5080">
                  <a:moveTo>
                    <a:pt x="681228" y="0"/>
                  </a:moveTo>
                  <a:lnTo>
                    <a:pt x="672084" y="0"/>
                  </a:lnTo>
                  <a:lnTo>
                    <a:pt x="672084" y="4572"/>
                  </a:lnTo>
                  <a:lnTo>
                    <a:pt x="681228" y="4572"/>
                  </a:lnTo>
                  <a:lnTo>
                    <a:pt x="681228" y="0"/>
                  </a:lnTo>
                  <a:close/>
                </a:path>
                <a:path w="969645" h="5080">
                  <a:moveTo>
                    <a:pt x="694944" y="0"/>
                  </a:moveTo>
                  <a:lnTo>
                    <a:pt x="685800" y="0"/>
                  </a:lnTo>
                  <a:lnTo>
                    <a:pt x="685800" y="4572"/>
                  </a:lnTo>
                  <a:lnTo>
                    <a:pt x="694944" y="4572"/>
                  </a:lnTo>
                  <a:lnTo>
                    <a:pt x="694944" y="0"/>
                  </a:lnTo>
                  <a:close/>
                </a:path>
                <a:path w="969645" h="5080">
                  <a:moveTo>
                    <a:pt x="708660" y="0"/>
                  </a:moveTo>
                  <a:lnTo>
                    <a:pt x="699516" y="0"/>
                  </a:lnTo>
                  <a:lnTo>
                    <a:pt x="699516" y="4572"/>
                  </a:lnTo>
                  <a:lnTo>
                    <a:pt x="708660" y="4572"/>
                  </a:lnTo>
                  <a:lnTo>
                    <a:pt x="708660" y="0"/>
                  </a:lnTo>
                  <a:close/>
                </a:path>
                <a:path w="969645" h="5080">
                  <a:moveTo>
                    <a:pt x="722376" y="0"/>
                  </a:moveTo>
                  <a:lnTo>
                    <a:pt x="713232" y="0"/>
                  </a:lnTo>
                  <a:lnTo>
                    <a:pt x="713232" y="4572"/>
                  </a:lnTo>
                  <a:lnTo>
                    <a:pt x="722376" y="4572"/>
                  </a:lnTo>
                  <a:lnTo>
                    <a:pt x="722376" y="0"/>
                  </a:lnTo>
                  <a:close/>
                </a:path>
                <a:path w="969645" h="5080">
                  <a:moveTo>
                    <a:pt x="736092" y="0"/>
                  </a:moveTo>
                  <a:lnTo>
                    <a:pt x="726948" y="0"/>
                  </a:lnTo>
                  <a:lnTo>
                    <a:pt x="726948" y="4572"/>
                  </a:lnTo>
                  <a:lnTo>
                    <a:pt x="736092" y="4572"/>
                  </a:lnTo>
                  <a:lnTo>
                    <a:pt x="736092" y="0"/>
                  </a:lnTo>
                  <a:close/>
                </a:path>
                <a:path w="969645" h="5080">
                  <a:moveTo>
                    <a:pt x="749808" y="0"/>
                  </a:moveTo>
                  <a:lnTo>
                    <a:pt x="740664" y="0"/>
                  </a:lnTo>
                  <a:lnTo>
                    <a:pt x="740664" y="4572"/>
                  </a:lnTo>
                  <a:lnTo>
                    <a:pt x="749808" y="4572"/>
                  </a:lnTo>
                  <a:lnTo>
                    <a:pt x="749808" y="0"/>
                  </a:lnTo>
                  <a:close/>
                </a:path>
                <a:path w="969645" h="5080">
                  <a:moveTo>
                    <a:pt x="763524" y="0"/>
                  </a:moveTo>
                  <a:lnTo>
                    <a:pt x="754380" y="0"/>
                  </a:lnTo>
                  <a:lnTo>
                    <a:pt x="754380" y="4572"/>
                  </a:lnTo>
                  <a:lnTo>
                    <a:pt x="763524" y="4572"/>
                  </a:lnTo>
                  <a:lnTo>
                    <a:pt x="763524" y="0"/>
                  </a:lnTo>
                  <a:close/>
                </a:path>
                <a:path w="969645" h="5080">
                  <a:moveTo>
                    <a:pt x="777240" y="0"/>
                  </a:moveTo>
                  <a:lnTo>
                    <a:pt x="768096" y="0"/>
                  </a:lnTo>
                  <a:lnTo>
                    <a:pt x="768096" y="4572"/>
                  </a:lnTo>
                  <a:lnTo>
                    <a:pt x="777240" y="4572"/>
                  </a:lnTo>
                  <a:lnTo>
                    <a:pt x="777240" y="0"/>
                  </a:lnTo>
                  <a:close/>
                </a:path>
                <a:path w="969645" h="5080">
                  <a:moveTo>
                    <a:pt x="790956" y="0"/>
                  </a:moveTo>
                  <a:lnTo>
                    <a:pt x="781812" y="0"/>
                  </a:lnTo>
                  <a:lnTo>
                    <a:pt x="781812" y="4572"/>
                  </a:lnTo>
                  <a:lnTo>
                    <a:pt x="790956" y="4572"/>
                  </a:lnTo>
                  <a:lnTo>
                    <a:pt x="790956" y="0"/>
                  </a:lnTo>
                  <a:close/>
                </a:path>
                <a:path w="969645" h="5080">
                  <a:moveTo>
                    <a:pt x="804672" y="0"/>
                  </a:moveTo>
                  <a:lnTo>
                    <a:pt x="795528" y="0"/>
                  </a:lnTo>
                  <a:lnTo>
                    <a:pt x="795528" y="4572"/>
                  </a:lnTo>
                  <a:lnTo>
                    <a:pt x="804672" y="4572"/>
                  </a:lnTo>
                  <a:lnTo>
                    <a:pt x="804672" y="0"/>
                  </a:lnTo>
                  <a:close/>
                </a:path>
                <a:path w="969645" h="5080">
                  <a:moveTo>
                    <a:pt x="818388" y="0"/>
                  </a:moveTo>
                  <a:lnTo>
                    <a:pt x="809244" y="0"/>
                  </a:lnTo>
                  <a:lnTo>
                    <a:pt x="809244" y="4572"/>
                  </a:lnTo>
                  <a:lnTo>
                    <a:pt x="818388" y="4572"/>
                  </a:lnTo>
                  <a:lnTo>
                    <a:pt x="818388" y="0"/>
                  </a:lnTo>
                  <a:close/>
                </a:path>
                <a:path w="969645" h="5080">
                  <a:moveTo>
                    <a:pt x="832104" y="0"/>
                  </a:moveTo>
                  <a:lnTo>
                    <a:pt x="822960" y="0"/>
                  </a:lnTo>
                  <a:lnTo>
                    <a:pt x="822960" y="4572"/>
                  </a:lnTo>
                  <a:lnTo>
                    <a:pt x="832104" y="4572"/>
                  </a:lnTo>
                  <a:lnTo>
                    <a:pt x="832104" y="0"/>
                  </a:lnTo>
                  <a:close/>
                </a:path>
                <a:path w="969645" h="5080">
                  <a:moveTo>
                    <a:pt x="845820" y="0"/>
                  </a:moveTo>
                  <a:lnTo>
                    <a:pt x="836676" y="0"/>
                  </a:lnTo>
                  <a:lnTo>
                    <a:pt x="836676" y="4572"/>
                  </a:lnTo>
                  <a:lnTo>
                    <a:pt x="845820" y="4572"/>
                  </a:lnTo>
                  <a:lnTo>
                    <a:pt x="845820" y="0"/>
                  </a:lnTo>
                  <a:close/>
                </a:path>
                <a:path w="969645" h="5080">
                  <a:moveTo>
                    <a:pt x="859536" y="0"/>
                  </a:moveTo>
                  <a:lnTo>
                    <a:pt x="850392" y="0"/>
                  </a:lnTo>
                  <a:lnTo>
                    <a:pt x="850392" y="4572"/>
                  </a:lnTo>
                  <a:lnTo>
                    <a:pt x="859536" y="4572"/>
                  </a:lnTo>
                  <a:lnTo>
                    <a:pt x="859536" y="0"/>
                  </a:lnTo>
                  <a:close/>
                </a:path>
                <a:path w="969645" h="5080">
                  <a:moveTo>
                    <a:pt x="873252" y="0"/>
                  </a:moveTo>
                  <a:lnTo>
                    <a:pt x="864108" y="0"/>
                  </a:lnTo>
                  <a:lnTo>
                    <a:pt x="864108" y="4572"/>
                  </a:lnTo>
                  <a:lnTo>
                    <a:pt x="873252" y="4572"/>
                  </a:lnTo>
                  <a:lnTo>
                    <a:pt x="873252" y="0"/>
                  </a:lnTo>
                  <a:close/>
                </a:path>
                <a:path w="969645" h="5080">
                  <a:moveTo>
                    <a:pt x="886968" y="0"/>
                  </a:moveTo>
                  <a:lnTo>
                    <a:pt x="877824" y="0"/>
                  </a:lnTo>
                  <a:lnTo>
                    <a:pt x="877824" y="4572"/>
                  </a:lnTo>
                  <a:lnTo>
                    <a:pt x="886968" y="4572"/>
                  </a:lnTo>
                  <a:lnTo>
                    <a:pt x="886968"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77" name="object 77"/>
            <p:cNvSpPr/>
            <p:nvPr/>
          </p:nvSpPr>
          <p:spPr>
            <a:xfrm>
              <a:off x="406908" y="2618231"/>
              <a:ext cx="9052560" cy="485140"/>
            </a:xfrm>
            <a:custGeom>
              <a:avLst/>
              <a:gdLst/>
              <a:ahLst/>
              <a:cxnLst/>
              <a:rect l="l" t="t" r="r" b="b"/>
              <a:pathLst>
                <a:path w="9052560" h="485139">
                  <a:moveTo>
                    <a:pt x="10668" y="0"/>
                  </a:moveTo>
                  <a:lnTo>
                    <a:pt x="0" y="0"/>
                  </a:lnTo>
                  <a:lnTo>
                    <a:pt x="0" y="4572"/>
                  </a:lnTo>
                  <a:lnTo>
                    <a:pt x="10668" y="4572"/>
                  </a:lnTo>
                  <a:lnTo>
                    <a:pt x="10668" y="0"/>
                  </a:lnTo>
                  <a:close/>
                </a:path>
                <a:path w="9052560" h="485139">
                  <a:moveTo>
                    <a:pt x="24384" y="0"/>
                  </a:moveTo>
                  <a:lnTo>
                    <a:pt x="13716" y="0"/>
                  </a:lnTo>
                  <a:lnTo>
                    <a:pt x="13716" y="4572"/>
                  </a:lnTo>
                  <a:lnTo>
                    <a:pt x="24384" y="4572"/>
                  </a:lnTo>
                  <a:lnTo>
                    <a:pt x="24384" y="0"/>
                  </a:lnTo>
                  <a:close/>
                </a:path>
                <a:path w="9052560" h="485139">
                  <a:moveTo>
                    <a:pt x="38100" y="0"/>
                  </a:moveTo>
                  <a:lnTo>
                    <a:pt x="27432" y="0"/>
                  </a:lnTo>
                  <a:lnTo>
                    <a:pt x="27432" y="4572"/>
                  </a:lnTo>
                  <a:lnTo>
                    <a:pt x="38100" y="4572"/>
                  </a:lnTo>
                  <a:lnTo>
                    <a:pt x="38100" y="0"/>
                  </a:lnTo>
                  <a:close/>
                </a:path>
                <a:path w="9052560" h="485139">
                  <a:moveTo>
                    <a:pt x="51816" y="0"/>
                  </a:moveTo>
                  <a:lnTo>
                    <a:pt x="41148" y="0"/>
                  </a:lnTo>
                  <a:lnTo>
                    <a:pt x="41148" y="4572"/>
                  </a:lnTo>
                  <a:lnTo>
                    <a:pt x="51816" y="4572"/>
                  </a:lnTo>
                  <a:lnTo>
                    <a:pt x="51816" y="0"/>
                  </a:lnTo>
                  <a:close/>
                </a:path>
                <a:path w="9052560" h="485139">
                  <a:moveTo>
                    <a:pt x="65532" y="0"/>
                  </a:moveTo>
                  <a:lnTo>
                    <a:pt x="54864" y="0"/>
                  </a:lnTo>
                  <a:lnTo>
                    <a:pt x="54864" y="4572"/>
                  </a:lnTo>
                  <a:lnTo>
                    <a:pt x="65532" y="4572"/>
                  </a:lnTo>
                  <a:lnTo>
                    <a:pt x="65532" y="0"/>
                  </a:lnTo>
                  <a:close/>
                </a:path>
                <a:path w="9052560" h="485139">
                  <a:moveTo>
                    <a:pt x="79248" y="0"/>
                  </a:moveTo>
                  <a:lnTo>
                    <a:pt x="68580" y="0"/>
                  </a:lnTo>
                  <a:lnTo>
                    <a:pt x="68580" y="4572"/>
                  </a:lnTo>
                  <a:lnTo>
                    <a:pt x="79248" y="4572"/>
                  </a:lnTo>
                  <a:lnTo>
                    <a:pt x="79248" y="0"/>
                  </a:lnTo>
                  <a:close/>
                </a:path>
                <a:path w="9052560" h="485139">
                  <a:moveTo>
                    <a:pt x="92964" y="0"/>
                  </a:moveTo>
                  <a:lnTo>
                    <a:pt x="82296" y="0"/>
                  </a:lnTo>
                  <a:lnTo>
                    <a:pt x="82296" y="4572"/>
                  </a:lnTo>
                  <a:lnTo>
                    <a:pt x="92964" y="4572"/>
                  </a:lnTo>
                  <a:lnTo>
                    <a:pt x="92964" y="0"/>
                  </a:lnTo>
                  <a:close/>
                </a:path>
                <a:path w="9052560" h="485139">
                  <a:moveTo>
                    <a:pt x="106680" y="0"/>
                  </a:moveTo>
                  <a:lnTo>
                    <a:pt x="96012" y="0"/>
                  </a:lnTo>
                  <a:lnTo>
                    <a:pt x="96012" y="4572"/>
                  </a:lnTo>
                  <a:lnTo>
                    <a:pt x="106680" y="4572"/>
                  </a:lnTo>
                  <a:lnTo>
                    <a:pt x="106680" y="0"/>
                  </a:lnTo>
                  <a:close/>
                </a:path>
                <a:path w="9052560" h="485139">
                  <a:moveTo>
                    <a:pt x="120396" y="0"/>
                  </a:moveTo>
                  <a:lnTo>
                    <a:pt x="109728" y="0"/>
                  </a:lnTo>
                  <a:lnTo>
                    <a:pt x="109728" y="4572"/>
                  </a:lnTo>
                  <a:lnTo>
                    <a:pt x="120396" y="4572"/>
                  </a:lnTo>
                  <a:lnTo>
                    <a:pt x="120396" y="0"/>
                  </a:lnTo>
                  <a:close/>
                </a:path>
                <a:path w="9052560" h="485139">
                  <a:moveTo>
                    <a:pt x="134112" y="0"/>
                  </a:moveTo>
                  <a:lnTo>
                    <a:pt x="123444" y="0"/>
                  </a:lnTo>
                  <a:lnTo>
                    <a:pt x="123444" y="4572"/>
                  </a:lnTo>
                  <a:lnTo>
                    <a:pt x="134112" y="4572"/>
                  </a:lnTo>
                  <a:lnTo>
                    <a:pt x="134112" y="0"/>
                  </a:lnTo>
                  <a:close/>
                </a:path>
                <a:path w="9052560" h="485139">
                  <a:moveTo>
                    <a:pt x="147828" y="0"/>
                  </a:moveTo>
                  <a:lnTo>
                    <a:pt x="137160" y="0"/>
                  </a:lnTo>
                  <a:lnTo>
                    <a:pt x="137160" y="4572"/>
                  </a:lnTo>
                  <a:lnTo>
                    <a:pt x="147828" y="4572"/>
                  </a:lnTo>
                  <a:lnTo>
                    <a:pt x="147828" y="0"/>
                  </a:lnTo>
                  <a:close/>
                </a:path>
                <a:path w="9052560" h="485139">
                  <a:moveTo>
                    <a:pt x="161544" y="0"/>
                  </a:moveTo>
                  <a:lnTo>
                    <a:pt x="150876" y="0"/>
                  </a:lnTo>
                  <a:lnTo>
                    <a:pt x="150876" y="4572"/>
                  </a:lnTo>
                  <a:lnTo>
                    <a:pt x="161544" y="4572"/>
                  </a:lnTo>
                  <a:lnTo>
                    <a:pt x="161544" y="0"/>
                  </a:lnTo>
                  <a:close/>
                </a:path>
                <a:path w="9052560" h="485139">
                  <a:moveTo>
                    <a:pt x="175260" y="0"/>
                  </a:moveTo>
                  <a:lnTo>
                    <a:pt x="164592" y="0"/>
                  </a:lnTo>
                  <a:lnTo>
                    <a:pt x="164592" y="4572"/>
                  </a:lnTo>
                  <a:lnTo>
                    <a:pt x="175260" y="4572"/>
                  </a:lnTo>
                  <a:lnTo>
                    <a:pt x="175260" y="0"/>
                  </a:lnTo>
                  <a:close/>
                </a:path>
                <a:path w="9052560" h="485139">
                  <a:moveTo>
                    <a:pt x="188976" y="0"/>
                  </a:moveTo>
                  <a:lnTo>
                    <a:pt x="178308" y="0"/>
                  </a:lnTo>
                  <a:lnTo>
                    <a:pt x="178308" y="4572"/>
                  </a:lnTo>
                  <a:lnTo>
                    <a:pt x="188976" y="4572"/>
                  </a:lnTo>
                  <a:lnTo>
                    <a:pt x="188976" y="0"/>
                  </a:lnTo>
                  <a:close/>
                </a:path>
                <a:path w="9052560" h="485139">
                  <a:moveTo>
                    <a:pt x="202692" y="0"/>
                  </a:moveTo>
                  <a:lnTo>
                    <a:pt x="192024" y="0"/>
                  </a:lnTo>
                  <a:lnTo>
                    <a:pt x="192024" y="4572"/>
                  </a:lnTo>
                  <a:lnTo>
                    <a:pt x="202692" y="4572"/>
                  </a:lnTo>
                  <a:lnTo>
                    <a:pt x="202692" y="0"/>
                  </a:lnTo>
                  <a:close/>
                </a:path>
                <a:path w="9052560" h="485139">
                  <a:moveTo>
                    <a:pt x="216408" y="0"/>
                  </a:moveTo>
                  <a:lnTo>
                    <a:pt x="205740" y="0"/>
                  </a:lnTo>
                  <a:lnTo>
                    <a:pt x="205740" y="4572"/>
                  </a:lnTo>
                  <a:lnTo>
                    <a:pt x="216408" y="4572"/>
                  </a:lnTo>
                  <a:lnTo>
                    <a:pt x="216408" y="0"/>
                  </a:lnTo>
                  <a:close/>
                </a:path>
                <a:path w="9052560" h="485139">
                  <a:moveTo>
                    <a:pt x="230124" y="0"/>
                  </a:moveTo>
                  <a:lnTo>
                    <a:pt x="219456" y="0"/>
                  </a:lnTo>
                  <a:lnTo>
                    <a:pt x="219456" y="4572"/>
                  </a:lnTo>
                  <a:lnTo>
                    <a:pt x="230124" y="4572"/>
                  </a:lnTo>
                  <a:lnTo>
                    <a:pt x="230124" y="0"/>
                  </a:lnTo>
                  <a:close/>
                </a:path>
                <a:path w="9052560" h="485139">
                  <a:moveTo>
                    <a:pt x="243840" y="0"/>
                  </a:moveTo>
                  <a:lnTo>
                    <a:pt x="233172" y="0"/>
                  </a:lnTo>
                  <a:lnTo>
                    <a:pt x="233172" y="4572"/>
                  </a:lnTo>
                  <a:lnTo>
                    <a:pt x="243840" y="4572"/>
                  </a:lnTo>
                  <a:lnTo>
                    <a:pt x="243840" y="0"/>
                  </a:lnTo>
                  <a:close/>
                </a:path>
                <a:path w="9052560" h="485139">
                  <a:moveTo>
                    <a:pt x="257556" y="0"/>
                  </a:moveTo>
                  <a:lnTo>
                    <a:pt x="246888" y="0"/>
                  </a:lnTo>
                  <a:lnTo>
                    <a:pt x="246888" y="4572"/>
                  </a:lnTo>
                  <a:lnTo>
                    <a:pt x="257556" y="4572"/>
                  </a:lnTo>
                  <a:lnTo>
                    <a:pt x="257556" y="0"/>
                  </a:lnTo>
                  <a:close/>
                </a:path>
                <a:path w="9052560" h="485139">
                  <a:moveTo>
                    <a:pt x="271272" y="0"/>
                  </a:moveTo>
                  <a:lnTo>
                    <a:pt x="260604" y="0"/>
                  </a:lnTo>
                  <a:lnTo>
                    <a:pt x="260604" y="4572"/>
                  </a:lnTo>
                  <a:lnTo>
                    <a:pt x="271272" y="4572"/>
                  </a:lnTo>
                  <a:lnTo>
                    <a:pt x="271272" y="0"/>
                  </a:lnTo>
                  <a:close/>
                </a:path>
                <a:path w="9052560" h="485139">
                  <a:moveTo>
                    <a:pt x="284988" y="0"/>
                  </a:moveTo>
                  <a:lnTo>
                    <a:pt x="274320" y="0"/>
                  </a:lnTo>
                  <a:lnTo>
                    <a:pt x="274320" y="4572"/>
                  </a:lnTo>
                  <a:lnTo>
                    <a:pt x="284988" y="4572"/>
                  </a:lnTo>
                  <a:lnTo>
                    <a:pt x="284988" y="0"/>
                  </a:lnTo>
                  <a:close/>
                </a:path>
                <a:path w="9052560" h="485139">
                  <a:moveTo>
                    <a:pt x="298704" y="0"/>
                  </a:moveTo>
                  <a:lnTo>
                    <a:pt x="288036" y="0"/>
                  </a:lnTo>
                  <a:lnTo>
                    <a:pt x="288036" y="4572"/>
                  </a:lnTo>
                  <a:lnTo>
                    <a:pt x="298704" y="4572"/>
                  </a:lnTo>
                  <a:lnTo>
                    <a:pt x="298704" y="0"/>
                  </a:lnTo>
                  <a:close/>
                </a:path>
                <a:path w="9052560" h="485139">
                  <a:moveTo>
                    <a:pt x="312420" y="0"/>
                  </a:moveTo>
                  <a:lnTo>
                    <a:pt x="301752" y="0"/>
                  </a:lnTo>
                  <a:lnTo>
                    <a:pt x="301752" y="4572"/>
                  </a:lnTo>
                  <a:lnTo>
                    <a:pt x="312420" y="4572"/>
                  </a:lnTo>
                  <a:lnTo>
                    <a:pt x="312420" y="0"/>
                  </a:lnTo>
                  <a:close/>
                </a:path>
                <a:path w="9052560" h="485139">
                  <a:moveTo>
                    <a:pt x="326136" y="0"/>
                  </a:moveTo>
                  <a:lnTo>
                    <a:pt x="315468" y="0"/>
                  </a:lnTo>
                  <a:lnTo>
                    <a:pt x="315468" y="4572"/>
                  </a:lnTo>
                  <a:lnTo>
                    <a:pt x="326136" y="4572"/>
                  </a:lnTo>
                  <a:lnTo>
                    <a:pt x="326136" y="0"/>
                  </a:lnTo>
                  <a:close/>
                </a:path>
                <a:path w="9052560" h="485139">
                  <a:moveTo>
                    <a:pt x="339852" y="0"/>
                  </a:moveTo>
                  <a:lnTo>
                    <a:pt x="329184" y="0"/>
                  </a:lnTo>
                  <a:lnTo>
                    <a:pt x="329184" y="4572"/>
                  </a:lnTo>
                  <a:lnTo>
                    <a:pt x="339852" y="4572"/>
                  </a:lnTo>
                  <a:lnTo>
                    <a:pt x="339852" y="0"/>
                  </a:lnTo>
                  <a:close/>
                </a:path>
                <a:path w="9052560" h="485139">
                  <a:moveTo>
                    <a:pt x="353568" y="0"/>
                  </a:moveTo>
                  <a:lnTo>
                    <a:pt x="342900" y="0"/>
                  </a:lnTo>
                  <a:lnTo>
                    <a:pt x="342900" y="4572"/>
                  </a:lnTo>
                  <a:lnTo>
                    <a:pt x="353568" y="4572"/>
                  </a:lnTo>
                  <a:lnTo>
                    <a:pt x="353568" y="0"/>
                  </a:lnTo>
                  <a:close/>
                </a:path>
                <a:path w="9052560" h="485139">
                  <a:moveTo>
                    <a:pt x="367284" y="0"/>
                  </a:moveTo>
                  <a:lnTo>
                    <a:pt x="356616" y="0"/>
                  </a:lnTo>
                  <a:lnTo>
                    <a:pt x="356616" y="4572"/>
                  </a:lnTo>
                  <a:lnTo>
                    <a:pt x="367284" y="4572"/>
                  </a:lnTo>
                  <a:lnTo>
                    <a:pt x="367284" y="0"/>
                  </a:lnTo>
                  <a:close/>
                </a:path>
                <a:path w="9052560" h="485139">
                  <a:moveTo>
                    <a:pt x="381000" y="0"/>
                  </a:moveTo>
                  <a:lnTo>
                    <a:pt x="370332" y="0"/>
                  </a:lnTo>
                  <a:lnTo>
                    <a:pt x="370332" y="4572"/>
                  </a:lnTo>
                  <a:lnTo>
                    <a:pt x="381000" y="4572"/>
                  </a:lnTo>
                  <a:lnTo>
                    <a:pt x="381000" y="0"/>
                  </a:lnTo>
                  <a:close/>
                </a:path>
                <a:path w="9052560" h="485139">
                  <a:moveTo>
                    <a:pt x="394716" y="0"/>
                  </a:moveTo>
                  <a:lnTo>
                    <a:pt x="384048" y="0"/>
                  </a:lnTo>
                  <a:lnTo>
                    <a:pt x="384048" y="4572"/>
                  </a:lnTo>
                  <a:lnTo>
                    <a:pt x="394716" y="4572"/>
                  </a:lnTo>
                  <a:lnTo>
                    <a:pt x="394716" y="0"/>
                  </a:lnTo>
                  <a:close/>
                </a:path>
                <a:path w="9052560" h="485139">
                  <a:moveTo>
                    <a:pt x="408432" y="0"/>
                  </a:moveTo>
                  <a:lnTo>
                    <a:pt x="397764" y="0"/>
                  </a:lnTo>
                  <a:lnTo>
                    <a:pt x="397764" y="4572"/>
                  </a:lnTo>
                  <a:lnTo>
                    <a:pt x="408432" y="4572"/>
                  </a:lnTo>
                  <a:lnTo>
                    <a:pt x="408432" y="0"/>
                  </a:lnTo>
                  <a:close/>
                </a:path>
                <a:path w="9052560" h="485139">
                  <a:moveTo>
                    <a:pt x="422148" y="0"/>
                  </a:moveTo>
                  <a:lnTo>
                    <a:pt x="411480" y="0"/>
                  </a:lnTo>
                  <a:lnTo>
                    <a:pt x="411480" y="4572"/>
                  </a:lnTo>
                  <a:lnTo>
                    <a:pt x="422148" y="4572"/>
                  </a:lnTo>
                  <a:lnTo>
                    <a:pt x="422148" y="0"/>
                  </a:lnTo>
                  <a:close/>
                </a:path>
                <a:path w="9052560" h="485139">
                  <a:moveTo>
                    <a:pt x="435864" y="0"/>
                  </a:moveTo>
                  <a:lnTo>
                    <a:pt x="425183" y="0"/>
                  </a:lnTo>
                  <a:lnTo>
                    <a:pt x="425183" y="4572"/>
                  </a:lnTo>
                  <a:lnTo>
                    <a:pt x="435864" y="4572"/>
                  </a:lnTo>
                  <a:lnTo>
                    <a:pt x="435864" y="0"/>
                  </a:lnTo>
                  <a:close/>
                </a:path>
                <a:path w="9052560" h="485139">
                  <a:moveTo>
                    <a:pt x="449580" y="0"/>
                  </a:moveTo>
                  <a:lnTo>
                    <a:pt x="438912" y="0"/>
                  </a:lnTo>
                  <a:lnTo>
                    <a:pt x="438912" y="4572"/>
                  </a:lnTo>
                  <a:lnTo>
                    <a:pt x="449580" y="4572"/>
                  </a:lnTo>
                  <a:lnTo>
                    <a:pt x="449580" y="0"/>
                  </a:lnTo>
                  <a:close/>
                </a:path>
                <a:path w="9052560" h="485139">
                  <a:moveTo>
                    <a:pt x="463296" y="0"/>
                  </a:moveTo>
                  <a:lnTo>
                    <a:pt x="452628" y="0"/>
                  </a:lnTo>
                  <a:lnTo>
                    <a:pt x="452628" y="4572"/>
                  </a:lnTo>
                  <a:lnTo>
                    <a:pt x="463296" y="4572"/>
                  </a:lnTo>
                  <a:lnTo>
                    <a:pt x="463296" y="0"/>
                  </a:lnTo>
                  <a:close/>
                </a:path>
                <a:path w="9052560" h="485139">
                  <a:moveTo>
                    <a:pt x="477012" y="0"/>
                  </a:moveTo>
                  <a:lnTo>
                    <a:pt x="466344" y="0"/>
                  </a:lnTo>
                  <a:lnTo>
                    <a:pt x="466344" y="4572"/>
                  </a:lnTo>
                  <a:lnTo>
                    <a:pt x="477012" y="4572"/>
                  </a:lnTo>
                  <a:lnTo>
                    <a:pt x="477012" y="0"/>
                  </a:lnTo>
                  <a:close/>
                </a:path>
                <a:path w="9052560" h="485139">
                  <a:moveTo>
                    <a:pt x="490728" y="0"/>
                  </a:moveTo>
                  <a:lnTo>
                    <a:pt x="480060" y="0"/>
                  </a:lnTo>
                  <a:lnTo>
                    <a:pt x="480060" y="4572"/>
                  </a:lnTo>
                  <a:lnTo>
                    <a:pt x="490728" y="4572"/>
                  </a:lnTo>
                  <a:lnTo>
                    <a:pt x="490728" y="0"/>
                  </a:lnTo>
                  <a:close/>
                </a:path>
                <a:path w="9052560" h="485139">
                  <a:moveTo>
                    <a:pt x="504444" y="0"/>
                  </a:moveTo>
                  <a:lnTo>
                    <a:pt x="493776" y="0"/>
                  </a:lnTo>
                  <a:lnTo>
                    <a:pt x="493776" y="4572"/>
                  </a:lnTo>
                  <a:lnTo>
                    <a:pt x="504444" y="4572"/>
                  </a:lnTo>
                  <a:lnTo>
                    <a:pt x="504444" y="0"/>
                  </a:lnTo>
                  <a:close/>
                </a:path>
                <a:path w="9052560" h="485139">
                  <a:moveTo>
                    <a:pt x="518160" y="0"/>
                  </a:moveTo>
                  <a:lnTo>
                    <a:pt x="507492" y="0"/>
                  </a:lnTo>
                  <a:lnTo>
                    <a:pt x="507492" y="4572"/>
                  </a:lnTo>
                  <a:lnTo>
                    <a:pt x="518160" y="4572"/>
                  </a:lnTo>
                  <a:lnTo>
                    <a:pt x="518160" y="0"/>
                  </a:lnTo>
                  <a:close/>
                </a:path>
                <a:path w="9052560" h="485139">
                  <a:moveTo>
                    <a:pt x="531876" y="0"/>
                  </a:moveTo>
                  <a:lnTo>
                    <a:pt x="521208" y="0"/>
                  </a:lnTo>
                  <a:lnTo>
                    <a:pt x="521208" y="4572"/>
                  </a:lnTo>
                  <a:lnTo>
                    <a:pt x="531876" y="4572"/>
                  </a:lnTo>
                  <a:lnTo>
                    <a:pt x="531876" y="0"/>
                  </a:lnTo>
                  <a:close/>
                </a:path>
                <a:path w="9052560" h="485139">
                  <a:moveTo>
                    <a:pt x="545592" y="0"/>
                  </a:moveTo>
                  <a:lnTo>
                    <a:pt x="534924" y="0"/>
                  </a:lnTo>
                  <a:lnTo>
                    <a:pt x="534924" y="4572"/>
                  </a:lnTo>
                  <a:lnTo>
                    <a:pt x="545592" y="4572"/>
                  </a:lnTo>
                  <a:lnTo>
                    <a:pt x="545592" y="0"/>
                  </a:lnTo>
                  <a:close/>
                </a:path>
                <a:path w="9052560" h="485139">
                  <a:moveTo>
                    <a:pt x="559308" y="0"/>
                  </a:moveTo>
                  <a:lnTo>
                    <a:pt x="548640" y="0"/>
                  </a:lnTo>
                  <a:lnTo>
                    <a:pt x="548640" y="4572"/>
                  </a:lnTo>
                  <a:lnTo>
                    <a:pt x="559308" y="4572"/>
                  </a:lnTo>
                  <a:lnTo>
                    <a:pt x="559308" y="0"/>
                  </a:lnTo>
                  <a:close/>
                </a:path>
                <a:path w="9052560" h="485139">
                  <a:moveTo>
                    <a:pt x="573024" y="0"/>
                  </a:moveTo>
                  <a:lnTo>
                    <a:pt x="562356" y="0"/>
                  </a:lnTo>
                  <a:lnTo>
                    <a:pt x="562356" y="4572"/>
                  </a:lnTo>
                  <a:lnTo>
                    <a:pt x="573024" y="4572"/>
                  </a:lnTo>
                  <a:lnTo>
                    <a:pt x="573024" y="0"/>
                  </a:lnTo>
                  <a:close/>
                </a:path>
                <a:path w="9052560" h="485139">
                  <a:moveTo>
                    <a:pt x="586740" y="0"/>
                  </a:moveTo>
                  <a:lnTo>
                    <a:pt x="576072" y="0"/>
                  </a:lnTo>
                  <a:lnTo>
                    <a:pt x="576072" y="4572"/>
                  </a:lnTo>
                  <a:lnTo>
                    <a:pt x="586740" y="4572"/>
                  </a:lnTo>
                  <a:lnTo>
                    <a:pt x="586740" y="0"/>
                  </a:lnTo>
                  <a:close/>
                </a:path>
                <a:path w="9052560" h="485139">
                  <a:moveTo>
                    <a:pt x="600456" y="0"/>
                  </a:moveTo>
                  <a:lnTo>
                    <a:pt x="589788" y="0"/>
                  </a:lnTo>
                  <a:lnTo>
                    <a:pt x="589788" y="4572"/>
                  </a:lnTo>
                  <a:lnTo>
                    <a:pt x="600456" y="4572"/>
                  </a:lnTo>
                  <a:lnTo>
                    <a:pt x="600456" y="0"/>
                  </a:lnTo>
                  <a:close/>
                </a:path>
                <a:path w="9052560" h="485139">
                  <a:moveTo>
                    <a:pt x="614172" y="0"/>
                  </a:moveTo>
                  <a:lnTo>
                    <a:pt x="603504" y="0"/>
                  </a:lnTo>
                  <a:lnTo>
                    <a:pt x="603504" y="4572"/>
                  </a:lnTo>
                  <a:lnTo>
                    <a:pt x="614172" y="4572"/>
                  </a:lnTo>
                  <a:lnTo>
                    <a:pt x="614172" y="0"/>
                  </a:lnTo>
                  <a:close/>
                </a:path>
                <a:path w="9052560" h="485139">
                  <a:moveTo>
                    <a:pt x="627888" y="0"/>
                  </a:moveTo>
                  <a:lnTo>
                    <a:pt x="617220" y="0"/>
                  </a:lnTo>
                  <a:lnTo>
                    <a:pt x="617220" y="4572"/>
                  </a:lnTo>
                  <a:lnTo>
                    <a:pt x="627888" y="4572"/>
                  </a:lnTo>
                  <a:lnTo>
                    <a:pt x="627888" y="0"/>
                  </a:lnTo>
                  <a:close/>
                </a:path>
                <a:path w="9052560" h="485139">
                  <a:moveTo>
                    <a:pt x="641604" y="0"/>
                  </a:moveTo>
                  <a:lnTo>
                    <a:pt x="630936" y="0"/>
                  </a:lnTo>
                  <a:lnTo>
                    <a:pt x="630936" y="4572"/>
                  </a:lnTo>
                  <a:lnTo>
                    <a:pt x="641604" y="4572"/>
                  </a:lnTo>
                  <a:lnTo>
                    <a:pt x="641604" y="0"/>
                  </a:lnTo>
                  <a:close/>
                </a:path>
                <a:path w="9052560" h="485139">
                  <a:moveTo>
                    <a:pt x="655320" y="0"/>
                  </a:moveTo>
                  <a:lnTo>
                    <a:pt x="644652" y="0"/>
                  </a:lnTo>
                  <a:lnTo>
                    <a:pt x="644652" y="4572"/>
                  </a:lnTo>
                  <a:lnTo>
                    <a:pt x="655320" y="4572"/>
                  </a:lnTo>
                  <a:lnTo>
                    <a:pt x="655320" y="0"/>
                  </a:lnTo>
                  <a:close/>
                </a:path>
                <a:path w="9052560" h="485139">
                  <a:moveTo>
                    <a:pt x="669036" y="0"/>
                  </a:moveTo>
                  <a:lnTo>
                    <a:pt x="658368" y="0"/>
                  </a:lnTo>
                  <a:lnTo>
                    <a:pt x="658368" y="4572"/>
                  </a:lnTo>
                  <a:lnTo>
                    <a:pt x="669036" y="4572"/>
                  </a:lnTo>
                  <a:lnTo>
                    <a:pt x="669036" y="0"/>
                  </a:lnTo>
                  <a:close/>
                </a:path>
                <a:path w="9052560" h="485139">
                  <a:moveTo>
                    <a:pt x="682752" y="0"/>
                  </a:moveTo>
                  <a:lnTo>
                    <a:pt x="672084" y="0"/>
                  </a:lnTo>
                  <a:lnTo>
                    <a:pt x="672084" y="4572"/>
                  </a:lnTo>
                  <a:lnTo>
                    <a:pt x="682752" y="4572"/>
                  </a:lnTo>
                  <a:lnTo>
                    <a:pt x="682752" y="0"/>
                  </a:lnTo>
                  <a:close/>
                </a:path>
                <a:path w="9052560" h="485139">
                  <a:moveTo>
                    <a:pt x="696468" y="0"/>
                  </a:moveTo>
                  <a:lnTo>
                    <a:pt x="685800" y="0"/>
                  </a:lnTo>
                  <a:lnTo>
                    <a:pt x="685800" y="4572"/>
                  </a:lnTo>
                  <a:lnTo>
                    <a:pt x="696468" y="4572"/>
                  </a:lnTo>
                  <a:lnTo>
                    <a:pt x="696468" y="0"/>
                  </a:lnTo>
                  <a:close/>
                </a:path>
                <a:path w="9052560" h="485139">
                  <a:moveTo>
                    <a:pt x="710184" y="0"/>
                  </a:moveTo>
                  <a:lnTo>
                    <a:pt x="699516" y="0"/>
                  </a:lnTo>
                  <a:lnTo>
                    <a:pt x="699516" y="4572"/>
                  </a:lnTo>
                  <a:lnTo>
                    <a:pt x="710184" y="4572"/>
                  </a:lnTo>
                  <a:lnTo>
                    <a:pt x="710184" y="0"/>
                  </a:lnTo>
                  <a:close/>
                </a:path>
                <a:path w="9052560" h="485139">
                  <a:moveTo>
                    <a:pt x="723900" y="0"/>
                  </a:moveTo>
                  <a:lnTo>
                    <a:pt x="713232" y="0"/>
                  </a:lnTo>
                  <a:lnTo>
                    <a:pt x="713232" y="4572"/>
                  </a:lnTo>
                  <a:lnTo>
                    <a:pt x="723900" y="4572"/>
                  </a:lnTo>
                  <a:lnTo>
                    <a:pt x="723900" y="0"/>
                  </a:lnTo>
                  <a:close/>
                </a:path>
                <a:path w="9052560" h="485139">
                  <a:moveTo>
                    <a:pt x="737616" y="0"/>
                  </a:moveTo>
                  <a:lnTo>
                    <a:pt x="726948" y="0"/>
                  </a:lnTo>
                  <a:lnTo>
                    <a:pt x="726948" y="4572"/>
                  </a:lnTo>
                  <a:lnTo>
                    <a:pt x="737616" y="4572"/>
                  </a:lnTo>
                  <a:lnTo>
                    <a:pt x="737616" y="0"/>
                  </a:lnTo>
                  <a:close/>
                </a:path>
                <a:path w="9052560" h="485139">
                  <a:moveTo>
                    <a:pt x="751332" y="0"/>
                  </a:moveTo>
                  <a:lnTo>
                    <a:pt x="740664" y="0"/>
                  </a:lnTo>
                  <a:lnTo>
                    <a:pt x="740664" y="4572"/>
                  </a:lnTo>
                  <a:lnTo>
                    <a:pt x="751332" y="4572"/>
                  </a:lnTo>
                  <a:lnTo>
                    <a:pt x="751332" y="0"/>
                  </a:lnTo>
                  <a:close/>
                </a:path>
                <a:path w="9052560" h="485139">
                  <a:moveTo>
                    <a:pt x="765048" y="0"/>
                  </a:moveTo>
                  <a:lnTo>
                    <a:pt x="754380" y="0"/>
                  </a:lnTo>
                  <a:lnTo>
                    <a:pt x="754380" y="4572"/>
                  </a:lnTo>
                  <a:lnTo>
                    <a:pt x="765048" y="4572"/>
                  </a:lnTo>
                  <a:lnTo>
                    <a:pt x="765048" y="0"/>
                  </a:lnTo>
                  <a:close/>
                </a:path>
                <a:path w="9052560" h="485139">
                  <a:moveTo>
                    <a:pt x="778764" y="0"/>
                  </a:moveTo>
                  <a:lnTo>
                    <a:pt x="768096" y="0"/>
                  </a:lnTo>
                  <a:lnTo>
                    <a:pt x="768096" y="4572"/>
                  </a:lnTo>
                  <a:lnTo>
                    <a:pt x="778764" y="4572"/>
                  </a:lnTo>
                  <a:lnTo>
                    <a:pt x="778764" y="0"/>
                  </a:lnTo>
                  <a:close/>
                </a:path>
                <a:path w="9052560" h="485139">
                  <a:moveTo>
                    <a:pt x="792480" y="0"/>
                  </a:moveTo>
                  <a:lnTo>
                    <a:pt x="781812" y="0"/>
                  </a:lnTo>
                  <a:lnTo>
                    <a:pt x="781812" y="4572"/>
                  </a:lnTo>
                  <a:lnTo>
                    <a:pt x="792480" y="4572"/>
                  </a:lnTo>
                  <a:lnTo>
                    <a:pt x="792480" y="0"/>
                  </a:lnTo>
                  <a:close/>
                </a:path>
                <a:path w="9052560" h="485139">
                  <a:moveTo>
                    <a:pt x="806196" y="0"/>
                  </a:moveTo>
                  <a:lnTo>
                    <a:pt x="795528" y="0"/>
                  </a:lnTo>
                  <a:lnTo>
                    <a:pt x="795528" y="4572"/>
                  </a:lnTo>
                  <a:lnTo>
                    <a:pt x="806196" y="4572"/>
                  </a:lnTo>
                  <a:lnTo>
                    <a:pt x="806196" y="0"/>
                  </a:lnTo>
                  <a:close/>
                </a:path>
                <a:path w="9052560" h="485139">
                  <a:moveTo>
                    <a:pt x="819912" y="0"/>
                  </a:moveTo>
                  <a:lnTo>
                    <a:pt x="809244" y="0"/>
                  </a:lnTo>
                  <a:lnTo>
                    <a:pt x="809244" y="4572"/>
                  </a:lnTo>
                  <a:lnTo>
                    <a:pt x="819912" y="4572"/>
                  </a:lnTo>
                  <a:lnTo>
                    <a:pt x="819912" y="0"/>
                  </a:lnTo>
                  <a:close/>
                </a:path>
                <a:path w="9052560" h="485139">
                  <a:moveTo>
                    <a:pt x="833628" y="0"/>
                  </a:moveTo>
                  <a:lnTo>
                    <a:pt x="822960" y="0"/>
                  </a:lnTo>
                  <a:lnTo>
                    <a:pt x="822960" y="4572"/>
                  </a:lnTo>
                  <a:lnTo>
                    <a:pt x="833628" y="4572"/>
                  </a:lnTo>
                  <a:lnTo>
                    <a:pt x="833628" y="0"/>
                  </a:lnTo>
                  <a:close/>
                </a:path>
                <a:path w="9052560" h="485139">
                  <a:moveTo>
                    <a:pt x="847344" y="0"/>
                  </a:moveTo>
                  <a:lnTo>
                    <a:pt x="836676" y="0"/>
                  </a:lnTo>
                  <a:lnTo>
                    <a:pt x="836676" y="4572"/>
                  </a:lnTo>
                  <a:lnTo>
                    <a:pt x="847344" y="4572"/>
                  </a:lnTo>
                  <a:lnTo>
                    <a:pt x="847344" y="0"/>
                  </a:lnTo>
                  <a:close/>
                </a:path>
                <a:path w="9052560" h="485139">
                  <a:moveTo>
                    <a:pt x="861060" y="0"/>
                  </a:moveTo>
                  <a:lnTo>
                    <a:pt x="850392" y="0"/>
                  </a:lnTo>
                  <a:lnTo>
                    <a:pt x="850392" y="4572"/>
                  </a:lnTo>
                  <a:lnTo>
                    <a:pt x="861060" y="4572"/>
                  </a:lnTo>
                  <a:lnTo>
                    <a:pt x="861060" y="0"/>
                  </a:lnTo>
                  <a:close/>
                </a:path>
                <a:path w="9052560" h="485139">
                  <a:moveTo>
                    <a:pt x="874776" y="0"/>
                  </a:moveTo>
                  <a:lnTo>
                    <a:pt x="864108" y="0"/>
                  </a:lnTo>
                  <a:lnTo>
                    <a:pt x="864108" y="4572"/>
                  </a:lnTo>
                  <a:lnTo>
                    <a:pt x="874776" y="4572"/>
                  </a:lnTo>
                  <a:lnTo>
                    <a:pt x="874776" y="0"/>
                  </a:lnTo>
                  <a:close/>
                </a:path>
                <a:path w="9052560" h="485139">
                  <a:moveTo>
                    <a:pt x="8974836" y="480060"/>
                  </a:moveTo>
                  <a:lnTo>
                    <a:pt x="8965692" y="480060"/>
                  </a:lnTo>
                  <a:lnTo>
                    <a:pt x="8965692" y="484632"/>
                  </a:lnTo>
                  <a:lnTo>
                    <a:pt x="8974836" y="484632"/>
                  </a:lnTo>
                  <a:lnTo>
                    <a:pt x="8974836" y="480060"/>
                  </a:lnTo>
                  <a:close/>
                </a:path>
                <a:path w="9052560" h="485139">
                  <a:moveTo>
                    <a:pt x="8988552" y="480060"/>
                  </a:moveTo>
                  <a:lnTo>
                    <a:pt x="8979408" y="480060"/>
                  </a:lnTo>
                  <a:lnTo>
                    <a:pt x="8979408" y="484632"/>
                  </a:lnTo>
                  <a:lnTo>
                    <a:pt x="8988552" y="484632"/>
                  </a:lnTo>
                  <a:lnTo>
                    <a:pt x="8988552" y="480060"/>
                  </a:lnTo>
                  <a:close/>
                </a:path>
                <a:path w="9052560" h="485139">
                  <a:moveTo>
                    <a:pt x="9002268" y="480060"/>
                  </a:moveTo>
                  <a:lnTo>
                    <a:pt x="8993124" y="480060"/>
                  </a:lnTo>
                  <a:lnTo>
                    <a:pt x="8993124" y="484632"/>
                  </a:lnTo>
                  <a:lnTo>
                    <a:pt x="9002268" y="484632"/>
                  </a:lnTo>
                  <a:lnTo>
                    <a:pt x="9002268" y="480060"/>
                  </a:lnTo>
                  <a:close/>
                </a:path>
                <a:path w="9052560" h="485139">
                  <a:moveTo>
                    <a:pt x="9015984" y="480060"/>
                  </a:moveTo>
                  <a:lnTo>
                    <a:pt x="9006840" y="480060"/>
                  </a:lnTo>
                  <a:lnTo>
                    <a:pt x="9006840" y="484632"/>
                  </a:lnTo>
                  <a:lnTo>
                    <a:pt x="9015984" y="484632"/>
                  </a:lnTo>
                  <a:lnTo>
                    <a:pt x="9015984" y="480060"/>
                  </a:lnTo>
                  <a:close/>
                </a:path>
                <a:path w="9052560" h="485139">
                  <a:moveTo>
                    <a:pt x="9029700" y="480060"/>
                  </a:moveTo>
                  <a:lnTo>
                    <a:pt x="9020556" y="480060"/>
                  </a:lnTo>
                  <a:lnTo>
                    <a:pt x="9020556" y="484632"/>
                  </a:lnTo>
                  <a:lnTo>
                    <a:pt x="9029700" y="484632"/>
                  </a:lnTo>
                  <a:lnTo>
                    <a:pt x="9029700" y="480060"/>
                  </a:lnTo>
                  <a:close/>
                </a:path>
                <a:path w="9052560" h="485139">
                  <a:moveTo>
                    <a:pt x="9043416" y="480060"/>
                  </a:moveTo>
                  <a:lnTo>
                    <a:pt x="9034272" y="480060"/>
                  </a:lnTo>
                  <a:lnTo>
                    <a:pt x="9034272" y="484632"/>
                  </a:lnTo>
                  <a:lnTo>
                    <a:pt x="9043416" y="484632"/>
                  </a:lnTo>
                  <a:lnTo>
                    <a:pt x="9043416" y="480060"/>
                  </a:lnTo>
                  <a:close/>
                </a:path>
                <a:path w="9052560" h="485139">
                  <a:moveTo>
                    <a:pt x="9052560" y="480060"/>
                  </a:moveTo>
                  <a:lnTo>
                    <a:pt x="9047988" y="480060"/>
                  </a:lnTo>
                  <a:lnTo>
                    <a:pt x="9047988" y="484632"/>
                  </a:lnTo>
                  <a:lnTo>
                    <a:pt x="9052560" y="484632"/>
                  </a:lnTo>
                  <a:lnTo>
                    <a:pt x="9052560" y="480060"/>
                  </a:lnTo>
                  <a:close/>
                </a:path>
              </a:pathLst>
            </a:custGeom>
            <a:solidFill>
              <a:srgbClr val="000000"/>
            </a:solidFill>
          </p:spPr>
          <p:txBody>
            <a:bodyPr wrap="square" lIns="0" tIns="0" rIns="0" bIns="0" rtlCol="0"/>
            <a:lstStyle/>
            <a:p>
              <a:endParaRPr sz="1539"/>
            </a:p>
          </p:txBody>
        </p:sp>
        <p:sp>
          <p:nvSpPr>
            <p:cNvPr id="78" name="object 78"/>
            <p:cNvSpPr/>
            <p:nvPr/>
          </p:nvSpPr>
          <p:spPr>
            <a:xfrm>
              <a:off x="1271016" y="2618231"/>
              <a:ext cx="969644" cy="5080"/>
            </a:xfrm>
            <a:custGeom>
              <a:avLst/>
              <a:gdLst/>
              <a:ahLst/>
              <a:cxnLst/>
              <a:rect l="l" t="t" r="r" b="b"/>
              <a:pathLst>
                <a:path w="969644" h="5080">
                  <a:moveTo>
                    <a:pt x="10668" y="0"/>
                  </a:moveTo>
                  <a:lnTo>
                    <a:pt x="0" y="0"/>
                  </a:lnTo>
                  <a:lnTo>
                    <a:pt x="0" y="4572"/>
                  </a:lnTo>
                  <a:lnTo>
                    <a:pt x="10668" y="4572"/>
                  </a:lnTo>
                  <a:lnTo>
                    <a:pt x="10668" y="0"/>
                  </a:lnTo>
                  <a:close/>
                </a:path>
                <a:path w="969644" h="5080">
                  <a:moveTo>
                    <a:pt x="24384" y="0"/>
                  </a:moveTo>
                  <a:lnTo>
                    <a:pt x="13716" y="0"/>
                  </a:lnTo>
                  <a:lnTo>
                    <a:pt x="13716" y="4572"/>
                  </a:lnTo>
                  <a:lnTo>
                    <a:pt x="24384" y="4572"/>
                  </a:lnTo>
                  <a:lnTo>
                    <a:pt x="24384" y="0"/>
                  </a:lnTo>
                  <a:close/>
                </a:path>
                <a:path w="969644" h="5080">
                  <a:moveTo>
                    <a:pt x="38100" y="0"/>
                  </a:moveTo>
                  <a:lnTo>
                    <a:pt x="27432" y="0"/>
                  </a:lnTo>
                  <a:lnTo>
                    <a:pt x="27432" y="4572"/>
                  </a:lnTo>
                  <a:lnTo>
                    <a:pt x="38100" y="4572"/>
                  </a:lnTo>
                  <a:lnTo>
                    <a:pt x="38100" y="0"/>
                  </a:lnTo>
                  <a:close/>
                </a:path>
                <a:path w="969644" h="5080">
                  <a:moveTo>
                    <a:pt x="51816" y="0"/>
                  </a:moveTo>
                  <a:lnTo>
                    <a:pt x="41148" y="0"/>
                  </a:lnTo>
                  <a:lnTo>
                    <a:pt x="41148" y="4572"/>
                  </a:lnTo>
                  <a:lnTo>
                    <a:pt x="51816" y="4572"/>
                  </a:lnTo>
                  <a:lnTo>
                    <a:pt x="51816" y="0"/>
                  </a:lnTo>
                  <a:close/>
                </a:path>
                <a:path w="969644" h="5080">
                  <a:moveTo>
                    <a:pt x="65532" y="0"/>
                  </a:moveTo>
                  <a:lnTo>
                    <a:pt x="54864" y="0"/>
                  </a:lnTo>
                  <a:lnTo>
                    <a:pt x="54864" y="4572"/>
                  </a:lnTo>
                  <a:lnTo>
                    <a:pt x="65532" y="4572"/>
                  </a:lnTo>
                  <a:lnTo>
                    <a:pt x="65532" y="0"/>
                  </a:lnTo>
                  <a:close/>
                </a:path>
                <a:path w="969644" h="5080">
                  <a:moveTo>
                    <a:pt x="79248" y="0"/>
                  </a:moveTo>
                  <a:lnTo>
                    <a:pt x="68580" y="0"/>
                  </a:lnTo>
                  <a:lnTo>
                    <a:pt x="68580" y="4572"/>
                  </a:lnTo>
                  <a:lnTo>
                    <a:pt x="79248" y="4572"/>
                  </a:lnTo>
                  <a:lnTo>
                    <a:pt x="79248" y="0"/>
                  </a:lnTo>
                  <a:close/>
                </a:path>
                <a:path w="969644" h="5080">
                  <a:moveTo>
                    <a:pt x="92964" y="0"/>
                  </a:moveTo>
                  <a:lnTo>
                    <a:pt x="82296" y="0"/>
                  </a:lnTo>
                  <a:lnTo>
                    <a:pt x="82296" y="4572"/>
                  </a:lnTo>
                  <a:lnTo>
                    <a:pt x="92964" y="4572"/>
                  </a:lnTo>
                  <a:lnTo>
                    <a:pt x="92964" y="0"/>
                  </a:lnTo>
                  <a:close/>
                </a:path>
                <a:path w="969644" h="5080">
                  <a:moveTo>
                    <a:pt x="106680" y="0"/>
                  </a:moveTo>
                  <a:lnTo>
                    <a:pt x="96012" y="0"/>
                  </a:lnTo>
                  <a:lnTo>
                    <a:pt x="96012" y="4572"/>
                  </a:lnTo>
                  <a:lnTo>
                    <a:pt x="106680" y="4572"/>
                  </a:lnTo>
                  <a:lnTo>
                    <a:pt x="106680" y="0"/>
                  </a:lnTo>
                  <a:close/>
                </a:path>
                <a:path w="969644" h="5080">
                  <a:moveTo>
                    <a:pt x="120396" y="0"/>
                  </a:moveTo>
                  <a:lnTo>
                    <a:pt x="109728" y="0"/>
                  </a:lnTo>
                  <a:lnTo>
                    <a:pt x="109728" y="4572"/>
                  </a:lnTo>
                  <a:lnTo>
                    <a:pt x="120396" y="4572"/>
                  </a:lnTo>
                  <a:lnTo>
                    <a:pt x="120396" y="0"/>
                  </a:lnTo>
                  <a:close/>
                </a:path>
                <a:path w="969644" h="5080">
                  <a:moveTo>
                    <a:pt x="134112" y="0"/>
                  </a:moveTo>
                  <a:lnTo>
                    <a:pt x="123444" y="0"/>
                  </a:lnTo>
                  <a:lnTo>
                    <a:pt x="123444" y="4572"/>
                  </a:lnTo>
                  <a:lnTo>
                    <a:pt x="134112" y="4572"/>
                  </a:lnTo>
                  <a:lnTo>
                    <a:pt x="134112" y="0"/>
                  </a:lnTo>
                  <a:close/>
                </a:path>
                <a:path w="969644" h="5080">
                  <a:moveTo>
                    <a:pt x="147828" y="0"/>
                  </a:moveTo>
                  <a:lnTo>
                    <a:pt x="137160" y="0"/>
                  </a:lnTo>
                  <a:lnTo>
                    <a:pt x="137160" y="4572"/>
                  </a:lnTo>
                  <a:lnTo>
                    <a:pt x="147828" y="4572"/>
                  </a:lnTo>
                  <a:lnTo>
                    <a:pt x="147828" y="0"/>
                  </a:lnTo>
                  <a:close/>
                </a:path>
                <a:path w="969644" h="5080">
                  <a:moveTo>
                    <a:pt x="161544" y="0"/>
                  </a:moveTo>
                  <a:lnTo>
                    <a:pt x="150876" y="0"/>
                  </a:lnTo>
                  <a:lnTo>
                    <a:pt x="150876" y="4572"/>
                  </a:lnTo>
                  <a:lnTo>
                    <a:pt x="161544" y="4572"/>
                  </a:lnTo>
                  <a:lnTo>
                    <a:pt x="161544" y="0"/>
                  </a:lnTo>
                  <a:close/>
                </a:path>
                <a:path w="969644" h="5080">
                  <a:moveTo>
                    <a:pt x="175260" y="0"/>
                  </a:moveTo>
                  <a:lnTo>
                    <a:pt x="164592" y="0"/>
                  </a:lnTo>
                  <a:lnTo>
                    <a:pt x="164592" y="4572"/>
                  </a:lnTo>
                  <a:lnTo>
                    <a:pt x="175260" y="4572"/>
                  </a:lnTo>
                  <a:lnTo>
                    <a:pt x="175260" y="0"/>
                  </a:lnTo>
                  <a:close/>
                </a:path>
                <a:path w="969644" h="5080">
                  <a:moveTo>
                    <a:pt x="188976" y="0"/>
                  </a:moveTo>
                  <a:lnTo>
                    <a:pt x="178308" y="0"/>
                  </a:lnTo>
                  <a:lnTo>
                    <a:pt x="178308" y="4572"/>
                  </a:lnTo>
                  <a:lnTo>
                    <a:pt x="188976" y="4572"/>
                  </a:lnTo>
                  <a:lnTo>
                    <a:pt x="188976" y="0"/>
                  </a:lnTo>
                  <a:close/>
                </a:path>
                <a:path w="969644" h="5080">
                  <a:moveTo>
                    <a:pt x="202692" y="0"/>
                  </a:moveTo>
                  <a:lnTo>
                    <a:pt x="192024" y="0"/>
                  </a:lnTo>
                  <a:lnTo>
                    <a:pt x="192024" y="4572"/>
                  </a:lnTo>
                  <a:lnTo>
                    <a:pt x="202692" y="4572"/>
                  </a:lnTo>
                  <a:lnTo>
                    <a:pt x="202692" y="0"/>
                  </a:lnTo>
                  <a:close/>
                </a:path>
                <a:path w="969644" h="5080">
                  <a:moveTo>
                    <a:pt x="216408" y="0"/>
                  </a:moveTo>
                  <a:lnTo>
                    <a:pt x="205740" y="0"/>
                  </a:lnTo>
                  <a:lnTo>
                    <a:pt x="205740" y="4572"/>
                  </a:lnTo>
                  <a:lnTo>
                    <a:pt x="216408" y="4572"/>
                  </a:lnTo>
                  <a:lnTo>
                    <a:pt x="216408" y="0"/>
                  </a:lnTo>
                  <a:close/>
                </a:path>
                <a:path w="969644" h="5080">
                  <a:moveTo>
                    <a:pt x="230124" y="0"/>
                  </a:moveTo>
                  <a:lnTo>
                    <a:pt x="219456" y="0"/>
                  </a:lnTo>
                  <a:lnTo>
                    <a:pt x="219456" y="4572"/>
                  </a:lnTo>
                  <a:lnTo>
                    <a:pt x="230124" y="4572"/>
                  </a:lnTo>
                  <a:lnTo>
                    <a:pt x="230124" y="0"/>
                  </a:lnTo>
                  <a:close/>
                </a:path>
                <a:path w="969644" h="5080">
                  <a:moveTo>
                    <a:pt x="243840" y="0"/>
                  </a:moveTo>
                  <a:lnTo>
                    <a:pt x="233172" y="0"/>
                  </a:lnTo>
                  <a:lnTo>
                    <a:pt x="233172" y="4572"/>
                  </a:lnTo>
                  <a:lnTo>
                    <a:pt x="243840" y="4572"/>
                  </a:lnTo>
                  <a:lnTo>
                    <a:pt x="243840" y="0"/>
                  </a:lnTo>
                  <a:close/>
                </a:path>
                <a:path w="969644" h="5080">
                  <a:moveTo>
                    <a:pt x="257556" y="0"/>
                  </a:moveTo>
                  <a:lnTo>
                    <a:pt x="246888" y="0"/>
                  </a:lnTo>
                  <a:lnTo>
                    <a:pt x="246888" y="4572"/>
                  </a:lnTo>
                  <a:lnTo>
                    <a:pt x="257556" y="4572"/>
                  </a:lnTo>
                  <a:lnTo>
                    <a:pt x="257556" y="0"/>
                  </a:lnTo>
                  <a:close/>
                </a:path>
                <a:path w="969644" h="5080">
                  <a:moveTo>
                    <a:pt x="269748" y="0"/>
                  </a:moveTo>
                  <a:lnTo>
                    <a:pt x="260604" y="0"/>
                  </a:lnTo>
                  <a:lnTo>
                    <a:pt x="260604" y="4572"/>
                  </a:lnTo>
                  <a:lnTo>
                    <a:pt x="269748" y="4572"/>
                  </a:lnTo>
                  <a:lnTo>
                    <a:pt x="269748" y="0"/>
                  </a:lnTo>
                  <a:close/>
                </a:path>
                <a:path w="969644" h="5080">
                  <a:moveTo>
                    <a:pt x="283464" y="0"/>
                  </a:moveTo>
                  <a:lnTo>
                    <a:pt x="274320" y="0"/>
                  </a:lnTo>
                  <a:lnTo>
                    <a:pt x="274320" y="4572"/>
                  </a:lnTo>
                  <a:lnTo>
                    <a:pt x="283464" y="4572"/>
                  </a:lnTo>
                  <a:lnTo>
                    <a:pt x="283464" y="0"/>
                  </a:lnTo>
                  <a:close/>
                </a:path>
                <a:path w="969644" h="5080">
                  <a:moveTo>
                    <a:pt x="297180" y="0"/>
                  </a:moveTo>
                  <a:lnTo>
                    <a:pt x="288036" y="0"/>
                  </a:lnTo>
                  <a:lnTo>
                    <a:pt x="288036" y="4572"/>
                  </a:lnTo>
                  <a:lnTo>
                    <a:pt x="297180" y="4572"/>
                  </a:lnTo>
                  <a:lnTo>
                    <a:pt x="297180" y="0"/>
                  </a:lnTo>
                  <a:close/>
                </a:path>
                <a:path w="969644" h="5080">
                  <a:moveTo>
                    <a:pt x="310896" y="0"/>
                  </a:moveTo>
                  <a:lnTo>
                    <a:pt x="301752" y="0"/>
                  </a:lnTo>
                  <a:lnTo>
                    <a:pt x="301752" y="4572"/>
                  </a:lnTo>
                  <a:lnTo>
                    <a:pt x="310896" y="4572"/>
                  </a:lnTo>
                  <a:lnTo>
                    <a:pt x="310896" y="0"/>
                  </a:lnTo>
                  <a:close/>
                </a:path>
                <a:path w="969644" h="5080">
                  <a:moveTo>
                    <a:pt x="324612" y="0"/>
                  </a:moveTo>
                  <a:lnTo>
                    <a:pt x="315468" y="0"/>
                  </a:lnTo>
                  <a:lnTo>
                    <a:pt x="315468" y="4572"/>
                  </a:lnTo>
                  <a:lnTo>
                    <a:pt x="324612" y="4572"/>
                  </a:lnTo>
                  <a:lnTo>
                    <a:pt x="324612" y="0"/>
                  </a:lnTo>
                  <a:close/>
                </a:path>
                <a:path w="969644" h="5080">
                  <a:moveTo>
                    <a:pt x="338328" y="0"/>
                  </a:moveTo>
                  <a:lnTo>
                    <a:pt x="329184" y="0"/>
                  </a:lnTo>
                  <a:lnTo>
                    <a:pt x="329184" y="4572"/>
                  </a:lnTo>
                  <a:lnTo>
                    <a:pt x="338328" y="4572"/>
                  </a:lnTo>
                  <a:lnTo>
                    <a:pt x="338328" y="0"/>
                  </a:lnTo>
                  <a:close/>
                </a:path>
                <a:path w="969644" h="5080">
                  <a:moveTo>
                    <a:pt x="352044" y="0"/>
                  </a:moveTo>
                  <a:lnTo>
                    <a:pt x="342900" y="0"/>
                  </a:lnTo>
                  <a:lnTo>
                    <a:pt x="342900" y="4572"/>
                  </a:lnTo>
                  <a:lnTo>
                    <a:pt x="352044" y="4572"/>
                  </a:lnTo>
                  <a:lnTo>
                    <a:pt x="352044" y="0"/>
                  </a:lnTo>
                  <a:close/>
                </a:path>
                <a:path w="969644" h="5080">
                  <a:moveTo>
                    <a:pt x="365760" y="0"/>
                  </a:moveTo>
                  <a:lnTo>
                    <a:pt x="356616" y="0"/>
                  </a:lnTo>
                  <a:lnTo>
                    <a:pt x="356616" y="4572"/>
                  </a:lnTo>
                  <a:lnTo>
                    <a:pt x="365760" y="4572"/>
                  </a:lnTo>
                  <a:lnTo>
                    <a:pt x="365760" y="0"/>
                  </a:lnTo>
                  <a:close/>
                </a:path>
                <a:path w="969644" h="5080">
                  <a:moveTo>
                    <a:pt x="379476" y="0"/>
                  </a:moveTo>
                  <a:lnTo>
                    <a:pt x="370332" y="0"/>
                  </a:lnTo>
                  <a:lnTo>
                    <a:pt x="370332" y="4572"/>
                  </a:lnTo>
                  <a:lnTo>
                    <a:pt x="379476" y="4572"/>
                  </a:lnTo>
                  <a:lnTo>
                    <a:pt x="379476" y="0"/>
                  </a:lnTo>
                  <a:close/>
                </a:path>
                <a:path w="969644" h="5080">
                  <a:moveTo>
                    <a:pt x="393179" y="0"/>
                  </a:moveTo>
                  <a:lnTo>
                    <a:pt x="384048" y="0"/>
                  </a:lnTo>
                  <a:lnTo>
                    <a:pt x="384048" y="4572"/>
                  </a:lnTo>
                  <a:lnTo>
                    <a:pt x="393179" y="4572"/>
                  </a:lnTo>
                  <a:lnTo>
                    <a:pt x="393179" y="0"/>
                  </a:lnTo>
                  <a:close/>
                </a:path>
                <a:path w="969644" h="5080">
                  <a:moveTo>
                    <a:pt x="406908" y="0"/>
                  </a:moveTo>
                  <a:lnTo>
                    <a:pt x="397764" y="0"/>
                  </a:lnTo>
                  <a:lnTo>
                    <a:pt x="397764" y="4572"/>
                  </a:lnTo>
                  <a:lnTo>
                    <a:pt x="406908" y="4572"/>
                  </a:lnTo>
                  <a:lnTo>
                    <a:pt x="406908" y="0"/>
                  </a:lnTo>
                  <a:close/>
                </a:path>
                <a:path w="969644" h="5080">
                  <a:moveTo>
                    <a:pt x="420624" y="0"/>
                  </a:moveTo>
                  <a:lnTo>
                    <a:pt x="411480" y="0"/>
                  </a:lnTo>
                  <a:lnTo>
                    <a:pt x="411480" y="4572"/>
                  </a:lnTo>
                  <a:lnTo>
                    <a:pt x="420624" y="4572"/>
                  </a:lnTo>
                  <a:lnTo>
                    <a:pt x="420624" y="0"/>
                  </a:lnTo>
                  <a:close/>
                </a:path>
                <a:path w="969644" h="5080">
                  <a:moveTo>
                    <a:pt x="434340" y="0"/>
                  </a:moveTo>
                  <a:lnTo>
                    <a:pt x="425196" y="0"/>
                  </a:lnTo>
                  <a:lnTo>
                    <a:pt x="425196" y="4572"/>
                  </a:lnTo>
                  <a:lnTo>
                    <a:pt x="434340" y="4572"/>
                  </a:lnTo>
                  <a:lnTo>
                    <a:pt x="434340" y="0"/>
                  </a:lnTo>
                  <a:close/>
                </a:path>
                <a:path w="969644" h="5080">
                  <a:moveTo>
                    <a:pt x="448056" y="0"/>
                  </a:moveTo>
                  <a:lnTo>
                    <a:pt x="438912" y="0"/>
                  </a:lnTo>
                  <a:lnTo>
                    <a:pt x="438912" y="4572"/>
                  </a:lnTo>
                  <a:lnTo>
                    <a:pt x="448056" y="4572"/>
                  </a:lnTo>
                  <a:lnTo>
                    <a:pt x="448056" y="0"/>
                  </a:lnTo>
                  <a:close/>
                </a:path>
                <a:path w="969644" h="5080">
                  <a:moveTo>
                    <a:pt x="461772" y="0"/>
                  </a:moveTo>
                  <a:lnTo>
                    <a:pt x="452628" y="0"/>
                  </a:lnTo>
                  <a:lnTo>
                    <a:pt x="452628" y="4572"/>
                  </a:lnTo>
                  <a:lnTo>
                    <a:pt x="461772" y="4572"/>
                  </a:lnTo>
                  <a:lnTo>
                    <a:pt x="461772" y="0"/>
                  </a:lnTo>
                  <a:close/>
                </a:path>
                <a:path w="969644" h="5080">
                  <a:moveTo>
                    <a:pt x="475488" y="0"/>
                  </a:moveTo>
                  <a:lnTo>
                    <a:pt x="466344" y="0"/>
                  </a:lnTo>
                  <a:lnTo>
                    <a:pt x="466344" y="4572"/>
                  </a:lnTo>
                  <a:lnTo>
                    <a:pt x="475488" y="4572"/>
                  </a:lnTo>
                  <a:lnTo>
                    <a:pt x="475488" y="0"/>
                  </a:lnTo>
                  <a:close/>
                </a:path>
                <a:path w="969644" h="5080">
                  <a:moveTo>
                    <a:pt x="489204" y="0"/>
                  </a:moveTo>
                  <a:lnTo>
                    <a:pt x="480060" y="0"/>
                  </a:lnTo>
                  <a:lnTo>
                    <a:pt x="480060" y="4572"/>
                  </a:lnTo>
                  <a:lnTo>
                    <a:pt x="489204" y="4572"/>
                  </a:lnTo>
                  <a:lnTo>
                    <a:pt x="489204" y="0"/>
                  </a:lnTo>
                  <a:close/>
                </a:path>
                <a:path w="969644" h="5080">
                  <a:moveTo>
                    <a:pt x="502920" y="0"/>
                  </a:moveTo>
                  <a:lnTo>
                    <a:pt x="493776" y="0"/>
                  </a:lnTo>
                  <a:lnTo>
                    <a:pt x="493776" y="4572"/>
                  </a:lnTo>
                  <a:lnTo>
                    <a:pt x="502920" y="4572"/>
                  </a:lnTo>
                  <a:lnTo>
                    <a:pt x="502920" y="0"/>
                  </a:lnTo>
                  <a:close/>
                </a:path>
                <a:path w="969644" h="5080">
                  <a:moveTo>
                    <a:pt x="516636" y="0"/>
                  </a:moveTo>
                  <a:lnTo>
                    <a:pt x="507492" y="0"/>
                  </a:lnTo>
                  <a:lnTo>
                    <a:pt x="507492" y="4572"/>
                  </a:lnTo>
                  <a:lnTo>
                    <a:pt x="516636" y="4572"/>
                  </a:lnTo>
                  <a:lnTo>
                    <a:pt x="516636" y="0"/>
                  </a:lnTo>
                  <a:close/>
                </a:path>
                <a:path w="969644" h="5080">
                  <a:moveTo>
                    <a:pt x="530352" y="0"/>
                  </a:moveTo>
                  <a:lnTo>
                    <a:pt x="521208" y="0"/>
                  </a:lnTo>
                  <a:lnTo>
                    <a:pt x="521208" y="4572"/>
                  </a:lnTo>
                  <a:lnTo>
                    <a:pt x="530352" y="4572"/>
                  </a:lnTo>
                  <a:lnTo>
                    <a:pt x="530352" y="0"/>
                  </a:lnTo>
                  <a:close/>
                </a:path>
                <a:path w="969644" h="5080">
                  <a:moveTo>
                    <a:pt x="544068" y="0"/>
                  </a:moveTo>
                  <a:lnTo>
                    <a:pt x="534924" y="0"/>
                  </a:lnTo>
                  <a:lnTo>
                    <a:pt x="534924" y="4572"/>
                  </a:lnTo>
                  <a:lnTo>
                    <a:pt x="544068" y="4572"/>
                  </a:lnTo>
                  <a:lnTo>
                    <a:pt x="544068" y="0"/>
                  </a:lnTo>
                  <a:close/>
                </a:path>
                <a:path w="969644" h="5080">
                  <a:moveTo>
                    <a:pt x="557784" y="0"/>
                  </a:moveTo>
                  <a:lnTo>
                    <a:pt x="548640" y="0"/>
                  </a:lnTo>
                  <a:lnTo>
                    <a:pt x="548640" y="4572"/>
                  </a:lnTo>
                  <a:lnTo>
                    <a:pt x="557784" y="4572"/>
                  </a:lnTo>
                  <a:lnTo>
                    <a:pt x="557784" y="0"/>
                  </a:lnTo>
                  <a:close/>
                </a:path>
                <a:path w="969644" h="5080">
                  <a:moveTo>
                    <a:pt x="571500" y="0"/>
                  </a:moveTo>
                  <a:lnTo>
                    <a:pt x="562356" y="0"/>
                  </a:lnTo>
                  <a:lnTo>
                    <a:pt x="562356" y="4572"/>
                  </a:lnTo>
                  <a:lnTo>
                    <a:pt x="571500" y="4572"/>
                  </a:lnTo>
                  <a:lnTo>
                    <a:pt x="571500" y="0"/>
                  </a:lnTo>
                  <a:close/>
                </a:path>
                <a:path w="969644" h="5080">
                  <a:moveTo>
                    <a:pt x="585216" y="0"/>
                  </a:moveTo>
                  <a:lnTo>
                    <a:pt x="576072" y="0"/>
                  </a:lnTo>
                  <a:lnTo>
                    <a:pt x="576072" y="4572"/>
                  </a:lnTo>
                  <a:lnTo>
                    <a:pt x="585216" y="4572"/>
                  </a:lnTo>
                  <a:lnTo>
                    <a:pt x="585216" y="0"/>
                  </a:lnTo>
                  <a:close/>
                </a:path>
                <a:path w="969644" h="5080">
                  <a:moveTo>
                    <a:pt x="598932" y="0"/>
                  </a:moveTo>
                  <a:lnTo>
                    <a:pt x="589788" y="0"/>
                  </a:lnTo>
                  <a:lnTo>
                    <a:pt x="589788" y="4572"/>
                  </a:lnTo>
                  <a:lnTo>
                    <a:pt x="598932" y="4572"/>
                  </a:lnTo>
                  <a:lnTo>
                    <a:pt x="598932" y="0"/>
                  </a:lnTo>
                  <a:close/>
                </a:path>
                <a:path w="969644" h="5080">
                  <a:moveTo>
                    <a:pt x="612648" y="0"/>
                  </a:moveTo>
                  <a:lnTo>
                    <a:pt x="603504" y="0"/>
                  </a:lnTo>
                  <a:lnTo>
                    <a:pt x="603504" y="4572"/>
                  </a:lnTo>
                  <a:lnTo>
                    <a:pt x="612648" y="4572"/>
                  </a:lnTo>
                  <a:lnTo>
                    <a:pt x="612648" y="0"/>
                  </a:lnTo>
                  <a:close/>
                </a:path>
                <a:path w="969644" h="5080">
                  <a:moveTo>
                    <a:pt x="626364" y="0"/>
                  </a:moveTo>
                  <a:lnTo>
                    <a:pt x="617220" y="0"/>
                  </a:lnTo>
                  <a:lnTo>
                    <a:pt x="617220" y="4572"/>
                  </a:lnTo>
                  <a:lnTo>
                    <a:pt x="626364" y="4572"/>
                  </a:lnTo>
                  <a:lnTo>
                    <a:pt x="626364" y="0"/>
                  </a:lnTo>
                  <a:close/>
                </a:path>
                <a:path w="969644" h="5080">
                  <a:moveTo>
                    <a:pt x="640080" y="0"/>
                  </a:moveTo>
                  <a:lnTo>
                    <a:pt x="630936" y="0"/>
                  </a:lnTo>
                  <a:lnTo>
                    <a:pt x="630936" y="4572"/>
                  </a:lnTo>
                  <a:lnTo>
                    <a:pt x="640080" y="4572"/>
                  </a:lnTo>
                  <a:lnTo>
                    <a:pt x="640080" y="0"/>
                  </a:lnTo>
                  <a:close/>
                </a:path>
                <a:path w="969644" h="5080">
                  <a:moveTo>
                    <a:pt x="653796" y="0"/>
                  </a:moveTo>
                  <a:lnTo>
                    <a:pt x="644652" y="0"/>
                  </a:lnTo>
                  <a:lnTo>
                    <a:pt x="644652" y="4572"/>
                  </a:lnTo>
                  <a:lnTo>
                    <a:pt x="653796" y="4572"/>
                  </a:lnTo>
                  <a:lnTo>
                    <a:pt x="653796" y="0"/>
                  </a:lnTo>
                  <a:close/>
                </a:path>
                <a:path w="969644" h="5080">
                  <a:moveTo>
                    <a:pt x="667512" y="0"/>
                  </a:moveTo>
                  <a:lnTo>
                    <a:pt x="658368" y="0"/>
                  </a:lnTo>
                  <a:lnTo>
                    <a:pt x="658368" y="4572"/>
                  </a:lnTo>
                  <a:lnTo>
                    <a:pt x="667512" y="4572"/>
                  </a:lnTo>
                  <a:lnTo>
                    <a:pt x="667512" y="0"/>
                  </a:lnTo>
                  <a:close/>
                </a:path>
                <a:path w="969644" h="5080">
                  <a:moveTo>
                    <a:pt x="681228" y="0"/>
                  </a:moveTo>
                  <a:lnTo>
                    <a:pt x="672084" y="0"/>
                  </a:lnTo>
                  <a:lnTo>
                    <a:pt x="672084" y="4572"/>
                  </a:lnTo>
                  <a:lnTo>
                    <a:pt x="681228" y="4572"/>
                  </a:lnTo>
                  <a:lnTo>
                    <a:pt x="681228" y="0"/>
                  </a:lnTo>
                  <a:close/>
                </a:path>
                <a:path w="969644" h="5080">
                  <a:moveTo>
                    <a:pt x="694944" y="0"/>
                  </a:moveTo>
                  <a:lnTo>
                    <a:pt x="685800" y="0"/>
                  </a:lnTo>
                  <a:lnTo>
                    <a:pt x="685800" y="4572"/>
                  </a:lnTo>
                  <a:lnTo>
                    <a:pt x="694944" y="4572"/>
                  </a:lnTo>
                  <a:lnTo>
                    <a:pt x="694944" y="0"/>
                  </a:lnTo>
                  <a:close/>
                </a:path>
                <a:path w="969644" h="5080">
                  <a:moveTo>
                    <a:pt x="708660" y="0"/>
                  </a:moveTo>
                  <a:lnTo>
                    <a:pt x="699516" y="0"/>
                  </a:lnTo>
                  <a:lnTo>
                    <a:pt x="699516" y="4572"/>
                  </a:lnTo>
                  <a:lnTo>
                    <a:pt x="708660" y="4572"/>
                  </a:lnTo>
                  <a:lnTo>
                    <a:pt x="708660" y="0"/>
                  </a:lnTo>
                  <a:close/>
                </a:path>
                <a:path w="969644" h="5080">
                  <a:moveTo>
                    <a:pt x="722376" y="0"/>
                  </a:moveTo>
                  <a:lnTo>
                    <a:pt x="713232" y="0"/>
                  </a:lnTo>
                  <a:lnTo>
                    <a:pt x="713232" y="4572"/>
                  </a:lnTo>
                  <a:lnTo>
                    <a:pt x="722376" y="4572"/>
                  </a:lnTo>
                  <a:lnTo>
                    <a:pt x="722376" y="0"/>
                  </a:lnTo>
                  <a:close/>
                </a:path>
                <a:path w="969644" h="5080">
                  <a:moveTo>
                    <a:pt x="736092" y="0"/>
                  </a:moveTo>
                  <a:lnTo>
                    <a:pt x="726948" y="0"/>
                  </a:lnTo>
                  <a:lnTo>
                    <a:pt x="726948" y="4572"/>
                  </a:lnTo>
                  <a:lnTo>
                    <a:pt x="736092" y="4572"/>
                  </a:lnTo>
                  <a:lnTo>
                    <a:pt x="736092" y="0"/>
                  </a:lnTo>
                  <a:close/>
                </a:path>
                <a:path w="969644" h="5080">
                  <a:moveTo>
                    <a:pt x="749808" y="0"/>
                  </a:moveTo>
                  <a:lnTo>
                    <a:pt x="740664" y="0"/>
                  </a:lnTo>
                  <a:lnTo>
                    <a:pt x="740664" y="4572"/>
                  </a:lnTo>
                  <a:lnTo>
                    <a:pt x="749808" y="4572"/>
                  </a:lnTo>
                  <a:lnTo>
                    <a:pt x="749808" y="0"/>
                  </a:lnTo>
                  <a:close/>
                </a:path>
                <a:path w="969644" h="5080">
                  <a:moveTo>
                    <a:pt x="763524" y="0"/>
                  </a:moveTo>
                  <a:lnTo>
                    <a:pt x="754380" y="0"/>
                  </a:lnTo>
                  <a:lnTo>
                    <a:pt x="754380" y="4572"/>
                  </a:lnTo>
                  <a:lnTo>
                    <a:pt x="763524" y="4572"/>
                  </a:lnTo>
                  <a:lnTo>
                    <a:pt x="763524" y="0"/>
                  </a:lnTo>
                  <a:close/>
                </a:path>
                <a:path w="969644" h="5080">
                  <a:moveTo>
                    <a:pt x="777240" y="0"/>
                  </a:moveTo>
                  <a:lnTo>
                    <a:pt x="768096" y="0"/>
                  </a:lnTo>
                  <a:lnTo>
                    <a:pt x="768096" y="4572"/>
                  </a:lnTo>
                  <a:lnTo>
                    <a:pt x="777240" y="4572"/>
                  </a:lnTo>
                  <a:lnTo>
                    <a:pt x="777240" y="0"/>
                  </a:lnTo>
                  <a:close/>
                </a:path>
                <a:path w="969644" h="5080">
                  <a:moveTo>
                    <a:pt x="790956" y="0"/>
                  </a:moveTo>
                  <a:lnTo>
                    <a:pt x="781812" y="0"/>
                  </a:lnTo>
                  <a:lnTo>
                    <a:pt x="781812" y="4572"/>
                  </a:lnTo>
                  <a:lnTo>
                    <a:pt x="790956" y="4572"/>
                  </a:lnTo>
                  <a:lnTo>
                    <a:pt x="790956" y="0"/>
                  </a:lnTo>
                  <a:close/>
                </a:path>
                <a:path w="969644" h="5080">
                  <a:moveTo>
                    <a:pt x="804672" y="0"/>
                  </a:moveTo>
                  <a:lnTo>
                    <a:pt x="795528" y="0"/>
                  </a:lnTo>
                  <a:lnTo>
                    <a:pt x="795528" y="4572"/>
                  </a:lnTo>
                  <a:lnTo>
                    <a:pt x="804672" y="4572"/>
                  </a:lnTo>
                  <a:lnTo>
                    <a:pt x="804672" y="0"/>
                  </a:lnTo>
                  <a:close/>
                </a:path>
                <a:path w="969644" h="5080">
                  <a:moveTo>
                    <a:pt x="818388" y="0"/>
                  </a:moveTo>
                  <a:lnTo>
                    <a:pt x="809244" y="0"/>
                  </a:lnTo>
                  <a:lnTo>
                    <a:pt x="809244" y="4572"/>
                  </a:lnTo>
                  <a:lnTo>
                    <a:pt x="818388" y="4572"/>
                  </a:lnTo>
                  <a:lnTo>
                    <a:pt x="818388" y="0"/>
                  </a:lnTo>
                  <a:close/>
                </a:path>
                <a:path w="969644" h="5080">
                  <a:moveTo>
                    <a:pt x="832104" y="0"/>
                  </a:moveTo>
                  <a:lnTo>
                    <a:pt x="822960" y="0"/>
                  </a:lnTo>
                  <a:lnTo>
                    <a:pt x="822960" y="4572"/>
                  </a:lnTo>
                  <a:lnTo>
                    <a:pt x="832104" y="4572"/>
                  </a:lnTo>
                  <a:lnTo>
                    <a:pt x="832104" y="0"/>
                  </a:lnTo>
                  <a:close/>
                </a:path>
                <a:path w="969644" h="5080">
                  <a:moveTo>
                    <a:pt x="845820" y="0"/>
                  </a:moveTo>
                  <a:lnTo>
                    <a:pt x="836676" y="0"/>
                  </a:lnTo>
                  <a:lnTo>
                    <a:pt x="836676" y="4572"/>
                  </a:lnTo>
                  <a:lnTo>
                    <a:pt x="845820" y="4572"/>
                  </a:lnTo>
                  <a:lnTo>
                    <a:pt x="845820" y="0"/>
                  </a:lnTo>
                  <a:close/>
                </a:path>
                <a:path w="969644" h="5080">
                  <a:moveTo>
                    <a:pt x="859536" y="0"/>
                  </a:moveTo>
                  <a:lnTo>
                    <a:pt x="850392" y="0"/>
                  </a:lnTo>
                  <a:lnTo>
                    <a:pt x="850392" y="4572"/>
                  </a:lnTo>
                  <a:lnTo>
                    <a:pt x="859536" y="4572"/>
                  </a:lnTo>
                  <a:lnTo>
                    <a:pt x="859536" y="0"/>
                  </a:lnTo>
                  <a:close/>
                </a:path>
                <a:path w="969644" h="5080">
                  <a:moveTo>
                    <a:pt x="873252" y="0"/>
                  </a:moveTo>
                  <a:lnTo>
                    <a:pt x="864108" y="0"/>
                  </a:lnTo>
                  <a:lnTo>
                    <a:pt x="864108" y="4572"/>
                  </a:lnTo>
                  <a:lnTo>
                    <a:pt x="873252" y="4572"/>
                  </a:lnTo>
                  <a:lnTo>
                    <a:pt x="873252" y="0"/>
                  </a:lnTo>
                  <a:close/>
                </a:path>
                <a:path w="969644" h="5080">
                  <a:moveTo>
                    <a:pt x="886968" y="0"/>
                  </a:moveTo>
                  <a:lnTo>
                    <a:pt x="877824" y="0"/>
                  </a:lnTo>
                  <a:lnTo>
                    <a:pt x="877824" y="4572"/>
                  </a:lnTo>
                  <a:lnTo>
                    <a:pt x="886968" y="4572"/>
                  </a:lnTo>
                  <a:lnTo>
                    <a:pt x="886968" y="0"/>
                  </a:lnTo>
                  <a:close/>
                </a:path>
                <a:path w="969644" h="5080">
                  <a:moveTo>
                    <a:pt x="900684" y="0"/>
                  </a:moveTo>
                  <a:lnTo>
                    <a:pt x="890016" y="0"/>
                  </a:lnTo>
                  <a:lnTo>
                    <a:pt x="890016" y="4572"/>
                  </a:lnTo>
                  <a:lnTo>
                    <a:pt x="900684" y="4572"/>
                  </a:lnTo>
                  <a:lnTo>
                    <a:pt x="900684" y="0"/>
                  </a:lnTo>
                  <a:close/>
                </a:path>
                <a:path w="969644" h="5080">
                  <a:moveTo>
                    <a:pt x="914400" y="0"/>
                  </a:moveTo>
                  <a:lnTo>
                    <a:pt x="903732" y="0"/>
                  </a:lnTo>
                  <a:lnTo>
                    <a:pt x="903732" y="4572"/>
                  </a:lnTo>
                  <a:lnTo>
                    <a:pt x="914400" y="4572"/>
                  </a:lnTo>
                  <a:lnTo>
                    <a:pt x="914400" y="0"/>
                  </a:lnTo>
                  <a:close/>
                </a:path>
                <a:path w="969644" h="5080">
                  <a:moveTo>
                    <a:pt x="928116" y="0"/>
                  </a:moveTo>
                  <a:lnTo>
                    <a:pt x="917448" y="0"/>
                  </a:lnTo>
                  <a:lnTo>
                    <a:pt x="917448" y="4572"/>
                  </a:lnTo>
                  <a:lnTo>
                    <a:pt x="928116" y="4572"/>
                  </a:lnTo>
                  <a:lnTo>
                    <a:pt x="928116" y="0"/>
                  </a:lnTo>
                  <a:close/>
                </a:path>
                <a:path w="969644" h="5080">
                  <a:moveTo>
                    <a:pt x="941832" y="0"/>
                  </a:moveTo>
                  <a:lnTo>
                    <a:pt x="931164" y="0"/>
                  </a:lnTo>
                  <a:lnTo>
                    <a:pt x="931164" y="4572"/>
                  </a:lnTo>
                  <a:lnTo>
                    <a:pt x="941832" y="4572"/>
                  </a:lnTo>
                  <a:lnTo>
                    <a:pt x="941832" y="0"/>
                  </a:lnTo>
                  <a:close/>
                </a:path>
                <a:path w="969644" h="5080">
                  <a:moveTo>
                    <a:pt x="955548" y="0"/>
                  </a:moveTo>
                  <a:lnTo>
                    <a:pt x="944880" y="0"/>
                  </a:lnTo>
                  <a:lnTo>
                    <a:pt x="944880" y="4572"/>
                  </a:lnTo>
                  <a:lnTo>
                    <a:pt x="955548" y="4572"/>
                  </a:lnTo>
                  <a:lnTo>
                    <a:pt x="955548" y="0"/>
                  </a:lnTo>
                  <a:close/>
                </a:path>
                <a:path w="969644"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79" name="object 79"/>
            <p:cNvSpPr/>
            <p:nvPr/>
          </p:nvSpPr>
          <p:spPr>
            <a:xfrm>
              <a:off x="2229612" y="2618231"/>
              <a:ext cx="970915" cy="5080"/>
            </a:xfrm>
            <a:custGeom>
              <a:avLst/>
              <a:gdLst/>
              <a:ahLst/>
              <a:cxnLst/>
              <a:rect l="l" t="t" r="r" b="b"/>
              <a:pathLst>
                <a:path w="970914" h="5080">
                  <a:moveTo>
                    <a:pt x="10668" y="0"/>
                  </a:moveTo>
                  <a:lnTo>
                    <a:pt x="0" y="0"/>
                  </a:lnTo>
                  <a:lnTo>
                    <a:pt x="0" y="4572"/>
                  </a:lnTo>
                  <a:lnTo>
                    <a:pt x="10668" y="4572"/>
                  </a:lnTo>
                  <a:lnTo>
                    <a:pt x="10668" y="0"/>
                  </a:lnTo>
                  <a:close/>
                </a:path>
                <a:path w="970914" h="5080">
                  <a:moveTo>
                    <a:pt x="24384" y="0"/>
                  </a:moveTo>
                  <a:lnTo>
                    <a:pt x="13716" y="0"/>
                  </a:lnTo>
                  <a:lnTo>
                    <a:pt x="13716" y="4572"/>
                  </a:lnTo>
                  <a:lnTo>
                    <a:pt x="24384" y="4572"/>
                  </a:lnTo>
                  <a:lnTo>
                    <a:pt x="24384" y="0"/>
                  </a:lnTo>
                  <a:close/>
                </a:path>
                <a:path w="970914" h="5080">
                  <a:moveTo>
                    <a:pt x="38100" y="0"/>
                  </a:moveTo>
                  <a:lnTo>
                    <a:pt x="27432" y="0"/>
                  </a:lnTo>
                  <a:lnTo>
                    <a:pt x="27432" y="4572"/>
                  </a:lnTo>
                  <a:lnTo>
                    <a:pt x="38100" y="4572"/>
                  </a:lnTo>
                  <a:lnTo>
                    <a:pt x="38100" y="0"/>
                  </a:lnTo>
                  <a:close/>
                </a:path>
                <a:path w="970914" h="5080">
                  <a:moveTo>
                    <a:pt x="51816" y="0"/>
                  </a:moveTo>
                  <a:lnTo>
                    <a:pt x="41148" y="0"/>
                  </a:lnTo>
                  <a:lnTo>
                    <a:pt x="41148" y="4572"/>
                  </a:lnTo>
                  <a:lnTo>
                    <a:pt x="51816" y="4572"/>
                  </a:lnTo>
                  <a:lnTo>
                    <a:pt x="51816" y="0"/>
                  </a:lnTo>
                  <a:close/>
                </a:path>
                <a:path w="970914" h="5080">
                  <a:moveTo>
                    <a:pt x="65532" y="0"/>
                  </a:moveTo>
                  <a:lnTo>
                    <a:pt x="54864" y="0"/>
                  </a:lnTo>
                  <a:lnTo>
                    <a:pt x="54864" y="4572"/>
                  </a:lnTo>
                  <a:lnTo>
                    <a:pt x="65532" y="4572"/>
                  </a:lnTo>
                  <a:lnTo>
                    <a:pt x="65532" y="0"/>
                  </a:lnTo>
                  <a:close/>
                </a:path>
                <a:path w="970914" h="5080">
                  <a:moveTo>
                    <a:pt x="79248" y="0"/>
                  </a:moveTo>
                  <a:lnTo>
                    <a:pt x="68580" y="0"/>
                  </a:lnTo>
                  <a:lnTo>
                    <a:pt x="68580" y="4572"/>
                  </a:lnTo>
                  <a:lnTo>
                    <a:pt x="79248" y="4572"/>
                  </a:lnTo>
                  <a:lnTo>
                    <a:pt x="79248" y="0"/>
                  </a:lnTo>
                  <a:close/>
                </a:path>
                <a:path w="970914" h="5080">
                  <a:moveTo>
                    <a:pt x="92964" y="0"/>
                  </a:moveTo>
                  <a:lnTo>
                    <a:pt x="82296" y="0"/>
                  </a:lnTo>
                  <a:lnTo>
                    <a:pt x="82296" y="4572"/>
                  </a:lnTo>
                  <a:lnTo>
                    <a:pt x="92964" y="4572"/>
                  </a:lnTo>
                  <a:lnTo>
                    <a:pt x="92964" y="0"/>
                  </a:lnTo>
                  <a:close/>
                </a:path>
                <a:path w="970914" h="5080">
                  <a:moveTo>
                    <a:pt x="106680" y="0"/>
                  </a:moveTo>
                  <a:lnTo>
                    <a:pt x="96012" y="0"/>
                  </a:lnTo>
                  <a:lnTo>
                    <a:pt x="96012" y="4572"/>
                  </a:lnTo>
                  <a:lnTo>
                    <a:pt x="106680" y="4572"/>
                  </a:lnTo>
                  <a:lnTo>
                    <a:pt x="106680" y="0"/>
                  </a:lnTo>
                  <a:close/>
                </a:path>
                <a:path w="970914" h="5080">
                  <a:moveTo>
                    <a:pt x="120396" y="0"/>
                  </a:moveTo>
                  <a:lnTo>
                    <a:pt x="109728" y="0"/>
                  </a:lnTo>
                  <a:lnTo>
                    <a:pt x="109728" y="4572"/>
                  </a:lnTo>
                  <a:lnTo>
                    <a:pt x="120396" y="4572"/>
                  </a:lnTo>
                  <a:lnTo>
                    <a:pt x="120396" y="0"/>
                  </a:lnTo>
                  <a:close/>
                </a:path>
                <a:path w="970914" h="5080">
                  <a:moveTo>
                    <a:pt x="134112" y="0"/>
                  </a:moveTo>
                  <a:lnTo>
                    <a:pt x="123444" y="0"/>
                  </a:lnTo>
                  <a:lnTo>
                    <a:pt x="123444" y="4572"/>
                  </a:lnTo>
                  <a:lnTo>
                    <a:pt x="134112" y="4572"/>
                  </a:lnTo>
                  <a:lnTo>
                    <a:pt x="134112" y="0"/>
                  </a:lnTo>
                  <a:close/>
                </a:path>
                <a:path w="970914" h="5080">
                  <a:moveTo>
                    <a:pt x="147828" y="0"/>
                  </a:moveTo>
                  <a:lnTo>
                    <a:pt x="137160" y="0"/>
                  </a:lnTo>
                  <a:lnTo>
                    <a:pt x="137160" y="4572"/>
                  </a:lnTo>
                  <a:lnTo>
                    <a:pt x="147828" y="4572"/>
                  </a:lnTo>
                  <a:lnTo>
                    <a:pt x="147828" y="0"/>
                  </a:lnTo>
                  <a:close/>
                </a:path>
                <a:path w="970914" h="5080">
                  <a:moveTo>
                    <a:pt x="161544" y="0"/>
                  </a:moveTo>
                  <a:lnTo>
                    <a:pt x="150876" y="0"/>
                  </a:lnTo>
                  <a:lnTo>
                    <a:pt x="150876" y="4572"/>
                  </a:lnTo>
                  <a:lnTo>
                    <a:pt x="161544" y="4572"/>
                  </a:lnTo>
                  <a:lnTo>
                    <a:pt x="161544" y="0"/>
                  </a:lnTo>
                  <a:close/>
                </a:path>
                <a:path w="970914" h="5080">
                  <a:moveTo>
                    <a:pt x="175260" y="0"/>
                  </a:moveTo>
                  <a:lnTo>
                    <a:pt x="164592" y="0"/>
                  </a:lnTo>
                  <a:lnTo>
                    <a:pt x="164592" y="4572"/>
                  </a:lnTo>
                  <a:lnTo>
                    <a:pt x="175260" y="4572"/>
                  </a:lnTo>
                  <a:lnTo>
                    <a:pt x="175260" y="0"/>
                  </a:lnTo>
                  <a:close/>
                </a:path>
                <a:path w="970914" h="5080">
                  <a:moveTo>
                    <a:pt x="188976" y="0"/>
                  </a:moveTo>
                  <a:lnTo>
                    <a:pt x="178308" y="0"/>
                  </a:lnTo>
                  <a:lnTo>
                    <a:pt x="178308" y="4572"/>
                  </a:lnTo>
                  <a:lnTo>
                    <a:pt x="188976" y="4572"/>
                  </a:lnTo>
                  <a:lnTo>
                    <a:pt x="188976" y="0"/>
                  </a:lnTo>
                  <a:close/>
                </a:path>
                <a:path w="970914" h="5080">
                  <a:moveTo>
                    <a:pt x="202692" y="0"/>
                  </a:moveTo>
                  <a:lnTo>
                    <a:pt x="192024" y="0"/>
                  </a:lnTo>
                  <a:lnTo>
                    <a:pt x="192024" y="4572"/>
                  </a:lnTo>
                  <a:lnTo>
                    <a:pt x="202692" y="4572"/>
                  </a:lnTo>
                  <a:lnTo>
                    <a:pt x="202692" y="0"/>
                  </a:lnTo>
                  <a:close/>
                </a:path>
                <a:path w="970914" h="5080">
                  <a:moveTo>
                    <a:pt x="216408" y="0"/>
                  </a:moveTo>
                  <a:lnTo>
                    <a:pt x="205740" y="0"/>
                  </a:lnTo>
                  <a:lnTo>
                    <a:pt x="205740" y="4572"/>
                  </a:lnTo>
                  <a:lnTo>
                    <a:pt x="216408" y="4572"/>
                  </a:lnTo>
                  <a:lnTo>
                    <a:pt x="216408" y="0"/>
                  </a:lnTo>
                  <a:close/>
                </a:path>
                <a:path w="970914" h="5080">
                  <a:moveTo>
                    <a:pt x="230124" y="0"/>
                  </a:moveTo>
                  <a:lnTo>
                    <a:pt x="219456" y="0"/>
                  </a:lnTo>
                  <a:lnTo>
                    <a:pt x="219456" y="4572"/>
                  </a:lnTo>
                  <a:lnTo>
                    <a:pt x="230124" y="4572"/>
                  </a:lnTo>
                  <a:lnTo>
                    <a:pt x="230124" y="0"/>
                  </a:lnTo>
                  <a:close/>
                </a:path>
                <a:path w="970914" h="5080">
                  <a:moveTo>
                    <a:pt x="243840" y="0"/>
                  </a:moveTo>
                  <a:lnTo>
                    <a:pt x="233172" y="0"/>
                  </a:lnTo>
                  <a:lnTo>
                    <a:pt x="233172" y="4572"/>
                  </a:lnTo>
                  <a:lnTo>
                    <a:pt x="243840" y="4572"/>
                  </a:lnTo>
                  <a:lnTo>
                    <a:pt x="243840" y="0"/>
                  </a:lnTo>
                  <a:close/>
                </a:path>
                <a:path w="970914" h="5080">
                  <a:moveTo>
                    <a:pt x="257556" y="0"/>
                  </a:moveTo>
                  <a:lnTo>
                    <a:pt x="246888" y="0"/>
                  </a:lnTo>
                  <a:lnTo>
                    <a:pt x="246888" y="4572"/>
                  </a:lnTo>
                  <a:lnTo>
                    <a:pt x="257556" y="4572"/>
                  </a:lnTo>
                  <a:lnTo>
                    <a:pt x="257556" y="0"/>
                  </a:lnTo>
                  <a:close/>
                </a:path>
                <a:path w="970914" h="5080">
                  <a:moveTo>
                    <a:pt x="271272" y="0"/>
                  </a:moveTo>
                  <a:lnTo>
                    <a:pt x="260604" y="0"/>
                  </a:lnTo>
                  <a:lnTo>
                    <a:pt x="260604" y="4572"/>
                  </a:lnTo>
                  <a:lnTo>
                    <a:pt x="271272" y="4572"/>
                  </a:lnTo>
                  <a:lnTo>
                    <a:pt x="271272" y="0"/>
                  </a:lnTo>
                  <a:close/>
                </a:path>
                <a:path w="970914" h="5080">
                  <a:moveTo>
                    <a:pt x="284988" y="0"/>
                  </a:moveTo>
                  <a:lnTo>
                    <a:pt x="274320" y="0"/>
                  </a:lnTo>
                  <a:lnTo>
                    <a:pt x="274320" y="4572"/>
                  </a:lnTo>
                  <a:lnTo>
                    <a:pt x="284988" y="4572"/>
                  </a:lnTo>
                  <a:lnTo>
                    <a:pt x="284988" y="0"/>
                  </a:lnTo>
                  <a:close/>
                </a:path>
                <a:path w="970914" h="5080">
                  <a:moveTo>
                    <a:pt x="298704" y="0"/>
                  </a:moveTo>
                  <a:lnTo>
                    <a:pt x="288036" y="0"/>
                  </a:lnTo>
                  <a:lnTo>
                    <a:pt x="288036" y="4572"/>
                  </a:lnTo>
                  <a:lnTo>
                    <a:pt x="298704" y="4572"/>
                  </a:lnTo>
                  <a:lnTo>
                    <a:pt x="298704" y="0"/>
                  </a:lnTo>
                  <a:close/>
                </a:path>
                <a:path w="970914" h="5080">
                  <a:moveTo>
                    <a:pt x="312420" y="0"/>
                  </a:moveTo>
                  <a:lnTo>
                    <a:pt x="301752" y="0"/>
                  </a:lnTo>
                  <a:lnTo>
                    <a:pt x="301752" y="4572"/>
                  </a:lnTo>
                  <a:lnTo>
                    <a:pt x="312420" y="4572"/>
                  </a:lnTo>
                  <a:lnTo>
                    <a:pt x="312420" y="0"/>
                  </a:lnTo>
                  <a:close/>
                </a:path>
                <a:path w="970914" h="5080">
                  <a:moveTo>
                    <a:pt x="326136" y="0"/>
                  </a:moveTo>
                  <a:lnTo>
                    <a:pt x="315468" y="0"/>
                  </a:lnTo>
                  <a:lnTo>
                    <a:pt x="315468" y="4572"/>
                  </a:lnTo>
                  <a:lnTo>
                    <a:pt x="326136" y="4572"/>
                  </a:lnTo>
                  <a:lnTo>
                    <a:pt x="326136" y="0"/>
                  </a:lnTo>
                  <a:close/>
                </a:path>
                <a:path w="970914" h="5080">
                  <a:moveTo>
                    <a:pt x="339852" y="0"/>
                  </a:moveTo>
                  <a:lnTo>
                    <a:pt x="329184" y="0"/>
                  </a:lnTo>
                  <a:lnTo>
                    <a:pt x="329184" y="4572"/>
                  </a:lnTo>
                  <a:lnTo>
                    <a:pt x="339852" y="4572"/>
                  </a:lnTo>
                  <a:lnTo>
                    <a:pt x="339852" y="0"/>
                  </a:lnTo>
                  <a:close/>
                </a:path>
                <a:path w="970914" h="5080">
                  <a:moveTo>
                    <a:pt x="353568" y="0"/>
                  </a:moveTo>
                  <a:lnTo>
                    <a:pt x="342900" y="0"/>
                  </a:lnTo>
                  <a:lnTo>
                    <a:pt x="342900" y="4572"/>
                  </a:lnTo>
                  <a:lnTo>
                    <a:pt x="353568" y="4572"/>
                  </a:lnTo>
                  <a:lnTo>
                    <a:pt x="353568" y="0"/>
                  </a:lnTo>
                  <a:close/>
                </a:path>
                <a:path w="970914" h="5080">
                  <a:moveTo>
                    <a:pt x="367284" y="0"/>
                  </a:moveTo>
                  <a:lnTo>
                    <a:pt x="356616" y="0"/>
                  </a:lnTo>
                  <a:lnTo>
                    <a:pt x="356616" y="4572"/>
                  </a:lnTo>
                  <a:lnTo>
                    <a:pt x="367284" y="4572"/>
                  </a:lnTo>
                  <a:lnTo>
                    <a:pt x="367284" y="0"/>
                  </a:lnTo>
                  <a:close/>
                </a:path>
                <a:path w="970914" h="5080">
                  <a:moveTo>
                    <a:pt x="381000" y="0"/>
                  </a:moveTo>
                  <a:lnTo>
                    <a:pt x="370332" y="0"/>
                  </a:lnTo>
                  <a:lnTo>
                    <a:pt x="370332" y="4572"/>
                  </a:lnTo>
                  <a:lnTo>
                    <a:pt x="381000" y="4572"/>
                  </a:lnTo>
                  <a:lnTo>
                    <a:pt x="381000" y="0"/>
                  </a:lnTo>
                  <a:close/>
                </a:path>
                <a:path w="970914" h="5080">
                  <a:moveTo>
                    <a:pt x="394716" y="0"/>
                  </a:moveTo>
                  <a:lnTo>
                    <a:pt x="384048" y="0"/>
                  </a:lnTo>
                  <a:lnTo>
                    <a:pt x="384048" y="4572"/>
                  </a:lnTo>
                  <a:lnTo>
                    <a:pt x="394716" y="4572"/>
                  </a:lnTo>
                  <a:lnTo>
                    <a:pt x="394716" y="0"/>
                  </a:lnTo>
                  <a:close/>
                </a:path>
                <a:path w="970914" h="5080">
                  <a:moveTo>
                    <a:pt x="408432" y="0"/>
                  </a:moveTo>
                  <a:lnTo>
                    <a:pt x="397764" y="0"/>
                  </a:lnTo>
                  <a:lnTo>
                    <a:pt x="397764" y="4572"/>
                  </a:lnTo>
                  <a:lnTo>
                    <a:pt x="408432" y="4572"/>
                  </a:lnTo>
                  <a:lnTo>
                    <a:pt x="408432" y="0"/>
                  </a:lnTo>
                  <a:close/>
                </a:path>
                <a:path w="970914" h="5080">
                  <a:moveTo>
                    <a:pt x="422148" y="0"/>
                  </a:moveTo>
                  <a:lnTo>
                    <a:pt x="411480" y="0"/>
                  </a:lnTo>
                  <a:lnTo>
                    <a:pt x="411480" y="4572"/>
                  </a:lnTo>
                  <a:lnTo>
                    <a:pt x="422148" y="4572"/>
                  </a:lnTo>
                  <a:lnTo>
                    <a:pt x="422148" y="0"/>
                  </a:lnTo>
                  <a:close/>
                </a:path>
                <a:path w="970914" h="5080">
                  <a:moveTo>
                    <a:pt x="435864" y="0"/>
                  </a:moveTo>
                  <a:lnTo>
                    <a:pt x="425196" y="0"/>
                  </a:lnTo>
                  <a:lnTo>
                    <a:pt x="425196" y="4572"/>
                  </a:lnTo>
                  <a:lnTo>
                    <a:pt x="435864" y="4572"/>
                  </a:lnTo>
                  <a:lnTo>
                    <a:pt x="435864" y="0"/>
                  </a:lnTo>
                  <a:close/>
                </a:path>
                <a:path w="970914" h="5080">
                  <a:moveTo>
                    <a:pt x="449580" y="0"/>
                  </a:moveTo>
                  <a:lnTo>
                    <a:pt x="438912" y="0"/>
                  </a:lnTo>
                  <a:lnTo>
                    <a:pt x="438912" y="4572"/>
                  </a:lnTo>
                  <a:lnTo>
                    <a:pt x="449580" y="4572"/>
                  </a:lnTo>
                  <a:lnTo>
                    <a:pt x="449580" y="0"/>
                  </a:lnTo>
                  <a:close/>
                </a:path>
                <a:path w="970914" h="5080">
                  <a:moveTo>
                    <a:pt x="463296" y="0"/>
                  </a:moveTo>
                  <a:lnTo>
                    <a:pt x="452628" y="0"/>
                  </a:lnTo>
                  <a:lnTo>
                    <a:pt x="452628" y="4572"/>
                  </a:lnTo>
                  <a:lnTo>
                    <a:pt x="463296" y="4572"/>
                  </a:lnTo>
                  <a:lnTo>
                    <a:pt x="463296" y="0"/>
                  </a:lnTo>
                  <a:close/>
                </a:path>
                <a:path w="970914" h="5080">
                  <a:moveTo>
                    <a:pt x="477012" y="0"/>
                  </a:moveTo>
                  <a:lnTo>
                    <a:pt x="466344" y="0"/>
                  </a:lnTo>
                  <a:lnTo>
                    <a:pt x="466344" y="4572"/>
                  </a:lnTo>
                  <a:lnTo>
                    <a:pt x="477012" y="4572"/>
                  </a:lnTo>
                  <a:lnTo>
                    <a:pt x="477012" y="0"/>
                  </a:lnTo>
                  <a:close/>
                </a:path>
                <a:path w="970914" h="5080">
                  <a:moveTo>
                    <a:pt x="490728" y="0"/>
                  </a:moveTo>
                  <a:lnTo>
                    <a:pt x="480060" y="0"/>
                  </a:lnTo>
                  <a:lnTo>
                    <a:pt x="480060" y="4572"/>
                  </a:lnTo>
                  <a:lnTo>
                    <a:pt x="490728" y="4572"/>
                  </a:lnTo>
                  <a:lnTo>
                    <a:pt x="490728" y="0"/>
                  </a:lnTo>
                  <a:close/>
                </a:path>
                <a:path w="970914" h="5080">
                  <a:moveTo>
                    <a:pt x="504444" y="0"/>
                  </a:moveTo>
                  <a:lnTo>
                    <a:pt x="493776" y="0"/>
                  </a:lnTo>
                  <a:lnTo>
                    <a:pt x="493776" y="4572"/>
                  </a:lnTo>
                  <a:lnTo>
                    <a:pt x="504444" y="4572"/>
                  </a:lnTo>
                  <a:lnTo>
                    <a:pt x="504444" y="0"/>
                  </a:lnTo>
                  <a:close/>
                </a:path>
                <a:path w="970914" h="5080">
                  <a:moveTo>
                    <a:pt x="518160" y="0"/>
                  </a:moveTo>
                  <a:lnTo>
                    <a:pt x="507492" y="0"/>
                  </a:lnTo>
                  <a:lnTo>
                    <a:pt x="507492" y="4572"/>
                  </a:lnTo>
                  <a:lnTo>
                    <a:pt x="518160" y="4572"/>
                  </a:lnTo>
                  <a:lnTo>
                    <a:pt x="518160" y="0"/>
                  </a:lnTo>
                  <a:close/>
                </a:path>
                <a:path w="970914" h="5080">
                  <a:moveTo>
                    <a:pt x="531876" y="0"/>
                  </a:moveTo>
                  <a:lnTo>
                    <a:pt x="521208" y="0"/>
                  </a:lnTo>
                  <a:lnTo>
                    <a:pt x="521208" y="4572"/>
                  </a:lnTo>
                  <a:lnTo>
                    <a:pt x="531876" y="4572"/>
                  </a:lnTo>
                  <a:lnTo>
                    <a:pt x="531876" y="0"/>
                  </a:lnTo>
                  <a:close/>
                </a:path>
                <a:path w="970914" h="5080">
                  <a:moveTo>
                    <a:pt x="545592" y="0"/>
                  </a:moveTo>
                  <a:lnTo>
                    <a:pt x="534924" y="0"/>
                  </a:lnTo>
                  <a:lnTo>
                    <a:pt x="534924" y="4572"/>
                  </a:lnTo>
                  <a:lnTo>
                    <a:pt x="545592" y="4572"/>
                  </a:lnTo>
                  <a:lnTo>
                    <a:pt x="545592" y="0"/>
                  </a:lnTo>
                  <a:close/>
                </a:path>
                <a:path w="970914" h="5080">
                  <a:moveTo>
                    <a:pt x="559308" y="0"/>
                  </a:moveTo>
                  <a:lnTo>
                    <a:pt x="548640" y="0"/>
                  </a:lnTo>
                  <a:lnTo>
                    <a:pt x="548640" y="4572"/>
                  </a:lnTo>
                  <a:lnTo>
                    <a:pt x="559308" y="4572"/>
                  </a:lnTo>
                  <a:lnTo>
                    <a:pt x="559308" y="0"/>
                  </a:lnTo>
                  <a:close/>
                </a:path>
                <a:path w="970914" h="5080">
                  <a:moveTo>
                    <a:pt x="573024" y="0"/>
                  </a:moveTo>
                  <a:lnTo>
                    <a:pt x="562356" y="0"/>
                  </a:lnTo>
                  <a:lnTo>
                    <a:pt x="562356" y="4572"/>
                  </a:lnTo>
                  <a:lnTo>
                    <a:pt x="573024" y="4572"/>
                  </a:lnTo>
                  <a:lnTo>
                    <a:pt x="573024" y="0"/>
                  </a:lnTo>
                  <a:close/>
                </a:path>
                <a:path w="970914" h="5080">
                  <a:moveTo>
                    <a:pt x="586740" y="0"/>
                  </a:moveTo>
                  <a:lnTo>
                    <a:pt x="576072" y="0"/>
                  </a:lnTo>
                  <a:lnTo>
                    <a:pt x="576072" y="4572"/>
                  </a:lnTo>
                  <a:lnTo>
                    <a:pt x="586740" y="4572"/>
                  </a:lnTo>
                  <a:lnTo>
                    <a:pt x="586740" y="0"/>
                  </a:lnTo>
                  <a:close/>
                </a:path>
                <a:path w="970914" h="5080">
                  <a:moveTo>
                    <a:pt x="600456" y="0"/>
                  </a:moveTo>
                  <a:lnTo>
                    <a:pt x="589788" y="0"/>
                  </a:lnTo>
                  <a:lnTo>
                    <a:pt x="589788" y="4572"/>
                  </a:lnTo>
                  <a:lnTo>
                    <a:pt x="600456" y="4572"/>
                  </a:lnTo>
                  <a:lnTo>
                    <a:pt x="600456" y="0"/>
                  </a:lnTo>
                  <a:close/>
                </a:path>
                <a:path w="970914" h="5080">
                  <a:moveTo>
                    <a:pt x="614172" y="0"/>
                  </a:moveTo>
                  <a:lnTo>
                    <a:pt x="603504" y="0"/>
                  </a:lnTo>
                  <a:lnTo>
                    <a:pt x="603504" y="4572"/>
                  </a:lnTo>
                  <a:lnTo>
                    <a:pt x="614172" y="4572"/>
                  </a:lnTo>
                  <a:lnTo>
                    <a:pt x="614172" y="0"/>
                  </a:lnTo>
                  <a:close/>
                </a:path>
                <a:path w="970914" h="5080">
                  <a:moveTo>
                    <a:pt x="627888" y="0"/>
                  </a:moveTo>
                  <a:lnTo>
                    <a:pt x="617220" y="0"/>
                  </a:lnTo>
                  <a:lnTo>
                    <a:pt x="617220" y="4572"/>
                  </a:lnTo>
                  <a:lnTo>
                    <a:pt x="627888" y="4572"/>
                  </a:lnTo>
                  <a:lnTo>
                    <a:pt x="627888" y="0"/>
                  </a:lnTo>
                  <a:close/>
                </a:path>
                <a:path w="970914" h="5080">
                  <a:moveTo>
                    <a:pt x="641604" y="0"/>
                  </a:moveTo>
                  <a:lnTo>
                    <a:pt x="630936" y="0"/>
                  </a:lnTo>
                  <a:lnTo>
                    <a:pt x="630936" y="4572"/>
                  </a:lnTo>
                  <a:lnTo>
                    <a:pt x="641604" y="4572"/>
                  </a:lnTo>
                  <a:lnTo>
                    <a:pt x="641604" y="0"/>
                  </a:lnTo>
                  <a:close/>
                </a:path>
                <a:path w="970914" h="5080">
                  <a:moveTo>
                    <a:pt x="655320" y="0"/>
                  </a:moveTo>
                  <a:lnTo>
                    <a:pt x="644652" y="0"/>
                  </a:lnTo>
                  <a:lnTo>
                    <a:pt x="644652" y="4572"/>
                  </a:lnTo>
                  <a:lnTo>
                    <a:pt x="655320" y="4572"/>
                  </a:lnTo>
                  <a:lnTo>
                    <a:pt x="655320" y="0"/>
                  </a:lnTo>
                  <a:close/>
                </a:path>
                <a:path w="970914" h="5080">
                  <a:moveTo>
                    <a:pt x="669036" y="0"/>
                  </a:moveTo>
                  <a:lnTo>
                    <a:pt x="658368" y="0"/>
                  </a:lnTo>
                  <a:lnTo>
                    <a:pt x="658368" y="4572"/>
                  </a:lnTo>
                  <a:lnTo>
                    <a:pt x="669036" y="4572"/>
                  </a:lnTo>
                  <a:lnTo>
                    <a:pt x="669036" y="0"/>
                  </a:lnTo>
                  <a:close/>
                </a:path>
                <a:path w="970914" h="5080">
                  <a:moveTo>
                    <a:pt x="682752" y="0"/>
                  </a:moveTo>
                  <a:lnTo>
                    <a:pt x="672084" y="0"/>
                  </a:lnTo>
                  <a:lnTo>
                    <a:pt x="672084" y="4572"/>
                  </a:lnTo>
                  <a:lnTo>
                    <a:pt x="682752" y="4572"/>
                  </a:lnTo>
                  <a:lnTo>
                    <a:pt x="682752" y="0"/>
                  </a:lnTo>
                  <a:close/>
                </a:path>
                <a:path w="970914" h="5080">
                  <a:moveTo>
                    <a:pt x="696468" y="0"/>
                  </a:moveTo>
                  <a:lnTo>
                    <a:pt x="685800" y="0"/>
                  </a:lnTo>
                  <a:lnTo>
                    <a:pt x="685800" y="4572"/>
                  </a:lnTo>
                  <a:lnTo>
                    <a:pt x="696468" y="4572"/>
                  </a:lnTo>
                  <a:lnTo>
                    <a:pt x="696468" y="0"/>
                  </a:lnTo>
                  <a:close/>
                </a:path>
                <a:path w="970914" h="5080">
                  <a:moveTo>
                    <a:pt x="710184" y="0"/>
                  </a:moveTo>
                  <a:lnTo>
                    <a:pt x="699516" y="0"/>
                  </a:lnTo>
                  <a:lnTo>
                    <a:pt x="699516" y="4572"/>
                  </a:lnTo>
                  <a:lnTo>
                    <a:pt x="710184" y="4572"/>
                  </a:lnTo>
                  <a:lnTo>
                    <a:pt x="710184" y="0"/>
                  </a:lnTo>
                  <a:close/>
                </a:path>
                <a:path w="970914" h="5080">
                  <a:moveTo>
                    <a:pt x="723900" y="0"/>
                  </a:moveTo>
                  <a:lnTo>
                    <a:pt x="713232" y="0"/>
                  </a:lnTo>
                  <a:lnTo>
                    <a:pt x="713232" y="4572"/>
                  </a:lnTo>
                  <a:lnTo>
                    <a:pt x="723900" y="4572"/>
                  </a:lnTo>
                  <a:lnTo>
                    <a:pt x="723900" y="0"/>
                  </a:lnTo>
                  <a:close/>
                </a:path>
                <a:path w="970914" h="5080">
                  <a:moveTo>
                    <a:pt x="737616" y="0"/>
                  </a:moveTo>
                  <a:lnTo>
                    <a:pt x="726948" y="0"/>
                  </a:lnTo>
                  <a:lnTo>
                    <a:pt x="726948" y="4572"/>
                  </a:lnTo>
                  <a:lnTo>
                    <a:pt x="737616" y="4572"/>
                  </a:lnTo>
                  <a:lnTo>
                    <a:pt x="737616" y="0"/>
                  </a:lnTo>
                  <a:close/>
                </a:path>
                <a:path w="970914" h="5080">
                  <a:moveTo>
                    <a:pt x="751332" y="0"/>
                  </a:moveTo>
                  <a:lnTo>
                    <a:pt x="740664" y="0"/>
                  </a:lnTo>
                  <a:lnTo>
                    <a:pt x="740664" y="4572"/>
                  </a:lnTo>
                  <a:lnTo>
                    <a:pt x="751332" y="4572"/>
                  </a:lnTo>
                  <a:lnTo>
                    <a:pt x="751332" y="0"/>
                  </a:lnTo>
                  <a:close/>
                </a:path>
                <a:path w="970914" h="5080">
                  <a:moveTo>
                    <a:pt x="765048" y="0"/>
                  </a:moveTo>
                  <a:lnTo>
                    <a:pt x="754380" y="0"/>
                  </a:lnTo>
                  <a:lnTo>
                    <a:pt x="754380" y="4572"/>
                  </a:lnTo>
                  <a:lnTo>
                    <a:pt x="765048" y="4572"/>
                  </a:lnTo>
                  <a:lnTo>
                    <a:pt x="765048" y="0"/>
                  </a:lnTo>
                  <a:close/>
                </a:path>
                <a:path w="970914" h="5080">
                  <a:moveTo>
                    <a:pt x="778764" y="0"/>
                  </a:moveTo>
                  <a:lnTo>
                    <a:pt x="768096" y="0"/>
                  </a:lnTo>
                  <a:lnTo>
                    <a:pt x="768096" y="4572"/>
                  </a:lnTo>
                  <a:lnTo>
                    <a:pt x="778764" y="4572"/>
                  </a:lnTo>
                  <a:lnTo>
                    <a:pt x="778764" y="0"/>
                  </a:lnTo>
                  <a:close/>
                </a:path>
                <a:path w="970914" h="5080">
                  <a:moveTo>
                    <a:pt x="792480" y="0"/>
                  </a:moveTo>
                  <a:lnTo>
                    <a:pt x="781812" y="0"/>
                  </a:lnTo>
                  <a:lnTo>
                    <a:pt x="781812" y="4572"/>
                  </a:lnTo>
                  <a:lnTo>
                    <a:pt x="792480" y="4572"/>
                  </a:lnTo>
                  <a:lnTo>
                    <a:pt x="792480" y="0"/>
                  </a:lnTo>
                  <a:close/>
                </a:path>
                <a:path w="970914" h="5080">
                  <a:moveTo>
                    <a:pt x="806196" y="0"/>
                  </a:moveTo>
                  <a:lnTo>
                    <a:pt x="795528" y="0"/>
                  </a:lnTo>
                  <a:lnTo>
                    <a:pt x="795528" y="4572"/>
                  </a:lnTo>
                  <a:lnTo>
                    <a:pt x="806196" y="4572"/>
                  </a:lnTo>
                  <a:lnTo>
                    <a:pt x="806196" y="0"/>
                  </a:lnTo>
                  <a:close/>
                </a:path>
                <a:path w="970914" h="5080">
                  <a:moveTo>
                    <a:pt x="819912" y="0"/>
                  </a:moveTo>
                  <a:lnTo>
                    <a:pt x="809244" y="0"/>
                  </a:lnTo>
                  <a:lnTo>
                    <a:pt x="809244" y="4572"/>
                  </a:lnTo>
                  <a:lnTo>
                    <a:pt x="819912" y="4572"/>
                  </a:lnTo>
                  <a:lnTo>
                    <a:pt x="819912" y="0"/>
                  </a:lnTo>
                  <a:close/>
                </a:path>
                <a:path w="970914" h="5080">
                  <a:moveTo>
                    <a:pt x="833628" y="0"/>
                  </a:moveTo>
                  <a:lnTo>
                    <a:pt x="822960" y="0"/>
                  </a:lnTo>
                  <a:lnTo>
                    <a:pt x="822960" y="4572"/>
                  </a:lnTo>
                  <a:lnTo>
                    <a:pt x="833628" y="4572"/>
                  </a:lnTo>
                  <a:lnTo>
                    <a:pt x="833628" y="0"/>
                  </a:lnTo>
                  <a:close/>
                </a:path>
                <a:path w="970914" h="5080">
                  <a:moveTo>
                    <a:pt x="847344" y="0"/>
                  </a:moveTo>
                  <a:lnTo>
                    <a:pt x="836676" y="0"/>
                  </a:lnTo>
                  <a:lnTo>
                    <a:pt x="836676" y="4572"/>
                  </a:lnTo>
                  <a:lnTo>
                    <a:pt x="847344" y="4572"/>
                  </a:lnTo>
                  <a:lnTo>
                    <a:pt x="847344" y="0"/>
                  </a:lnTo>
                  <a:close/>
                </a:path>
                <a:path w="970914" h="5080">
                  <a:moveTo>
                    <a:pt x="861060" y="0"/>
                  </a:moveTo>
                  <a:lnTo>
                    <a:pt x="850392" y="0"/>
                  </a:lnTo>
                  <a:lnTo>
                    <a:pt x="850392" y="4572"/>
                  </a:lnTo>
                  <a:lnTo>
                    <a:pt x="861060" y="4572"/>
                  </a:lnTo>
                  <a:lnTo>
                    <a:pt x="861060" y="0"/>
                  </a:lnTo>
                  <a:close/>
                </a:path>
                <a:path w="970914" h="5080">
                  <a:moveTo>
                    <a:pt x="874776" y="0"/>
                  </a:moveTo>
                  <a:lnTo>
                    <a:pt x="864108" y="0"/>
                  </a:lnTo>
                  <a:lnTo>
                    <a:pt x="864108" y="4572"/>
                  </a:lnTo>
                  <a:lnTo>
                    <a:pt x="874776" y="4572"/>
                  </a:lnTo>
                  <a:lnTo>
                    <a:pt x="874776" y="0"/>
                  </a:lnTo>
                  <a:close/>
                </a:path>
                <a:path w="970914" h="5080">
                  <a:moveTo>
                    <a:pt x="888492" y="0"/>
                  </a:moveTo>
                  <a:lnTo>
                    <a:pt x="877824" y="0"/>
                  </a:lnTo>
                  <a:lnTo>
                    <a:pt x="877824" y="4572"/>
                  </a:lnTo>
                  <a:lnTo>
                    <a:pt x="888492" y="4572"/>
                  </a:lnTo>
                  <a:lnTo>
                    <a:pt x="888492" y="0"/>
                  </a:lnTo>
                  <a:close/>
                </a:path>
                <a:path w="970914" h="5080">
                  <a:moveTo>
                    <a:pt x="902208" y="0"/>
                  </a:moveTo>
                  <a:lnTo>
                    <a:pt x="891540" y="0"/>
                  </a:lnTo>
                  <a:lnTo>
                    <a:pt x="891540" y="4572"/>
                  </a:lnTo>
                  <a:lnTo>
                    <a:pt x="902208" y="4572"/>
                  </a:lnTo>
                  <a:lnTo>
                    <a:pt x="902208" y="0"/>
                  </a:lnTo>
                  <a:close/>
                </a:path>
                <a:path w="970914" h="5080">
                  <a:moveTo>
                    <a:pt x="915924" y="0"/>
                  </a:moveTo>
                  <a:lnTo>
                    <a:pt x="905256" y="0"/>
                  </a:lnTo>
                  <a:lnTo>
                    <a:pt x="905256" y="4572"/>
                  </a:lnTo>
                  <a:lnTo>
                    <a:pt x="915924" y="4572"/>
                  </a:lnTo>
                  <a:lnTo>
                    <a:pt x="915924" y="0"/>
                  </a:lnTo>
                  <a:close/>
                </a:path>
                <a:path w="970914" h="5080">
                  <a:moveTo>
                    <a:pt x="929640" y="0"/>
                  </a:moveTo>
                  <a:lnTo>
                    <a:pt x="918972" y="0"/>
                  </a:lnTo>
                  <a:lnTo>
                    <a:pt x="918972" y="4572"/>
                  </a:lnTo>
                  <a:lnTo>
                    <a:pt x="929640" y="4572"/>
                  </a:lnTo>
                  <a:lnTo>
                    <a:pt x="929640" y="0"/>
                  </a:lnTo>
                  <a:close/>
                </a:path>
                <a:path w="970914" h="5080">
                  <a:moveTo>
                    <a:pt x="943356" y="0"/>
                  </a:moveTo>
                  <a:lnTo>
                    <a:pt x="932688" y="0"/>
                  </a:lnTo>
                  <a:lnTo>
                    <a:pt x="932688" y="4572"/>
                  </a:lnTo>
                  <a:lnTo>
                    <a:pt x="943356" y="4572"/>
                  </a:lnTo>
                  <a:lnTo>
                    <a:pt x="943356" y="0"/>
                  </a:lnTo>
                  <a:close/>
                </a:path>
                <a:path w="970914" h="5080">
                  <a:moveTo>
                    <a:pt x="957072" y="0"/>
                  </a:moveTo>
                  <a:lnTo>
                    <a:pt x="946404" y="0"/>
                  </a:lnTo>
                  <a:lnTo>
                    <a:pt x="946404" y="4572"/>
                  </a:lnTo>
                  <a:lnTo>
                    <a:pt x="957072" y="4572"/>
                  </a:lnTo>
                  <a:lnTo>
                    <a:pt x="957072" y="0"/>
                  </a:lnTo>
                  <a:close/>
                </a:path>
                <a:path w="970914" h="5080">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80" name="object 80"/>
            <p:cNvSpPr/>
            <p:nvPr/>
          </p:nvSpPr>
          <p:spPr>
            <a:xfrm>
              <a:off x="3189732" y="261823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35" y="0"/>
                  </a:moveTo>
                  <a:lnTo>
                    <a:pt x="68580" y="0"/>
                  </a:lnTo>
                  <a:lnTo>
                    <a:pt x="68580" y="4572"/>
                  </a:lnTo>
                  <a:lnTo>
                    <a:pt x="79235" y="4572"/>
                  </a:lnTo>
                  <a:lnTo>
                    <a:pt x="79235"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47" y="0"/>
                  </a:lnTo>
                  <a:lnTo>
                    <a:pt x="137147"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7284" y="0"/>
                  </a:moveTo>
                  <a:lnTo>
                    <a:pt x="356616" y="0"/>
                  </a:lnTo>
                  <a:lnTo>
                    <a:pt x="356616" y="4572"/>
                  </a:lnTo>
                  <a:lnTo>
                    <a:pt x="367284" y="4572"/>
                  </a:lnTo>
                  <a:lnTo>
                    <a:pt x="367284" y="0"/>
                  </a:lnTo>
                  <a:close/>
                </a:path>
                <a:path w="969645" h="5080">
                  <a:moveTo>
                    <a:pt x="381000" y="0"/>
                  </a:moveTo>
                  <a:lnTo>
                    <a:pt x="370332" y="0"/>
                  </a:lnTo>
                  <a:lnTo>
                    <a:pt x="370332" y="4572"/>
                  </a:lnTo>
                  <a:lnTo>
                    <a:pt x="381000" y="4572"/>
                  </a:lnTo>
                  <a:lnTo>
                    <a:pt x="381000" y="0"/>
                  </a:lnTo>
                  <a:close/>
                </a:path>
                <a:path w="969645" h="5080">
                  <a:moveTo>
                    <a:pt x="394716" y="0"/>
                  </a:moveTo>
                  <a:lnTo>
                    <a:pt x="384048" y="0"/>
                  </a:lnTo>
                  <a:lnTo>
                    <a:pt x="384048" y="4572"/>
                  </a:lnTo>
                  <a:lnTo>
                    <a:pt x="394716" y="4572"/>
                  </a:lnTo>
                  <a:lnTo>
                    <a:pt x="394716" y="0"/>
                  </a:lnTo>
                  <a:close/>
                </a:path>
                <a:path w="969645" h="5080">
                  <a:moveTo>
                    <a:pt x="408432" y="0"/>
                  </a:moveTo>
                  <a:lnTo>
                    <a:pt x="397764" y="0"/>
                  </a:lnTo>
                  <a:lnTo>
                    <a:pt x="397764" y="4572"/>
                  </a:lnTo>
                  <a:lnTo>
                    <a:pt x="408432" y="4572"/>
                  </a:lnTo>
                  <a:lnTo>
                    <a:pt x="408432" y="0"/>
                  </a:lnTo>
                  <a:close/>
                </a:path>
                <a:path w="969645" h="5080">
                  <a:moveTo>
                    <a:pt x="422148" y="0"/>
                  </a:moveTo>
                  <a:lnTo>
                    <a:pt x="411480" y="0"/>
                  </a:lnTo>
                  <a:lnTo>
                    <a:pt x="411480" y="4572"/>
                  </a:lnTo>
                  <a:lnTo>
                    <a:pt x="422148" y="4572"/>
                  </a:lnTo>
                  <a:lnTo>
                    <a:pt x="422148" y="0"/>
                  </a:lnTo>
                  <a:close/>
                </a:path>
                <a:path w="969645" h="5080">
                  <a:moveTo>
                    <a:pt x="435864" y="0"/>
                  </a:moveTo>
                  <a:lnTo>
                    <a:pt x="425196" y="0"/>
                  </a:lnTo>
                  <a:lnTo>
                    <a:pt x="425196" y="4572"/>
                  </a:lnTo>
                  <a:lnTo>
                    <a:pt x="435864" y="4572"/>
                  </a:lnTo>
                  <a:lnTo>
                    <a:pt x="435864" y="0"/>
                  </a:lnTo>
                  <a:close/>
                </a:path>
                <a:path w="969645" h="5080">
                  <a:moveTo>
                    <a:pt x="449580" y="0"/>
                  </a:moveTo>
                  <a:lnTo>
                    <a:pt x="438912" y="0"/>
                  </a:lnTo>
                  <a:lnTo>
                    <a:pt x="438912" y="4572"/>
                  </a:lnTo>
                  <a:lnTo>
                    <a:pt x="449580" y="4572"/>
                  </a:lnTo>
                  <a:lnTo>
                    <a:pt x="449580" y="0"/>
                  </a:lnTo>
                  <a:close/>
                </a:path>
                <a:path w="969645" h="5080">
                  <a:moveTo>
                    <a:pt x="463296" y="0"/>
                  </a:moveTo>
                  <a:lnTo>
                    <a:pt x="452628" y="0"/>
                  </a:lnTo>
                  <a:lnTo>
                    <a:pt x="452628" y="4572"/>
                  </a:lnTo>
                  <a:lnTo>
                    <a:pt x="463296" y="4572"/>
                  </a:lnTo>
                  <a:lnTo>
                    <a:pt x="463296" y="0"/>
                  </a:lnTo>
                  <a:close/>
                </a:path>
                <a:path w="969645" h="5080">
                  <a:moveTo>
                    <a:pt x="477012" y="0"/>
                  </a:moveTo>
                  <a:lnTo>
                    <a:pt x="466344" y="0"/>
                  </a:lnTo>
                  <a:lnTo>
                    <a:pt x="466344" y="4572"/>
                  </a:lnTo>
                  <a:lnTo>
                    <a:pt x="477012" y="4572"/>
                  </a:lnTo>
                  <a:lnTo>
                    <a:pt x="477012" y="0"/>
                  </a:lnTo>
                  <a:close/>
                </a:path>
                <a:path w="969645" h="5080">
                  <a:moveTo>
                    <a:pt x="490728" y="0"/>
                  </a:moveTo>
                  <a:lnTo>
                    <a:pt x="480060" y="0"/>
                  </a:lnTo>
                  <a:lnTo>
                    <a:pt x="480060" y="4572"/>
                  </a:lnTo>
                  <a:lnTo>
                    <a:pt x="490728" y="4572"/>
                  </a:lnTo>
                  <a:lnTo>
                    <a:pt x="490728" y="0"/>
                  </a:lnTo>
                  <a:close/>
                </a:path>
                <a:path w="969645" h="5080">
                  <a:moveTo>
                    <a:pt x="504444" y="0"/>
                  </a:moveTo>
                  <a:lnTo>
                    <a:pt x="493776" y="0"/>
                  </a:lnTo>
                  <a:lnTo>
                    <a:pt x="493776" y="4572"/>
                  </a:lnTo>
                  <a:lnTo>
                    <a:pt x="504444" y="4572"/>
                  </a:lnTo>
                  <a:lnTo>
                    <a:pt x="504444" y="0"/>
                  </a:lnTo>
                  <a:close/>
                </a:path>
                <a:path w="969645" h="5080">
                  <a:moveTo>
                    <a:pt x="518160" y="0"/>
                  </a:moveTo>
                  <a:lnTo>
                    <a:pt x="507492" y="0"/>
                  </a:lnTo>
                  <a:lnTo>
                    <a:pt x="507492" y="4572"/>
                  </a:lnTo>
                  <a:lnTo>
                    <a:pt x="518160" y="4572"/>
                  </a:lnTo>
                  <a:lnTo>
                    <a:pt x="518160" y="0"/>
                  </a:lnTo>
                  <a:close/>
                </a:path>
                <a:path w="969645" h="5080">
                  <a:moveTo>
                    <a:pt x="531876" y="0"/>
                  </a:moveTo>
                  <a:lnTo>
                    <a:pt x="521208" y="0"/>
                  </a:lnTo>
                  <a:lnTo>
                    <a:pt x="521208" y="4572"/>
                  </a:lnTo>
                  <a:lnTo>
                    <a:pt x="531876" y="4572"/>
                  </a:lnTo>
                  <a:lnTo>
                    <a:pt x="531876" y="0"/>
                  </a:lnTo>
                  <a:close/>
                </a:path>
                <a:path w="969645" h="5080">
                  <a:moveTo>
                    <a:pt x="545592" y="0"/>
                  </a:moveTo>
                  <a:lnTo>
                    <a:pt x="534924" y="0"/>
                  </a:lnTo>
                  <a:lnTo>
                    <a:pt x="534924" y="4572"/>
                  </a:lnTo>
                  <a:lnTo>
                    <a:pt x="545592" y="4572"/>
                  </a:lnTo>
                  <a:lnTo>
                    <a:pt x="545592" y="0"/>
                  </a:lnTo>
                  <a:close/>
                </a:path>
                <a:path w="969645" h="5080">
                  <a:moveTo>
                    <a:pt x="559308" y="0"/>
                  </a:moveTo>
                  <a:lnTo>
                    <a:pt x="548640" y="0"/>
                  </a:lnTo>
                  <a:lnTo>
                    <a:pt x="548640" y="4572"/>
                  </a:lnTo>
                  <a:lnTo>
                    <a:pt x="559308" y="4572"/>
                  </a:lnTo>
                  <a:lnTo>
                    <a:pt x="559308" y="0"/>
                  </a:lnTo>
                  <a:close/>
                </a:path>
                <a:path w="969645" h="5080">
                  <a:moveTo>
                    <a:pt x="573024" y="0"/>
                  </a:moveTo>
                  <a:lnTo>
                    <a:pt x="562356" y="0"/>
                  </a:lnTo>
                  <a:lnTo>
                    <a:pt x="562356" y="4572"/>
                  </a:lnTo>
                  <a:lnTo>
                    <a:pt x="573024" y="4572"/>
                  </a:lnTo>
                  <a:lnTo>
                    <a:pt x="573024" y="0"/>
                  </a:lnTo>
                  <a:close/>
                </a:path>
                <a:path w="969645" h="5080">
                  <a:moveTo>
                    <a:pt x="586740" y="0"/>
                  </a:moveTo>
                  <a:lnTo>
                    <a:pt x="576072" y="0"/>
                  </a:lnTo>
                  <a:lnTo>
                    <a:pt x="576072" y="4572"/>
                  </a:lnTo>
                  <a:lnTo>
                    <a:pt x="586740" y="4572"/>
                  </a:lnTo>
                  <a:lnTo>
                    <a:pt x="586740" y="0"/>
                  </a:lnTo>
                  <a:close/>
                </a:path>
                <a:path w="969645" h="5080">
                  <a:moveTo>
                    <a:pt x="600456" y="0"/>
                  </a:moveTo>
                  <a:lnTo>
                    <a:pt x="589788" y="0"/>
                  </a:lnTo>
                  <a:lnTo>
                    <a:pt x="589788" y="4572"/>
                  </a:lnTo>
                  <a:lnTo>
                    <a:pt x="600456" y="4572"/>
                  </a:lnTo>
                  <a:lnTo>
                    <a:pt x="600456" y="0"/>
                  </a:lnTo>
                  <a:close/>
                </a:path>
                <a:path w="969645" h="5080">
                  <a:moveTo>
                    <a:pt x="614172" y="0"/>
                  </a:moveTo>
                  <a:lnTo>
                    <a:pt x="603504" y="0"/>
                  </a:lnTo>
                  <a:lnTo>
                    <a:pt x="603504" y="4572"/>
                  </a:lnTo>
                  <a:lnTo>
                    <a:pt x="614172" y="4572"/>
                  </a:lnTo>
                  <a:lnTo>
                    <a:pt x="614172" y="0"/>
                  </a:lnTo>
                  <a:close/>
                </a:path>
                <a:path w="969645" h="5080">
                  <a:moveTo>
                    <a:pt x="627888" y="0"/>
                  </a:moveTo>
                  <a:lnTo>
                    <a:pt x="617220" y="0"/>
                  </a:lnTo>
                  <a:lnTo>
                    <a:pt x="617220" y="4572"/>
                  </a:lnTo>
                  <a:lnTo>
                    <a:pt x="627888" y="4572"/>
                  </a:lnTo>
                  <a:lnTo>
                    <a:pt x="627888" y="0"/>
                  </a:lnTo>
                  <a:close/>
                </a:path>
                <a:path w="969645" h="5080">
                  <a:moveTo>
                    <a:pt x="641604" y="0"/>
                  </a:moveTo>
                  <a:lnTo>
                    <a:pt x="630936" y="0"/>
                  </a:lnTo>
                  <a:lnTo>
                    <a:pt x="630936" y="4572"/>
                  </a:lnTo>
                  <a:lnTo>
                    <a:pt x="641604" y="4572"/>
                  </a:lnTo>
                  <a:lnTo>
                    <a:pt x="641604" y="0"/>
                  </a:lnTo>
                  <a:close/>
                </a:path>
                <a:path w="969645" h="5080">
                  <a:moveTo>
                    <a:pt x="655320" y="0"/>
                  </a:moveTo>
                  <a:lnTo>
                    <a:pt x="644652" y="0"/>
                  </a:lnTo>
                  <a:lnTo>
                    <a:pt x="644652" y="4572"/>
                  </a:lnTo>
                  <a:lnTo>
                    <a:pt x="655320" y="4572"/>
                  </a:lnTo>
                  <a:lnTo>
                    <a:pt x="655320" y="0"/>
                  </a:lnTo>
                  <a:close/>
                </a:path>
                <a:path w="969645" h="5080">
                  <a:moveTo>
                    <a:pt x="669036" y="0"/>
                  </a:moveTo>
                  <a:lnTo>
                    <a:pt x="658368" y="0"/>
                  </a:lnTo>
                  <a:lnTo>
                    <a:pt x="658368" y="4572"/>
                  </a:lnTo>
                  <a:lnTo>
                    <a:pt x="669036" y="4572"/>
                  </a:lnTo>
                  <a:lnTo>
                    <a:pt x="669036" y="0"/>
                  </a:lnTo>
                  <a:close/>
                </a:path>
                <a:path w="969645" h="5080">
                  <a:moveTo>
                    <a:pt x="682752" y="0"/>
                  </a:moveTo>
                  <a:lnTo>
                    <a:pt x="672084" y="0"/>
                  </a:lnTo>
                  <a:lnTo>
                    <a:pt x="672084" y="4572"/>
                  </a:lnTo>
                  <a:lnTo>
                    <a:pt x="682752" y="4572"/>
                  </a:lnTo>
                  <a:lnTo>
                    <a:pt x="682752" y="0"/>
                  </a:lnTo>
                  <a:close/>
                </a:path>
                <a:path w="969645" h="5080">
                  <a:moveTo>
                    <a:pt x="696468" y="0"/>
                  </a:moveTo>
                  <a:lnTo>
                    <a:pt x="685800" y="0"/>
                  </a:lnTo>
                  <a:lnTo>
                    <a:pt x="685800" y="4572"/>
                  </a:lnTo>
                  <a:lnTo>
                    <a:pt x="696468" y="4572"/>
                  </a:lnTo>
                  <a:lnTo>
                    <a:pt x="696468" y="0"/>
                  </a:lnTo>
                  <a:close/>
                </a:path>
                <a:path w="969645" h="5080">
                  <a:moveTo>
                    <a:pt x="710184" y="0"/>
                  </a:moveTo>
                  <a:lnTo>
                    <a:pt x="699516" y="0"/>
                  </a:lnTo>
                  <a:lnTo>
                    <a:pt x="699516" y="4572"/>
                  </a:lnTo>
                  <a:lnTo>
                    <a:pt x="710184" y="4572"/>
                  </a:lnTo>
                  <a:lnTo>
                    <a:pt x="710184" y="0"/>
                  </a:lnTo>
                  <a:close/>
                </a:path>
                <a:path w="969645" h="5080">
                  <a:moveTo>
                    <a:pt x="723900" y="0"/>
                  </a:moveTo>
                  <a:lnTo>
                    <a:pt x="713232" y="0"/>
                  </a:lnTo>
                  <a:lnTo>
                    <a:pt x="713232" y="4572"/>
                  </a:lnTo>
                  <a:lnTo>
                    <a:pt x="723900" y="4572"/>
                  </a:lnTo>
                  <a:lnTo>
                    <a:pt x="723900" y="0"/>
                  </a:lnTo>
                  <a:close/>
                </a:path>
                <a:path w="969645" h="5080">
                  <a:moveTo>
                    <a:pt x="737616" y="0"/>
                  </a:moveTo>
                  <a:lnTo>
                    <a:pt x="726948" y="0"/>
                  </a:lnTo>
                  <a:lnTo>
                    <a:pt x="726948" y="4572"/>
                  </a:lnTo>
                  <a:lnTo>
                    <a:pt x="737616" y="4572"/>
                  </a:lnTo>
                  <a:lnTo>
                    <a:pt x="737616" y="0"/>
                  </a:lnTo>
                  <a:close/>
                </a:path>
                <a:path w="969645" h="5080">
                  <a:moveTo>
                    <a:pt x="751332" y="0"/>
                  </a:moveTo>
                  <a:lnTo>
                    <a:pt x="740664" y="0"/>
                  </a:lnTo>
                  <a:lnTo>
                    <a:pt x="740664" y="4572"/>
                  </a:lnTo>
                  <a:lnTo>
                    <a:pt x="751332" y="4572"/>
                  </a:lnTo>
                  <a:lnTo>
                    <a:pt x="751332" y="0"/>
                  </a:lnTo>
                  <a:close/>
                </a:path>
                <a:path w="969645" h="5080">
                  <a:moveTo>
                    <a:pt x="765048" y="0"/>
                  </a:moveTo>
                  <a:lnTo>
                    <a:pt x="754380" y="0"/>
                  </a:lnTo>
                  <a:lnTo>
                    <a:pt x="754380" y="4572"/>
                  </a:lnTo>
                  <a:lnTo>
                    <a:pt x="765048" y="4572"/>
                  </a:lnTo>
                  <a:lnTo>
                    <a:pt x="765048" y="0"/>
                  </a:lnTo>
                  <a:close/>
                </a:path>
                <a:path w="969645" h="5080">
                  <a:moveTo>
                    <a:pt x="778764" y="0"/>
                  </a:moveTo>
                  <a:lnTo>
                    <a:pt x="768096" y="0"/>
                  </a:lnTo>
                  <a:lnTo>
                    <a:pt x="768096" y="4572"/>
                  </a:lnTo>
                  <a:lnTo>
                    <a:pt x="778764" y="4572"/>
                  </a:lnTo>
                  <a:lnTo>
                    <a:pt x="778764" y="0"/>
                  </a:lnTo>
                  <a:close/>
                </a:path>
                <a:path w="969645" h="5080">
                  <a:moveTo>
                    <a:pt x="792480" y="0"/>
                  </a:moveTo>
                  <a:lnTo>
                    <a:pt x="781812" y="0"/>
                  </a:lnTo>
                  <a:lnTo>
                    <a:pt x="781812" y="4572"/>
                  </a:lnTo>
                  <a:lnTo>
                    <a:pt x="792480" y="4572"/>
                  </a:lnTo>
                  <a:lnTo>
                    <a:pt x="792480" y="0"/>
                  </a:lnTo>
                  <a:close/>
                </a:path>
                <a:path w="969645" h="5080">
                  <a:moveTo>
                    <a:pt x="804672" y="0"/>
                  </a:moveTo>
                  <a:lnTo>
                    <a:pt x="795528" y="0"/>
                  </a:lnTo>
                  <a:lnTo>
                    <a:pt x="795528" y="4572"/>
                  </a:lnTo>
                  <a:lnTo>
                    <a:pt x="804672" y="4572"/>
                  </a:lnTo>
                  <a:lnTo>
                    <a:pt x="804672" y="0"/>
                  </a:lnTo>
                  <a:close/>
                </a:path>
                <a:path w="969645" h="5080">
                  <a:moveTo>
                    <a:pt x="818388" y="0"/>
                  </a:moveTo>
                  <a:lnTo>
                    <a:pt x="809244" y="0"/>
                  </a:lnTo>
                  <a:lnTo>
                    <a:pt x="809244" y="4572"/>
                  </a:lnTo>
                  <a:lnTo>
                    <a:pt x="818388" y="4572"/>
                  </a:lnTo>
                  <a:lnTo>
                    <a:pt x="818388" y="0"/>
                  </a:lnTo>
                  <a:close/>
                </a:path>
                <a:path w="969645" h="5080">
                  <a:moveTo>
                    <a:pt x="832104" y="0"/>
                  </a:moveTo>
                  <a:lnTo>
                    <a:pt x="822960" y="0"/>
                  </a:lnTo>
                  <a:lnTo>
                    <a:pt x="822960" y="4572"/>
                  </a:lnTo>
                  <a:lnTo>
                    <a:pt x="832104" y="4572"/>
                  </a:lnTo>
                  <a:lnTo>
                    <a:pt x="832104" y="0"/>
                  </a:lnTo>
                  <a:close/>
                </a:path>
                <a:path w="969645" h="5080">
                  <a:moveTo>
                    <a:pt x="845820" y="0"/>
                  </a:moveTo>
                  <a:lnTo>
                    <a:pt x="836676" y="0"/>
                  </a:lnTo>
                  <a:lnTo>
                    <a:pt x="836676" y="4572"/>
                  </a:lnTo>
                  <a:lnTo>
                    <a:pt x="845820" y="4572"/>
                  </a:lnTo>
                  <a:lnTo>
                    <a:pt x="845820" y="0"/>
                  </a:lnTo>
                  <a:close/>
                </a:path>
                <a:path w="969645" h="5080">
                  <a:moveTo>
                    <a:pt x="859536" y="0"/>
                  </a:moveTo>
                  <a:lnTo>
                    <a:pt x="850392" y="0"/>
                  </a:lnTo>
                  <a:lnTo>
                    <a:pt x="850392" y="4572"/>
                  </a:lnTo>
                  <a:lnTo>
                    <a:pt x="859536" y="4572"/>
                  </a:lnTo>
                  <a:lnTo>
                    <a:pt x="859536" y="0"/>
                  </a:lnTo>
                  <a:close/>
                </a:path>
                <a:path w="969645" h="5080">
                  <a:moveTo>
                    <a:pt x="873252" y="0"/>
                  </a:moveTo>
                  <a:lnTo>
                    <a:pt x="864108" y="0"/>
                  </a:lnTo>
                  <a:lnTo>
                    <a:pt x="864108" y="4572"/>
                  </a:lnTo>
                  <a:lnTo>
                    <a:pt x="873252" y="4572"/>
                  </a:lnTo>
                  <a:lnTo>
                    <a:pt x="873252" y="0"/>
                  </a:lnTo>
                  <a:close/>
                </a:path>
                <a:path w="969645" h="5080">
                  <a:moveTo>
                    <a:pt x="886968" y="0"/>
                  </a:moveTo>
                  <a:lnTo>
                    <a:pt x="877824" y="0"/>
                  </a:lnTo>
                  <a:lnTo>
                    <a:pt x="877824" y="4572"/>
                  </a:lnTo>
                  <a:lnTo>
                    <a:pt x="886968" y="4572"/>
                  </a:lnTo>
                  <a:lnTo>
                    <a:pt x="886968"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81" name="object 81"/>
            <p:cNvSpPr/>
            <p:nvPr/>
          </p:nvSpPr>
          <p:spPr>
            <a:xfrm>
              <a:off x="4149852" y="2618231"/>
              <a:ext cx="969644" cy="5080"/>
            </a:xfrm>
            <a:custGeom>
              <a:avLst/>
              <a:gdLst/>
              <a:ahLst/>
              <a:cxnLst/>
              <a:rect l="l" t="t" r="r" b="b"/>
              <a:pathLst>
                <a:path w="969645" h="5080">
                  <a:moveTo>
                    <a:pt x="9144" y="0"/>
                  </a:moveTo>
                  <a:lnTo>
                    <a:pt x="0" y="0"/>
                  </a:lnTo>
                  <a:lnTo>
                    <a:pt x="0" y="4572"/>
                  </a:lnTo>
                  <a:lnTo>
                    <a:pt x="9144" y="4572"/>
                  </a:lnTo>
                  <a:lnTo>
                    <a:pt x="9144" y="0"/>
                  </a:lnTo>
                  <a:close/>
                </a:path>
                <a:path w="969645" h="5080">
                  <a:moveTo>
                    <a:pt x="22860" y="0"/>
                  </a:moveTo>
                  <a:lnTo>
                    <a:pt x="13716" y="0"/>
                  </a:lnTo>
                  <a:lnTo>
                    <a:pt x="13716" y="4572"/>
                  </a:lnTo>
                  <a:lnTo>
                    <a:pt x="22860" y="4572"/>
                  </a:lnTo>
                  <a:lnTo>
                    <a:pt x="22860" y="0"/>
                  </a:lnTo>
                  <a:close/>
                </a:path>
                <a:path w="969645" h="5080">
                  <a:moveTo>
                    <a:pt x="36576" y="0"/>
                  </a:moveTo>
                  <a:lnTo>
                    <a:pt x="27432" y="0"/>
                  </a:lnTo>
                  <a:lnTo>
                    <a:pt x="27432" y="4572"/>
                  </a:lnTo>
                  <a:lnTo>
                    <a:pt x="36576" y="4572"/>
                  </a:lnTo>
                  <a:lnTo>
                    <a:pt x="36576" y="0"/>
                  </a:lnTo>
                  <a:close/>
                </a:path>
                <a:path w="969645" h="5080">
                  <a:moveTo>
                    <a:pt x="50292" y="0"/>
                  </a:moveTo>
                  <a:lnTo>
                    <a:pt x="41148" y="0"/>
                  </a:lnTo>
                  <a:lnTo>
                    <a:pt x="41148" y="4572"/>
                  </a:lnTo>
                  <a:lnTo>
                    <a:pt x="50292" y="4572"/>
                  </a:lnTo>
                  <a:lnTo>
                    <a:pt x="50292" y="0"/>
                  </a:lnTo>
                  <a:close/>
                </a:path>
                <a:path w="969645" h="5080">
                  <a:moveTo>
                    <a:pt x="64008" y="0"/>
                  </a:moveTo>
                  <a:lnTo>
                    <a:pt x="54864" y="0"/>
                  </a:lnTo>
                  <a:lnTo>
                    <a:pt x="54864" y="4572"/>
                  </a:lnTo>
                  <a:lnTo>
                    <a:pt x="64008" y="4572"/>
                  </a:lnTo>
                  <a:lnTo>
                    <a:pt x="64008" y="0"/>
                  </a:lnTo>
                  <a:close/>
                </a:path>
                <a:path w="969645" h="5080">
                  <a:moveTo>
                    <a:pt x="77724" y="0"/>
                  </a:moveTo>
                  <a:lnTo>
                    <a:pt x="68580" y="0"/>
                  </a:lnTo>
                  <a:lnTo>
                    <a:pt x="68580" y="4572"/>
                  </a:lnTo>
                  <a:lnTo>
                    <a:pt x="77724" y="4572"/>
                  </a:lnTo>
                  <a:lnTo>
                    <a:pt x="77724" y="0"/>
                  </a:lnTo>
                  <a:close/>
                </a:path>
                <a:path w="969645" h="5080">
                  <a:moveTo>
                    <a:pt x="91440" y="0"/>
                  </a:moveTo>
                  <a:lnTo>
                    <a:pt x="82296" y="0"/>
                  </a:lnTo>
                  <a:lnTo>
                    <a:pt x="82296" y="4572"/>
                  </a:lnTo>
                  <a:lnTo>
                    <a:pt x="91440" y="4572"/>
                  </a:lnTo>
                  <a:lnTo>
                    <a:pt x="91440" y="0"/>
                  </a:lnTo>
                  <a:close/>
                </a:path>
                <a:path w="969645" h="5080">
                  <a:moveTo>
                    <a:pt x="105156" y="0"/>
                  </a:moveTo>
                  <a:lnTo>
                    <a:pt x="96012" y="0"/>
                  </a:lnTo>
                  <a:lnTo>
                    <a:pt x="96012" y="4572"/>
                  </a:lnTo>
                  <a:lnTo>
                    <a:pt x="105156" y="4572"/>
                  </a:lnTo>
                  <a:lnTo>
                    <a:pt x="105156" y="0"/>
                  </a:lnTo>
                  <a:close/>
                </a:path>
                <a:path w="969645" h="5080">
                  <a:moveTo>
                    <a:pt x="118872" y="0"/>
                  </a:moveTo>
                  <a:lnTo>
                    <a:pt x="109728" y="0"/>
                  </a:lnTo>
                  <a:lnTo>
                    <a:pt x="109728" y="4572"/>
                  </a:lnTo>
                  <a:lnTo>
                    <a:pt x="118872" y="4572"/>
                  </a:lnTo>
                  <a:lnTo>
                    <a:pt x="118872" y="0"/>
                  </a:lnTo>
                  <a:close/>
                </a:path>
                <a:path w="969645" h="5080">
                  <a:moveTo>
                    <a:pt x="132588" y="0"/>
                  </a:moveTo>
                  <a:lnTo>
                    <a:pt x="123444" y="0"/>
                  </a:lnTo>
                  <a:lnTo>
                    <a:pt x="123444" y="4572"/>
                  </a:lnTo>
                  <a:lnTo>
                    <a:pt x="132588" y="4572"/>
                  </a:lnTo>
                  <a:lnTo>
                    <a:pt x="132588" y="0"/>
                  </a:lnTo>
                  <a:close/>
                </a:path>
                <a:path w="969645" h="5080">
                  <a:moveTo>
                    <a:pt x="146304" y="0"/>
                  </a:moveTo>
                  <a:lnTo>
                    <a:pt x="137160" y="0"/>
                  </a:lnTo>
                  <a:lnTo>
                    <a:pt x="137160" y="4572"/>
                  </a:lnTo>
                  <a:lnTo>
                    <a:pt x="146304" y="4572"/>
                  </a:lnTo>
                  <a:lnTo>
                    <a:pt x="146304" y="0"/>
                  </a:lnTo>
                  <a:close/>
                </a:path>
                <a:path w="969645" h="5080">
                  <a:moveTo>
                    <a:pt x="160020" y="0"/>
                  </a:moveTo>
                  <a:lnTo>
                    <a:pt x="150876" y="0"/>
                  </a:lnTo>
                  <a:lnTo>
                    <a:pt x="150876" y="4572"/>
                  </a:lnTo>
                  <a:lnTo>
                    <a:pt x="160020" y="4572"/>
                  </a:lnTo>
                  <a:lnTo>
                    <a:pt x="160020" y="0"/>
                  </a:lnTo>
                  <a:close/>
                </a:path>
                <a:path w="969645" h="5080">
                  <a:moveTo>
                    <a:pt x="173736" y="0"/>
                  </a:moveTo>
                  <a:lnTo>
                    <a:pt x="164592" y="0"/>
                  </a:lnTo>
                  <a:lnTo>
                    <a:pt x="164592" y="4572"/>
                  </a:lnTo>
                  <a:lnTo>
                    <a:pt x="173736" y="4572"/>
                  </a:lnTo>
                  <a:lnTo>
                    <a:pt x="173736" y="0"/>
                  </a:lnTo>
                  <a:close/>
                </a:path>
                <a:path w="969645" h="5080">
                  <a:moveTo>
                    <a:pt x="187452" y="0"/>
                  </a:moveTo>
                  <a:lnTo>
                    <a:pt x="178308" y="0"/>
                  </a:lnTo>
                  <a:lnTo>
                    <a:pt x="178308" y="4572"/>
                  </a:lnTo>
                  <a:lnTo>
                    <a:pt x="187452" y="4572"/>
                  </a:lnTo>
                  <a:lnTo>
                    <a:pt x="187452" y="0"/>
                  </a:lnTo>
                  <a:close/>
                </a:path>
                <a:path w="969645" h="5080">
                  <a:moveTo>
                    <a:pt x="201168" y="0"/>
                  </a:moveTo>
                  <a:lnTo>
                    <a:pt x="192024" y="0"/>
                  </a:lnTo>
                  <a:lnTo>
                    <a:pt x="192024" y="4572"/>
                  </a:lnTo>
                  <a:lnTo>
                    <a:pt x="201168" y="4572"/>
                  </a:lnTo>
                  <a:lnTo>
                    <a:pt x="201168" y="0"/>
                  </a:lnTo>
                  <a:close/>
                </a:path>
                <a:path w="969645" h="5080">
                  <a:moveTo>
                    <a:pt x="214884" y="0"/>
                  </a:moveTo>
                  <a:lnTo>
                    <a:pt x="205740" y="0"/>
                  </a:lnTo>
                  <a:lnTo>
                    <a:pt x="205740" y="4572"/>
                  </a:lnTo>
                  <a:lnTo>
                    <a:pt x="214884" y="4572"/>
                  </a:lnTo>
                  <a:lnTo>
                    <a:pt x="214884" y="0"/>
                  </a:lnTo>
                  <a:close/>
                </a:path>
                <a:path w="969645" h="5080">
                  <a:moveTo>
                    <a:pt x="228600" y="0"/>
                  </a:moveTo>
                  <a:lnTo>
                    <a:pt x="219456" y="0"/>
                  </a:lnTo>
                  <a:lnTo>
                    <a:pt x="219456" y="4572"/>
                  </a:lnTo>
                  <a:lnTo>
                    <a:pt x="228600" y="4572"/>
                  </a:lnTo>
                  <a:lnTo>
                    <a:pt x="228600" y="0"/>
                  </a:lnTo>
                  <a:close/>
                </a:path>
                <a:path w="969645" h="5080">
                  <a:moveTo>
                    <a:pt x="242316" y="0"/>
                  </a:moveTo>
                  <a:lnTo>
                    <a:pt x="233172" y="0"/>
                  </a:lnTo>
                  <a:lnTo>
                    <a:pt x="233172" y="4572"/>
                  </a:lnTo>
                  <a:lnTo>
                    <a:pt x="242316" y="4572"/>
                  </a:lnTo>
                  <a:lnTo>
                    <a:pt x="242316" y="0"/>
                  </a:lnTo>
                  <a:close/>
                </a:path>
                <a:path w="969645" h="5080">
                  <a:moveTo>
                    <a:pt x="256032" y="0"/>
                  </a:moveTo>
                  <a:lnTo>
                    <a:pt x="246888" y="0"/>
                  </a:lnTo>
                  <a:lnTo>
                    <a:pt x="246888" y="4572"/>
                  </a:lnTo>
                  <a:lnTo>
                    <a:pt x="256032" y="4572"/>
                  </a:lnTo>
                  <a:lnTo>
                    <a:pt x="256032" y="0"/>
                  </a:lnTo>
                  <a:close/>
                </a:path>
                <a:path w="969645" h="5080">
                  <a:moveTo>
                    <a:pt x="269748" y="0"/>
                  </a:moveTo>
                  <a:lnTo>
                    <a:pt x="260604" y="0"/>
                  </a:lnTo>
                  <a:lnTo>
                    <a:pt x="260604" y="4572"/>
                  </a:lnTo>
                  <a:lnTo>
                    <a:pt x="269748" y="4572"/>
                  </a:lnTo>
                  <a:lnTo>
                    <a:pt x="269748" y="0"/>
                  </a:lnTo>
                  <a:close/>
                </a:path>
                <a:path w="969645" h="5080">
                  <a:moveTo>
                    <a:pt x="283464" y="0"/>
                  </a:moveTo>
                  <a:lnTo>
                    <a:pt x="274320" y="0"/>
                  </a:lnTo>
                  <a:lnTo>
                    <a:pt x="274320" y="4572"/>
                  </a:lnTo>
                  <a:lnTo>
                    <a:pt x="283464" y="4572"/>
                  </a:lnTo>
                  <a:lnTo>
                    <a:pt x="283464" y="0"/>
                  </a:lnTo>
                  <a:close/>
                </a:path>
                <a:path w="969645" h="5080">
                  <a:moveTo>
                    <a:pt x="297180" y="0"/>
                  </a:moveTo>
                  <a:lnTo>
                    <a:pt x="288036" y="0"/>
                  </a:lnTo>
                  <a:lnTo>
                    <a:pt x="288036" y="4572"/>
                  </a:lnTo>
                  <a:lnTo>
                    <a:pt x="297180" y="4572"/>
                  </a:lnTo>
                  <a:lnTo>
                    <a:pt x="297180" y="0"/>
                  </a:lnTo>
                  <a:close/>
                </a:path>
                <a:path w="969645" h="5080">
                  <a:moveTo>
                    <a:pt x="310896" y="0"/>
                  </a:moveTo>
                  <a:lnTo>
                    <a:pt x="301752" y="0"/>
                  </a:lnTo>
                  <a:lnTo>
                    <a:pt x="301752" y="4572"/>
                  </a:lnTo>
                  <a:lnTo>
                    <a:pt x="310896" y="4572"/>
                  </a:lnTo>
                  <a:lnTo>
                    <a:pt x="310896" y="0"/>
                  </a:lnTo>
                  <a:close/>
                </a:path>
                <a:path w="969645" h="5080">
                  <a:moveTo>
                    <a:pt x="324612" y="0"/>
                  </a:moveTo>
                  <a:lnTo>
                    <a:pt x="315468" y="0"/>
                  </a:lnTo>
                  <a:lnTo>
                    <a:pt x="315468" y="4572"/>
                  </a:lnTo>
                  <a:lnTo>
                    <a:pt x="324612" y="4572"/>
                  </a:lnTo>
                  <a:lnTo>
                    <a:pt x="324612" y="0"/>
                  </a:lnTo>
                  <a:close/>
                </a:path>
                <a:path w="969645" h="5080">
                  <a:moveTo>
                    <a:pt x="338328" y="0"/>
                  </a:moveTo>
                  <a:lnTo>
                    <a:pt x="329184" y="0"/>
                  </a:lnTo>
                  <a:lnTo>
                    <a:pt x="329184" y="4572"/>
                  </a:lnTo>
                  <a:lnTo>
                    <a:pt x="338328" y="4572"/>
                  </a:lnTo>
                  <a:lnTo>
                    <a:pt x="338328" y="0"/>
                  </a:lnTo>
                  <a:close/>
                </a:path>
                <a:path w="969645" h="5080">
                  <a:moveTo>
                    <a:pt x="352044" y="0"/>
                  </a:moveTo>
                  <a:lnTo>
                    <a:pt x="342900" y="0"/>
                  </a:lnTo>
                  <a:lnTo>
                    <a:pt x="342900" y="4572"/>
                  </a:lnTo>
                  <a:lnTo>
                    <a:pt x="352044" y="4572"/>
                  </a:lnTo>
                  <a:lnTo>
                    <a:pt x="352044" y="0"/>
                  </a:lnTo>
                  <a:close/>
                </a:path>
                <a:path w="969645" h="5080">
                  <a:moveTo>
                    <a:pt x="365760" y="0"/>
                  </a:moveTo>
                  <a:lnTo>
                    <a:pt x="356616" y="0"/>
                  </a:lnTo>
                  <a:lnTo>
                    <a:pt x="356616" y="4572"/>
                  </a:lnTo>
                  <a:lnTo>
                    <a:pt x="365760" y="4572"/>
                  </a:lnTo>
                  <a:lnTo>
                    <a:pt x="365760" y="0"/>
                  </a:lnTo>
                  <a:close/>
                </a:path>
                <a:path w="969645" h="5080">
                  <a:moveTo>
                    <a:pt x="379476" y="0"/>
                  </a:moveTo>
                  <a:lnTo>
                    <a:pt x="370332" y="0"/>
                  </a:lnTo>
                  <a:lnTo>
                    <a:pt x="370332" y="4572"/>
                  </a:lnTo>
                  <a:lnTo>
                    <a:pt x="379476" y="4572"/>
                  </a:lnTo>
                  <a:lnTo>
                    <a:pt x="379476" y="0"/>
                  </a:lnTo>
                  <a:close/>
                </a:path>
                <a:path w="969645" h="5080">
                  <a:moveTo>
                    <a:pt x="393192" y="0"/>
                  </a:moveTo>
                  <a:lnTo>
                    <a:pt x="384048" y="0"/>
                  </a:lnTo>
                  <a:lnTo>
                    <a:pt x="384048" y="4572"/>
                  </a:lnTo>
                  <a:lnTo>
                    <a:pt x="393192" y="4572"/>
                  </a:lnTo>
                  <a:lnTo>
                    <a:pt x="393192" y="0"/>
                  </a:lnTo>
                  <a:close/>
                </a:path>
                <a:path w="969645" h="5080">
                  <a:moveTo>
                    <a:pt x="406908" y="0"/>
                  </a:moveTo>
                  <a:lnTo>
                    <a:pt x="397764" y="0"/>
                  </a:lnTo>
                  <a:lnTo>
                    <a:pt x="397764" y="4572"/>
                  </a:lnTo>
                  <a:lnTo>
                    <a:pt x="406908" y="4572"/>
                  </a:lnTo>
                  <a:lnTo>
                    <a:pt x="406908" y="0"/>
                  </a:lnTo>
                  <a:close/>
                </a:path>
                <a:path w="969645" h="5080">
                  <a:moveTo>
                    <a:pt x="420624" y="0"/>
                  </a:moveTo>
                  <a:lnTo>
                    <a:pt x="411480" y="0"/>
                  </a:lnTo>
                  <a:lnTo>
                    <a:pt x="411480" y="4572"/>
                  </a:lnTo>
                  <a:lnTo>
                    <a:pt x="420624" y="4572"/>
                  </a:lnTo>
                  <a:lnTo>
                    <a:pt x="420624" y="0"/>
                  </a:lnTo>
                  <a:close/>
                </a:path>
                <a:path w="969645" h="5080">
                  <a:moveTo>
                    <a:pt x="434340" y="0"/>
                  </a:moveTo>
                  <a:lnTo>
                    <a:pt x="425196" y="0"/>
                  </a:lnTo>
                  <a:lnTo>
                    <a:pt x="425196" y="4572"/>
                  </a:lnTo>
                  <a:lnTo>
                    <a:pt x="434340" y="4572"/>
                  </a:lnTo>
                  <a:lnTo>
                    <a:pt x="434340" y="0"/>
                  </a:lnTo>
                  <a:close/>
                </a:path>
                <a:path w="969645" h="5080">
                  <a:moveTo>
                    <a:pt x="448056" y="0"/>
                  </a:moveTo>
                  <a:lnTo>
                    <a:pt x="438912" y="0"/>
                  </a:lnTo>
                  <a:lnTo>
                    <a:pt x="438912" y="4572"/>
                  </a:lnTo>
                  <a:lnTo>
                    <a:pt x="448056" y="4572"/>
                  </a:lnTo>
                  <a:lnTo>
                    <a:pt x="448056" y="0"/>
                  </a:lnTo>
                  <a:close/>
                </a:path>
                <a:path w="969645" h="5080">
                  <a:moveTo>
                    <a:pt x="461772" y="0"/>
                  </a:moveTo>
                  <a:lnTo>
                    <a:pt x="451104" y="0"/>
                  </a:lnTo>
                  <a:lnTo>
                    <a:pt x="451104" y="4572"/>
                  </a:lnTo>
                  <a:lnTo>
                    <a:pt x="461772" y="4572"/>
                  </a:lnTo>
                  <a:lnTo>
                    <a:pt x="461772" y="0"/>
                  </a:lnTo>
                  <a:close/>
                </a:path>
                <a:path w="969645" h="5080">
                  <a:moveTo>
                    <a:pt x="475488" y="0"/>
                  </a:moveTo>
                  <a:lnTo>
                    <a:pt x="464820" y="0"/>
                  </a:lnTo>
                  <a:lnTo>
                    <a:pt x="464820" y="4572"/>
                  </a:lnTo>
                  <a:lnTo>
                    <a:pt x="475488" y="4572"/>
                  </a:lnTo>
                  <a:lnTo>
                    <a:pt x="475488" y="0"/>
                  </a:lnTo>
                  <a:close/>
                </a:path>
                <a:path w="969645" h="5080">
                  <a:moveTo>
                    <a:pt x="489204" y="0"/>
                  </a:moveTo>
                  <a:lnTo>
                    <a:pt x="478536" y="0"/>
                  </a:lnTo>
                  <a:lnTo>
                    <a:pt x="478536" y="4572"/>
                  </a:lnTo>
                  <a:lnTo>
                    <a:pt x="489204" y="4572"/>
                  </a:lnTo>
                  <a:lnTo>
                    <a:pt x="489204" y="0"/>
                  </a:lnTo>
                  <a:close/>
                </a:path>
                <a:path w="969645" h="5080">
                  <a:moveTo>
                    <a:pt x="502920" y="0"/>
                  </a:moveTo>
                  <a:lnTo>
                    <a:pt x="492252" y="0"/>
                  </a:lnTo>
                  <a:lnTo>
                    <a:pt x="492252" y="4572"/>
                  </a:lnTo>
                  <a:lnTo>
                    <a:pt x="502920" y="4572"/>
                  </a:lnTo>
                  <a:lnTo>
                    <a:pt x="502920" y="0"/>
                  </a:lnTo>
                  <a:close/>
                </a:path>
                <a:path w="969645" h="5080">
                  <a:moveTo>
                    <a:pt x="516636" y="0"/>
                  </a:moveTo>
                  <a:lnTo>
                    <a:pt x="505968" y="0"/>
                  </a:lnTo>
                  <a:lnTo>
                    <a:pt x="505968" y="4572"/>
                  </a:lnTo>
                  <a:lnTo>
                    <a:pt x="516636" y="4572"/>
                  </a:lnTo>
                  <a:lnTo>
                    <a:pt x="516636" y="0"/>
                  </a:lnTo>
                  <a:close/>
                </a:path>
                <a:path w="969645" h="5080">
                  <a:moveTo>
                    <a:pt x="530352" y="0"/>
                  </a:moveTo>
                  <a:lnTo>
                    <a:pt x="519684" y="0"/>
                  </a:lnTo>
                  <a:lnTo>
                    <a:pt x="519684" y="4572"/>
                  </a:lnTo>
                  <a:lnTo>
                    <a:pt x="530352" y="4572"/>
                  </a:lnTo>
                  <a:lnTo>
                    <a:pt x="530352" y="0"/>
                  </a:lnTo>
                  <a:close/>
                </a:path>
                <a:path w="969645" h="5080">
                  <a:moveTo>
                    <a:pt x="544068" y="0"/>
                  </a:moveTo>
                  <a:lnTo>
                    <a:pt x="533400" y="0"/>
                  </a:lnTo>
                  <a:lnTo>
                    <a:pt x="533400" y="4572"/>
                  </a:lnTo>
                  <a:lnTo>
                    <a:pt x="544068" y="4572"/>
                  </a:lnTo>
                  <a:lnTo>
                    <a:pt x="544068" y="0"/>
                  </a:lnTo>
                  <a:close/>
                </a:path>
                <a:path w="969645" h="5080">
                  <a:moveTo>
                    <a:pt x="557784" y="0"/>
                  </a:moveTo>
                  <a:lnTo>
                    <a:pt x="547116" y="0"/>
                  </a:lnTo>
                  <a:lnTo>
                    <a:pt x="547116" y="4572"/>
                  </a:lnTo>
                  <a:lnTo>
                    <a:pt x="557784" y="4572"/>
                  </a:lnTo>
                  <a:lnTo>
                    <a:pt x="557784" y="0"/>
                  </a:lnTo>
                  <a:close/>
                </a:path>
                <a:path w="969645" h="5080">
                  <a:moveTo>
                    <a:pt x="571500" y="0"/>
                  </a:moveTo>
                  <a:lnTo>
                    <a:pt x="560832" y="0"/>
                  </a:lnTo>
                  <a:lnTo>
                    <a:pt x="560832" y="4572"/>
                  </a:lnTo>
                  <a:lnTo>
                    <a:pt x="571500" y="4572"/>
                  </a:lnTo>
                  <a:lnTo>
                    <a:pt x="571500" y="0"/>
                  </a:lnTo>
                  <a:close/>
                </a:path>
                <a:path w="969645" h="5080">
                  <a:moveTo>
                    <a:pt x="585216" y="0"/>
                  </a:moveTo>
                  <a:lnTo>
                    <a:pt x="574548" y="0"/>
                  </a:lnTo>
                  <a:lnTo>
                    <a:pt x="574548" y="4572"/>
                  </a:lnTo>
                  <a:lnTo>
                    <a:pt x="585216" y="4572"/>
                  </a:lnTo>
                  <a:lnTo>
                    <a:pt x="585216" y="0"/>
                  </a:lnTo>
                  <a:close/>
                </a:path>
                <a:path w="969645" h="5080">
                  <a:moveTo>
                    <a:pt x="598932" y="0"/>
                  </a:moveTo>
                  <a:lnTo>
                    <a:pt x="588264" y="0"/>
                  </a:lnTo>
                  <a:lnTo>
                    <a:pt x="588264" y="4572"/>
                  </a:lnTo>
                  <a:lnTo>
                    <a:pt x="598932" y="4572"/>
                  </a:lnTo>
                  <a:lnTo>
                    <a:pt x="598932" y="0"/>
                  </a:lnTo>
                  <a:close/>
                </a:path>
                <a:path w="969645" h="5080">
                  <a:moveTo>
                    <a:pt x="612648" y="0"/>
                  </a:moveTo>
                  <a:lnTo>
                    <a:pt x="601980" y="0"/>
                  </a:lnTo>
                  <a:lnTo>
                    <a:pt x="601980" y="4572"/>
                  </a:lnTo>
                  <a:lnTo>
                    <a:pt x="612648" y="4572"/>
                  </a:lnTo>
                  <a:lnTo>
                    <a:pt x="612648" y="0"/>
                  </a:lnTo>
                  <a:close/>
                </a:path>
                <a:path w="969645" h="5080">
                  <a:moveTo>
                    <a:pt x="626364" y="0"/>
                  </a:moveTo>
                  <a:lnTo>
                    <a:pt x="615696" y="0"/>
                  </a:lnTo>
                  <a:lnTo>
                    <a:pt x="615696" y="4572"/>
                  </a:lnTo>
                  <a:lnTo>
                    <a:pt x="626364" y="4572"/>
                  </a:lnTo>
                  <a:lnTo>
                    <a:pt x="626364" y="0"/>
                  </a:lnTo>
                  <a:close/>
                </a:path>
                <a:path w="969645" h="5080">
                  <a:moveTo>
                    <a:pt x="640080" y="0"/>
                  </a:moveTo>
                  <a:lnTo>
                    <a:pt x="629412" y="0"/>
                  </a:lnTo>
                  <a:lnTo>
                    <a:pt x="629412" y="4572"/>
                  </a:lnTo>
                  <a:lnTo>
                    <a:pt x="640080" y="4572"/>
                  </a:lnTo>
                  <a:lnTo>
                    <a:pt x="640080" y="0"/>
                  </a:lnTo>
                  <a:close/>
                </a:path>
                <a:path w="969645" h="5080">
                  <a:moveTo>
                    <a:pt x="653796" y="0"/>
                  </a:moveTo>
                  <a:lnTo>
                    <a:pt x="643128" y="0"/>
                  </a:lnTo>
                  <a:lnTo>
                    <a:pt x="643128" y="4572"/>
                  </a:lnTo>
                  <a:lnTo>
                    <a:pt x="653796" y="4572"/>
                  </a:lnTo>
                  <a:lnTo>
                    <a:pt x="653796" y="0"/>
                  </a:lnTo>
                  <a:close/>
                </a:path>
                <a:path w="969645" h="5080">
                  <a:moveTo>
                    <a:pt x="667512" y="0"/>
                  </a:moveTo>
                  <a:lnTo>
                    <a:pt x="656844" y="0"/>
                  </a:lnTo>
                  <a:lnTo>
                    <a:pt x="656844" y="4572"/>
                  </a:lnTo>
                  <a:lnTo>
                    <a:pt x="667512" y="4572"/>
                  </a:lnTo>
                  <a:lnTo>
                    <a:pt x="667512" y="0"/>
                  </a:lnTo>
                  <a:close/>
                </a:path>
                <a:path w="969645" h="5080">
                  <a:moveTo>
                    <a:pt x="681228" y="0"/>
                  </a:moveTo>
                  <a:lnTo>
                    <a:pt x="670560" y="0"/>
                  </a:lnTo>
                  <a:lnTo>
                    <a:pt x="670560" y="4572"/>
                  </a:lnTo>
                  <a:lnTo>
                    <a:pt x="681228" y="4572"/>
                  </a:lnTo>
                  <a:lnTo>
                    <a:pt x="681228" y="0"/>
                  </a:lnTo>
                  <a:close/>
                </a:path>
                <a:path w="969645" h="5080">
                  <a:moveTo>
                    <a:pt x="694944" y="0"/>
                  </a:moveTo>
                  <a:lnTo>
                    <a:pt x="684276" y="0"/>
                  </a:lnTo>
                  <a:lnTo>
                    <a:pt x="684276" y="4572"/>
                  </a:lnTo>
                  <a:lnTo>
                    <a:pt x="694944" y="4572"/>
                  </a:lnTo>
                  <a:lnTo>
                    <a:pt x="694944" y="0"/>
                  </a:lnTo>
                  <a:close/>
                </a:path>
                <a:path w="969645" h="5080">
                  <a:moveTo>
                    <a:pt x="708660" y="0"/>
                  </a:moveTo>
                  <a:lnTo>
                    <a:pt x="697992" y="0"/>
                  </a:lnTo>
                  <a:lnTo>
                    <a:pt x="697992" y="4572"/>
                  </a:lnTo>
                  <a:lnTo>
                    <a:pt x="708660" y="4572"/>
                  </a:lnTo>
                  <a:lnTo>
                    <a:pt x="708660" y="0"/>
                  </a:lnTo>
                  <a:close/>
                </a:path>
                <a:path w="969645" h="5080">
                  <a:moveTo>
                    <a:pt x="722376" y="0"/>
                  </a:moveTo>
                  <a:lnTo>
                    <a:pt x="711708" y="0"/>
                  </a:lnTo>
                  <a:lnTo>
                    <a:pt x="711708" y="4572"/>
                  </a:lnTo>
                  <a:lnTo>
                    <a:pt x="722376" y="4572"/>
                  </a:lnTo>
                  <a:lnTo>
                    <a:pt x="722376" y="0"/>
                  </a:lnTo>
                  <a:close/>
                </a:path>
                <a:path w="969645" h="5080">
                  <a:moveTo>
                    <a:pt x="736092" y="0"/>
                  </a:moveTo>
                  <a:lnTo>
                    <a:pt x="725424" y="0"/>
                  </a:lnTo>
                  <a:lnTo>
                    <a:pt x="725424" y="4572"/>
                  </a:lnTo>
                  <a:lnTo>
                    <a:pt x="736092" y="4572"/>
                  </a:lnTo>
                  <a:lnTo>
                    <a:pt x="736092" y="0"/>
                  </a:lnTo>
                  <a:close/>
                </a:path>
                <a:path w="969645" h="5080">
                  <a:moveTo>
                    <a:pt x="749808" y="0"/>
                  </a:moveTo>
                  <a:lnTo>
                    <a:pt x="739140" y="0"/>
                  </a:lnTo>
                  <a:lnTo>
                    <a:pt x="739140" y="4572"/>
                  </a:lnTo>
                  <a:lnTo>
                    <a:pt x="749808" y="4572"/>
                  </a:lnTo>
                  <a:lnTo>
                    <a:pt x="749808" y="0"/>
                  </a:lnTo>
                  <a:close/>
                </a:path>
                <a:path w="969645" h="5080">
                  <a:moveTo>
                    <a:pt x="763524" y="0"/>
                  </a:moveTo>
                  <a:lnTo>
                    <a:pt x="752856" y="0"/>
                  </a:lnTo>
                  <a:lnTo>
                    <a:pt x="752856" y="4572"/>
                  </a:lnTo>
                  <a:lnTo>
                    <a:pt x="763524" y="4572"/>
                  </a:lnTo>
                  <a:lnTo>
                    <a:pt x="763524" y="0"/>
                  </a:lnTo>
                  <a:close/>
                </a:path>
                <a:path w="969645" h="5080">
                  <a:moveTo>
                    <a:pt x="777240" y="0"/>
                  </a:moveTo>
                  <a:lnTo>
                    <a:pt x="766572" y="0"/>
                  </a:lnTo>
                  <a:lnTo>
                    <a:pt x="766572" y="4572"/>
                  </a:lnTo>
                  <a:lnTo>
                    <a:pt x="777240" y="4572"/>
                  </a:lnTo>
                  <a:lnTo>
                    <a:pt x="777240" y="0"/>
                  </a:lnTo>
                  <a:close/>
                </a:path>
                <a:path w="969645" h="5080">
                  <a:moveTo>
                    <a:pt x="790956" y="0"/>
                  </a:moveTo>
                  <a:lnTo>
                    <a:pt x="780288" y="0"/>
                  </a:lnTo>
                  <a:lnTo>
                    <a:pt x="780288" y="4572"/>
                  </a:lnTo>
                  <a:lnTo>
                    <a:pt x="790956" y="4572"/>
                  </a:lnTo>
                  <a:lnTo>
                    <a:pt x="790956" y="0"/>
                  </a:lnTo>
                  <a:close/>
                </a:path>
                <a:path w="969645" h="5080">
                  <a:moveTo>
                    <a:pt x="804672" y="0"/>
                  </a:moveTo>
                  <a:lnTo>
                    <a:pt x="794004" y="0"/>
                  </a:lnTo>
                  <a:lnTo>
                    <a:pt x="794004" y="4572"/>
                  </a:lnTo>
                  <a:lnTo>
                    <a:pt x="804672" y="4572"/>
                  </a:lnTo>
                  <a:lnTo>
                    <a:pt x="804672" y="0"/>
                  </a:lnTo>
                  <a:close/>
                </a:path>
                <a:path w="969645" h="5080">
                  <a:moveTo>
                    <a:pt x="818388" y="0"/>
                  </a:moveTo>
                  <a:lnTo>
                    <a:pt x="807720" y="0"/>
                  </a:lnTo>
                  <a:lnTo>
                    <a:pt x="807720" y="4572"/>
                  </a:lnTo>
                  <a:lnTo>
                    <a:pt x="818388" y="4572"/>
                  </a:lnTo>
                  <a:lnTo>
                    <a:pt x="818388" y="0"/>
                  </a:lnTo>
                  <a:close/>
                </a:path>
                <a:path w="969645" h="5080">
                  <a:moveTo>
                    <a:pt x="832104" y="0"/>
                  </a:moveTo>
                  <a:lnTo>
                    <a:pt x="821436" y="0"/>
                  </a:lnTo>
                  <a:lnTo>
                    <a:pt x="821436" y="4572"/>
                  </a:lnTo>
                  <a:lnTo>
                    <a:pt x="832104" y="4572"/>
                  </a:lnTo>
                  <a:lnTo>
                    <a:pt x="832104" y="0"/>
                  </a:lnTo>
                  <a:close/>
                </a:path>
                <a:path w="969645" h="5080">
                  <a:moveTo>
                    <a:pt x="845820" y="0"/>
                  </a:moveTo>
                  <a:lnTo>
                    <a:pt x="835152" y="0"/>
                  </a:lnTo>
                  <a:lnTo>
                    <a:pt x="835152" y="4572"/>
                  </a:lnTo>
                  <a:lnTo>
                    <a:pt x="845820" y="4572"/>
                  </a:lnTo>
                  <a:lnTo>
                    <a:pt x="845820" y="0"/>
                  </a:lnTo>
                  <a:close/>
                </a:path>
                <a:path w="969645" h="5080">
                  <a:moveTo>
                    <a:pt x="859536" y="0"/>
                  </a:moveTo>
                  <a:lnTo>
                    <a:pt x="848868" y="0"/>
                  </a:lnTo>
                  <a:lnTo>
                    <a:pt x="848868" y="4572"/>
                  </a:lnTo>
                  <a:lnTo>
                    <a:pt x="859536" y="4572"/>
                  </a:lnTo>
                  <a:lnTo>
                    <a:pt x="859536" y="0"/>
                  </a:lnTo>
                  <a:close/>
                </a:path>
                <a:path w="969645" h="5080">
                  <a:moveTo>
                    <a:pt x="873252" y="0"/>
                  </a:moveTo>
                  <a:lnTo>
                    <a:pt x="862584" y="0"/>
                  </a:lnTo>
                  <a:lnTo>
                    <a:pt x="862584" y="4572"/>
                  </a:lnTo>
                  <a:lnTo>
                    <a:pt x="873252" y="4572"/>
                  </a:lnTo>
                  <a:lnTo>
                    <a:pt x="873252" y="0"/>
                  </a:lnTo>
                  <a:close/>
                </a:path>
                <a:path w="969645" h="5080">
                  <a:moveTo>
                    <a:pt x="886968" y="0"/>
                  </a:moveTo>
                  <a:lnTo>
                    <a:pt x="876300" y="0"/>
                  </a:lnTo>
                  <a:lnTo>
                    <a:pt x="876300" y="4572"/>
                  </a:lnTo>
                  <a:lnTo>
                    <a:pt x="886968" y="4572"/>
                  </a:lnTo>
                  <a:lnTo>
                    <a:pt x="886968" y="0"/>
                  </a:lnTo>
                  <a:close/>
                </a:path>
                <a:path w="969645" h="5080">
                  <a:moveTo>
                    <a:pt x="900684" y="0"/>
                  </a:moveTo>
                  <a:lnTo>
                    <a:pt x="890016" y="0"/>
                  </a:lnTo>
                  <a:lnTo>
                    <a:pt x="890016" y="4572"/>
                  </a:lnTo>
                  <a:lnTo>
                    <a:pt x="900684" y="4572"/>
                  </a:lnTo>
                  <a:lnTo>
                    <a:pt x="900684" y="0"/>
                  </a:lnTo>
                  <a:close/>
                </a:path>
                <a:path w="969645" h="5080">
                  <a:moveTo>
                    <a:pt x="914400" y="0"/>
                  </a:moveTo>
                  <a:lnTo>
                    <a:pt x="903732" y="0"/>
                  </a:lnTo>
                  <a:lnTo>
                    <a:pt x="903732" y="4572"/>
                  </a:lnTo>
                  <a:lnTo>
                    <a:pt x="914400" y="4572"/>
                  </a:lnTo>
                  <a:lnTo>
                    <a:pt x="914400" y="0"/>
                  </a:lnTo>
                  <a:close/>
                </a:path>
                <a:path w="969645" h="5080">
                  <a:moveTo>
                    <a:pt x="928116" y="0"/>
                  </a:moveTo>
                  <a:lnTo>
                    <a:pt x="917448" y="0"/>
                  </a:lnTo>
                  <a:lnTo>
                    <a:pt x="917448" y="4572"/>
                  </a:lnTo>
                  <a:lnTo>
                    <a:pt x="928116" y="4572"/>
                  </a:lnTo>
                  <a:lnTo>
                    <a:pt x="928116" y="0"/>
                  </a:lnTo>
                  <a:close/>
                </a:path>
                <a:path w="969645" h="5080">
                  <a:moveTo>
                    <a:pt x="941832" y="0"/>
                  </a:moveTo>
                  <a:lnTo>
                    <a:pt x="931164" y="0"/>
                  </a:lnTo>
                  <a:lnTo>
                    <a:pt x="931164" y="4572"/>
                  </a:lnTo>
                  <a:lnTo>
                    <a:pt x="941832" y="4572"/>
                  </a:lnTo>
                  <a:lnTo>
                    <a:pt x="941832" y="0"/>
                  </a:lnTo>
                  <a:close/>
                </a:path>
                <a:path w="969645" h="5080">
                  <a:moveTo>
                    <a:pt x="955548" y="0"/>
                  </a:moveTo>
                  <a:lnTo>
                    <a:pt x="944880" y="0"/>
                  </a:lnTo>
                  <a:lnTo>
                    <a:pt x="944880" y="4572"/>
                  </a:lnTo>
                  <a:lnTo>
                    <a:pt x="955548" y="4572"/>
                  </a:lnTo>
                  <a:lnTo>
                    <a:pt x="955548" y="0"/>
                  </a:lnTo>
                  <a:close/>
                </a:path>
                <a:path w="969645"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82" name="object 82"/>
            <p:cNvSpPr/>
            <p:nvPr/>
          </p:nvSpPr>
          <p:spPr>
            <a:xfrm>
              <a:off x="5108448" y="2618231"/>
              <a:ext cx="970915" cy="5080"/>
            </a:xfrm>
            <a:custGeom>
              <a:avLst/>
              <a:gdLst/>
              <a:ahLst/>
              <a:cxnLst/>
              <a:rect l="l" t="t" r="r" b="b"/>
              <a:pathLst>
                <a:path w="970914" h="5080">
                  <a:moveTo>
                    <a:pt x="10668" y="0"/>
                  </a:moveTo>
                  <a:lnTo>
                    <a:pt x="0" y="0"/>
                  </a:lnTo>
                  <a:lnTo>
                    <a:pt x="0" y="4572"/>
                  </a:lnTo>
                  <a:lnTo>
                    <a:pt x="10668" y="4572"/>
                  </a:lnTo>
                  <a:lnTo>
                    <a:pt x="10668" y="0"/>
                  </a:lnTo>
                  <a:close/>
                </a:path>
                <a:path w="970914" h="5080">
                  <a:moveTo>
                    <a:pt x="24384" y="0"/>
                  </a:moveTo>
                  <a:lnTo>
                    <a:pt x="13716" y="0"/>
                  </a:lnTo>
                  <a:lnTo>
                    <a:pt x="13716" y="4572"/>
                  </a:lnTo>
                  <a:lnTo>
                    <a:pt x="24384" y="4572"/>
                  </a:lnTo>
                  <a:lnTo>
                    <a:pt x="24384" y="0"/>
                  </a:lnTo>
                  <a:close/>
                </a:path>
                <a:path w="970914" h="5080">
                  <a:moveTo>
                    <a:pt x="38100" y="0"/>
                  </a:moveTo>
                  <a:lnTo>
                    <a:pt x="27432" y="0"/>
                  </a:lnTo>
                  <a:lnTo>
                    <a:pt x="27432" y="4572"/>
                  </a:lnTo>
                  <a:lnTo>
                    <a:pt x="38100" y="4572"/>
                  </a:lnTo>
                  <a:lnTo>
                    <a:pt x="38100" y="0"/>
                  </a:lnTo>
                  <a:close/>
                </a:path>
                <a:path w="970914" h="5080">
                  <a:moveTo>
                    <a:pt x="51816" y="0"/>
                  </a:moveTo>
                  <a:lnTo>
                    <a:pt x="41148" y="0"/>
                  </a:lnTo>
                  <a:lnTo>
                    <a:pt x="41148" y="4572"/>
                  </a:lnTo>
                  <a:lnTo>
                    <a:pt x="51816" y="4572"/>
                  </a:lnTo>
                  <a:lnTo>
                    <a:pt x="51816" y="0"/>
                  </a:lnTo>
                  <a:close/>
                </a:path>
                <a:path w="970914" h="5080">
                  <a:moveTo>
                    <a:pt x="65532" y="0"/>
                  </a:moveTo>
                  <a:lnTo>
                    <a:pt x="54864" y="0"/>
                  </a:lnTo>
                  <a:lnTo>
                    <a:pt x="54864" y="4572"/>
                  </a:lnTo>
                  <a:lnTo>
                    <a:pt x="65532" y="4572"/>
                  </a:lnTo>
                  <a:lnTo>
                    <a:pt x="65532" y="0"/>
                  </a:lnTo>
                  <a:close/>
                </a:path>
                <a:path w="970914" h="5080">
                  <a:moveTo>
                    <a:pt x="79248" y="0"/>
                  </a:moveTo>
                  <a:lnTo>
                    <a:pt x="68580" y="0"/>
                  </a:lnTo>
                  <a:lnTo>
                    <a:pt x="68580" y="4572"/>
                  </a:lnTo>
                  <a:lnTo>
                    <a:pt x="79248" y="4572"/>
                  </a:lnTo>
                  <a:lnTo>
                    <a:pt x="79248" y="0"/>
                  </a:lnTo>
                  <a:close/>
                </a:path>
                <a:path w="970914" h="5080">
                  <a:moveTo>
                    <a:pt x="92964" y="0"/>
                  </a:moveTo>
                  <a:lnTo>
                    <a:pt x="82296" y="0"/>
                  </a:lnTo>
                  <a:lnTo>
                    <a:pt x="82296" y="4572"/>
                  </a:lnTo>
                  <a:lnTo>
                    <a:pt x="92964" y="4572"/>
                  </a:lnTo>
                  <a:lnTo>
                    <a:pt x="92964" y="0"/>
                  </a:lnTo>
                  <a:close/>
                </a:path>
                <a:path w="970914" h="5080">
                  <a:moveTo>
                    <a:pt x="106680" y="0"/>
                  </a:moveTo>
                  <a:lnTo>
                    <a:pt x="96012" y="0"/>
                  </a:lnTo>
                  <a:lnTo>
                    <a:pt x="96012" y="4572"/>
                  </a:lnTo>
                  <a:lnTo>
                    <a:pt x="106680" y="4572"/>
                  </a:lnTo>
                  <a:lnTo>
                    <a:pt x="106680" y="0"/>
                  </a:lnTo>
                  <a:close/>
                </a:path>
                <a:path w="970914" h="5080">
                  <a:moveTo>
                    <a:pt x="120396" y="0"/>
                  </a:moveTo>
                  <a:lnTo>
                    <a:pt x="109728" y="0"/>
                  </a:lnTo>
                  <a:lnTo>
                    <a:pt x="109728" y="4572"/>
                  </a:lnTo>
                  <a:lnTo>
                    <a:pt x="120396" y="4572"/>
                  </a:lnTo>
                  <a:lnTo>
                    <a:pt x="120396" y="0"/>
                  </a:lnTo>
                  <a:close/>
                </a:path>
                <a:path w="970914" h="5080">
                  <a:moveTo>
                    <a:pt x="134112" y="0"/>
                  </a:moveTo>
                  <a:lnTo>
                    <a:pt x="123444" y="0"/>
                  </a:lnTo>
                  <a:lnTo>
                    <a:pt x="123444" y="4572"/>
                  </a:lnTo>
                  <a:lnTo>
                    <a:pt x="134112" y="4572"/>
                  </a:lnTo>
                  <a:lnTo>
                    <a:pt x="134112" y="0"/>
                  </a:lnTo>
                  <a:close/>
                </a:path>
                <a:path w="970914" h="5080">
                  <a:moveTo>
                    <a:pt x="147828" y="0"/>
                  </a:moveTo>
                  <a:lnTo>
                    <a:pt x="137160" y="0"/>
                  </a:lnTo>
                  <a:lnTo>
                    <a:pt x="137160" y="4572"/>
                  </a:lnTo>
                  <a:lnTo>
                    <a:pt x="147828" y="4572"/>
                  </a:lnTo>
                  <a:lnTo>
                    <a:pt x="147828" y="0"/>
                  </a:lnTo>
                  <a:close/>
                </a:path>
                <a:path w="970914" h="5080">
                  <a:moveTo>
                    <a:pt x="161544" y="0"/>
                  </a:moveTo>
                  <a:lnTo>
                    <a:pt x="150876" y="0"/>
                  </a:lnTo>
                  <a:lnTo>
                    <a:pt x="150876" y="4572"/>
                  </a:lnTo>
                  <a:lnTo>
                    <a:pt x="161544" y="4572"/>
                  </a:lnTo>
                  <a:lnTo>
                    <a:pt x="161544" y="0"/>
                  </a:lnTo>
                  <a:close/>
                </a:path>
                <a:path w="970914" h="5080">
                  <a:moveTo>
                    <a:pt x="175260" y="0"/>
                  </a:moveTo>
                  <a:lnTo>
                    <a:pt x="164592" y="0"/>
                  </a:lnTo>
                  <a:lnTo>
                    <a:pt x="164592" y="4572"/>
                  </a:lnTo>
                  <a:lnTo>
                    <a:pt x="175260" y="4572"/>
                  </a:lnTo>
                  <a:lnTo>
                    <a:pt x="175260" y="0"/>
                  </a:lnTo>
                  <a:close/>
                </a:path>
                <a:path w="970914" h="5080">
                  <a:moveTo>
                    <a:pt x="188976" y="0"/>
                  </a:moveTo>
                  <a:lnTo>
                    <a:pt x="178308" y="0"/>
                  </a:lnTo>
                  <a:lnTo>
                    <a:pt x="178308" y="4572"/>
                  </a:lnTo>
                  <a:lnTo>
                    <a:pt x="188976" y="4572"/>
                  </a:lnTo>
                  <a:lnTo>
                    <a:pt x="188976" y="0"/>
                  </a:lnTo>
                  <a:close/>
                </a:path>
                <a:path w="970914" h="5080">
                  <a:moveTo>
                    <a:pt x="202692" y="0"/>
                  </a:moveTo>
                  <a:lnTo>
                    <a:pt x="192024" y="0"/>
                  </a:lnTo>
                  <a:lnTo>
                    <a:pt x="192024" y="4572"/>
                  </a:lnTo>
                  <a:lnTo>
                    <a:pt x="202692" y="4572"/>
                  </a:lnTo>
                  <a:lnTo>
                    <a:pt x="202692" y="0"/>
                  </a:lnTo>
                  <a:close/>
                </a:path>
                <a:path w="970914" h="5080">
                  <a:moveTo>
                    <a:pt x="216408" y="0"/>
                  </a:moveTo>
                  <a:lnTo>
                    <a:pt x="205740" y="0"/>
                  </a:lnTo>
                  <a:lnTo>
                    <a:pt x="205740" y="4572"/>
                  </a:lnTo>
                  <a:lnTo>
                    <a:pt x="216408" y="4572"/>
                  </a:lnTo>
                  <a:lnTo>
                    <a:pt x="216408" y="0"/>
                  </a:lnTo>
                  <a:close/>
                </a:path>
                <a:path w="970914" h="5080">
                  <a:moveTo>
                    <a:pt x="230124" y="0"/>
                  </a:moveTo>
                  <a:lnTo>
                    <a:pt x="219456" y="0"/>
                  </a:lnTo>
                  <a:lnTo>
                    <a:pt x="219456" y="4572"/>
                  </a:lnTo>
                  <a:lnTo>
                    <a:pt x="230124" y="4572"/>
                  </a:lnTo>
                  <a:lnTo>
                    <a:pt x="230124" y="0"/>
                  </a:lnTo>
                  <a:close/>
                </a:path>
                <a:path w="970914" h="5080">
                  <a:moveTo>
                    <a:pt x="243840" y="0"/>
                  </a:moveTo>
                  <a:lnTo>
                    <a:pt x="233172" y="0"/>
                  </a:lnTo>
                  <a:lnTo>
                    <a:pt x="233172" y="4572"/>
                  </a:lnTo>
                  <a:lnTo>
                    <a:pt x="243840" y="4572"/>
                  </a:lnTo>
                  <a:lnTo>
                    <a:pt x="243840" y="0"/>
                  </a:lnTo>
                  <a:close/>
                </a:path>
                <a:path w="970914" h="5080">
                  <a:moveTo>
                    <a:pt x="257556" y="0"/>
                  </a:moveTo>
                  <a:lnTo>
                    <a:pt x="246888" y="0"/>
                  </a:lnTo>
                  <a:lnTo>
                    <a:pt x="246888" y="4572"/>
                  </a:lnTo>
                  <a:lnTo>
                    <a:pt x="257556" y="4572"/>
                  </a:lnTo>
                  <a:lnTo>
                    <a:pt x="257556" y="0"/>
                  </a:lnTo>
                  <a:close/>
                </a:path>
                <a:path w="970914" h="5080">
                  <a:moveTo>
                    <a:pt x="271272" y="0"/>
                  </a:moveTo>
                  <a:lnTo>
                    <a:pt x="260604" y="0"/>
                  </a:lnTo>
                  <a:lnTo>
                    <a:pt x="260604" y="4572"/>
                  </a:lnTo>
                  <a:lnTo>
                    <a:pt x="271272" y="4572"/>
                  </a:lnTo>
                  <a:lnTo>
                    <a:pt x="271272" y="0"/>
                  </a:lnTo>
                  <a:close/>
                </a:path>
                <a:path w="970914" h="5080">
                  <a:moveTo>
                    <a:pt x="284988" y="0"/>
                  </a:moveTo>
                  <a:lnTo>
                    <a:pt x="274320" y="0"/>
                  </a:lnTo>
                  <a:lnTo>
                    <a:pt x="274320" y="4572"/>
                  </a:lnTo>
                  <a:lnTo>
                    <a:pt x="284988" y="4572"/>
                  </a:lnTo>
                  <a:lnTo>
                    <a:pt x="284988" y="0"/>
                  </a:lnTo>
                  <a:close/>
                </a:path>
                <a:path w="970914" h="5080">
                  <a:moveTo>
                    <a:pt x="298704" y="0"/>
                  </a:moveTo>
                  <a:lnTo>
                    <a:pt x="288036" y="0"/>
                  </a:lnTo>
                  <a:lnTo>
                    <a:pt x="288036" y="4572"/>
                  </a:lnTo>
                  <a:lnTo>
                    <a:pt x="298704" y="4572"/>
                  </a:lnTo>
                  <a:lnTo>
                    <a:pt x="298704" y="0"/>
                  </a:lnTo>
                  <a:close/>
                </a:path>
                <a:path w="970914" h="5080">
                  <a:moveTo>
                    <a:pt x="312420" y="0"/>
                  </a:moveTo>
                  <a:lnTo>
                    <a:pt x="301752" y="0"/>
                  </a:lnTo>
                  <a:lnTo>
                    <a:pt x="301752" y="4572"/>
                  </a:lnTo>
                  <a:lnTo>
                    <a:pt x="312420" y="4572"/>
                  </a:lnTo>
                  <a:lnTo>
                    <a:pt x="312420" y="0"/>
                  </a:lnTo>
                  <a:close/>
                </a:path>
                <a:path w="970914" h="5080">
                  <a:moveTo>
                    <a:pt x="326136" y="0"/>
                  </a:moveTo>
                  <a:lnTo>
                    <a:pt x="315468" y="0"/>
                  </a:lnTo>
                  <a:lnTo>
                    <a:pt x="315468" y="4572"/>
                  </a:lnTo>
                  <a:lnTo>
                    <a:pt x="326136" y="4572"/>
                  </a:lnTo>
                  <a:lnTo>
                    <a:pt x="326136" y="0"/>
                  </a:lnTo>
                  <a:close/>
                </a:path>
                <a:path w="970914" h="5080">
                  <a:moveTo>
                    <a:pt x="339852" y="0"/>
                  </a:moveTo>
                  <a:lnTo>
                    <a:pt x="329184" y="0"/>
                  </a:lnTo>
                  <a:lnTo>
                    <a:pt x="329184" y="4572"/>
                  </a:lnTo>
                  <a:lnTo>
                    <a:pt x="339852" y="4572"/>
                  </a:lnTo>
                  <a:lnTo>
                    <a:pt x="339852" y="0"/>
                  </a:lnTo>
                  <a:close/>
                </a:path>
                <a:path w="970914" h="5080">
                  <a:moveTo>
                    <a:pt x="353568" y="0"/>
                  </a:moveTo>
                  <a:lnTo>
                    <a:pt x="342900" y="0"/>
                  </a:lnTo>
                  <a:lnTo>
                    <a:pt x="342900" y="4572"/>
                  </a:lnTo>
                  <a:lnTo>
                    <a:pt x="353568" y="4572"/>
                  </a:lnTo>
                  <a:lnTo>
                    <a:pt x="353568" y="0"/>
                  </a:lnTo>
                  <a:close/>
                </a:path>
                <a:path w="970914" h="5080">
                  <a:moveTo>
                    <a:pt x="367284" y="0"/>
                  </a:moveTo>
                  <a:lnTo>
                    <a:pt x="356616" y="0"/>
                  </a:lnTo>
                  <a:lnTo>
                    <a:pt x="356616" y="4572"/>
                  </a:lnTo>
                  <a:lnTo>
                    <a:pt x="367284" y="4572"/>
                  </a:lnTo>
                  <a:lnTo>
                    <a:pt x="367284" y="0"/>
                  </a:lnTo>
                  <a:close/>
                </a:path>
                <a:path w="970914" h="5080">
                  <a:moveTo>
                    <a:pt x="381000" y="0"/>
                  </a:moveTo>
                  <a:lnTo>
                    <a:pt x="370332" y="0"/>
                  </a:lnTo>
                  <a:lnTo>
                    <a:pt x="370332" y="4572"/>
                  </a:lnTo>
                  <a:lnTo>
                    <a:pt x="381000" y="4572"/>
                  </a:lnTo>
                  <a:lnTo>
                    <a:pt x="381000" y="0"/>
                  </a:lnTo>
                  <a:close/>
                </a:path>
                <a:path w="970914" h="5080">
                  <a:moveTo>
                    <a:pt x="394716" y="0"/>
                  </a:moveTo>
                  <a:lnTo>
                    <a:pt x="384048" y="0"/>
                  </a:lnTo>
                  <a:lnTo>
                    <a:pt x="384048" y="4572"/>
                  </a:lnTo>
                  <a:lnTo>
                    <a:pt x="394716" y="4572"/>
                  </a:lnTo>
                  <a:lnTo>
                    <a:pt x="394716" y="0"/>
                  </a:lnTo>
                  <a:close/>
                </a:path>
                <a:path w="970914" h="5080">
                  <a:moveTo>
                    <a:pt x="408432" y="0"/>
                  </a:moveTo>
                  <a:lnTo>
                    <a:pt x="397764" y="0"/>
                  </a:lnTo>
                  <a:lnTo>
                    <a:pt x="397764" y="4572"/>
                  </a:lnTo>
                  <a:lnTo>
                    <a:pt x="408432" y="4572"/>
                  </a:lnTo>
                  <a:lnTo>
                    <a:pt x="408432" y="0"/>
                  </a:lnTo>
                  <a:close/>
                </a:path>
                <a:path w="970914" h="5080">
                  <a:moveTo>
                    <a:pt x="422148" y="0"/>
                  </a:moveTo>
                  <a:lnTo>
                    <a:pt x="411480" y="0"/>
                  </a:lnTo>
                  <a:lnTo>
                    <a:pt x="411480" y="4572"/>
                  </a:lnTo>
                  <a:lnTo>
                    <a:pt x="422148" y="4572"/>
                  </a:lnTo>
                  <a:lnTo>
                    <a:pt x="422148" y="0"/>
                  </a:lnTo>
                  <a:close/>
                </a:path>
                <a:path w="970914" h="5080">
                  <a:moveTo>
                    <a:pt x="435864" y="0"/>
                  </a:moveTo>
                  <a:lnTo>
                    <a:pt x="425196" y="0"/>
                  </a:lnTo>
                  <a:lnTo>
                    <a:pt x="425196" y="4572"/>
                  </a:lnTo>
                  <a:lnTo>
                    <a:pt x="435864" y="4572"/>
                  </a:lnTo>
                  <a:lnTo>
                    <a:pt x="435864" y="0"/>
                  </a:lnTo>
                  <a:close/>
                </a:path>
                <a:path w="970914" h="5080">
                  <a:moveTo>
                    <a:pt x="449580" y="0"/>
                  </a:moveTo>
                  <a:lnTo>
                    <a:pt x="438912" y="0"/>
                  </a:lnTo>
                  <a:lnTo>
                    <a:pt x="438912" y="4572"/>
                  </a:lnTo>
                  <a:lnTo>
                    <a:pt x="449580" y="4572"/>
                  </a:lnTo>
                  <a:lnTo>
                    <a:pt x="449580" y="0"/>
                  </a:lnTo>
                  <a:close/>
                </a:path>
                <a:path w="970914" h="5080">
                  <a:moveTo>
                    <a:pt x="463296" y="0"/>
                  </a:moveTo>
                  <a:lnTo>
                    <a:pt x="452628" y="0"/>
                  </a:lnTo>
                  <a:lnTo>
                    <a:pt x="452628" y="4572"/>
                  </a:lnTo>
                  <a:lnTo>
                    <a:pt x="463296" y="4572"/>
                  </a:lnTo>
                  <a:lnTo>
                    <a:pt x="463296" y="0"/>
                  </a:lnTo>
                  <a:close/>
                </a:path>
                <a:path w="970914" h="5080">
                  <a:moveTo>
                    <a:pt x="477012" y="0"/>
                  </a:moveTo>
                  <a:lnTo>
                    <a:pt x="466344" y="0"/>
                  </a:lnTo>
                  <a:lnTo>
                    <a:pt x="466344" y="4572"/>
                  </a:lnTo>
                  <a:lnTo>
                    <a:pt x="477012" y="4572"/>
                  </a:lnTo>
                  <a:lnTo>
                    <a:pt x="477012" y="0"/>
                  </a:lnTo>
                  <a:close/>
                </a:path>
                <a:path w="970914" h="5080">
                  <a:moveTo>
                    <a:pt x="490728" y="0"/>
                  </a:moveTo>
                  <a:lnTo>
                    <a:pt x="480060" y="0"/>
                  </a:lnTo>
                  <a:lnTo>
                    <a:pt x="480060" y="4572"/>
                  </a:lnTo>
                  <a:lnTo>
                    <a:pt x="490728" y="4572"/>
                  </a:lnTo>
                  <a:lnTo>
                    <a:pt x="490728" y="0"/>
                  </a:lnTo>
                  <a:close/>
                </a:path>
                <a:path w="970914" h="5080">
                  <a:moveTo>
                    <a:pt x="504444" y="0"/>
                  </a:moveTo>
                  <a:lnTo>
                    <a:pt x="493776" y="0"/>
                  </a:lnTo>
                  <a:lnTo>
                    <a:pt x="493776" y="4572"/>
                  </a:lnTo>
                  <a:lnTo>
                    <a:pt x="504444" y="4572"/>
                  </a:lnTo>
                  <a:lnTo>
                    <a:pt x="504444" y="0"/>
                  </a:lnTo>
                  <a:close/>
                </a:path>
                <a:path w="970914" h="5080">
                  <a:moveTo>
                    <a:pt x="518160" y="0"/>
                  </a:moveTo>
                  <a:lnTo>
                    <a:pt x="507492" y="0"/>
                  </a:lnTo>
                  <a:lnTo>
                    <a:pt x="507492" y="4572"/>
                  </a:lnTo>
                  <a:lnTo>
                    <a:pt x="518160" y="4572"/>
                  </a:lnTo>
                  <a:lnTo>
                    <a:pt x="518160" y="0"/>
                  </a:lnTo>
                  <a:close/>
                </a:path>
                <a:path w="970914" h="5080">
                  <a:moveTo>
                    <a:pt x="531876" y="0"/>
                  </a:moveTo>
                  <a:lnTo>
                    <a:pt x="521208" y="0"/>
                  </a:lnTo>
                  <a:lnTo>
                    <a:pt x="521208" y="4572"/>
                  </a:lnTo>
                  <a:lnTo>
                    <a:pt x="531876" y="4572"/>
                  </a:lnTo>
                  <a:lnTo>
                    <a:pt x="531876" y="0"/>
                  </a:lnTo>
                  <a:close/>
                </a:path>
                <a:path w="970914" h="5080">
                  <a:moveTo>
                    <a:pt x="545592" y="0"/>
                  </a:moveTo>
                  <a:lnTo>
                    <a:pt x="534924" y="0"/>
                  </a:lnTo>
                  <a:lnTo>
                    <a:pt x="534924" y="4572"/>
                  </a:lnTo>
                  <a:lnTo>
                    <a:pt x="545592" y="4572"/>
                  </a:lnTo>
                  <a:lnTo>
                    <a:pt x="545592" y="0"/>
                  </a:lnTo>
                  <a:close/>
                </a:path>
                <a:path w="970914" h="5080">
                  <a:moveTo>
                    <a:pt x="559308" y="0"/>
                  </a:moveTo>
                  <a:lnTo>
                    <a:pt x="548640" y="0"/>
                  </a:lnTo>
                  <a:lnTo>
                    <a:pt x="548640" y="4572"/>
                  </a:lnTo>
                  <a:lnTo>
                    <a:pt x="559308" y="4572"/>
                  </a:lnTo>
                  <a:lnTo>
                    <a:pt x="559308" y="0"/>
                  </a:lnTo>
                  <a:close/>
                </a:path>
                <a:path w="970914" h="5080">
                  <a:moveTo>
                    <a:pt x="573024" y="0"/>
                  </a:moveTo>
                  <a:lnTo>
                    <a:pt x="562356" y="0"/>
                  </a:lnTo>
                  <a:lnTo>
                    <a:pt x="562356" y="4572"/>
                  </a:lnTo>
                  <a:lnTo>
                    <a:pt x="573024" y="4572"/>
                  </a:lnTo>
                  <a:lnTo>
                    <a:pt x="573024" y="0"/>
                  </a:lnTo>
                  <a:close/>
                </a:path>
                <a:path w="970914" h="5080">
                  <a:moveTo>
                    <a:pt x="586740" y="0"/>
                  </a:moveTo>
                  <a:lnTo>
                    <a:pt x="576072" y="0"/>
                  </a:lnTo>
                  <a:lnTo>
                    <a:pt x="576072" y="4572"/>
                  </a:lnTo>
                  <a:lnTo>
                    <a:pt x="586740" y="4572"/>
                  </a:lnTo>
                  <a:lnTo>
                    <a:pt x="586740" y="0"/>
                  </a:lnTo>
                  <a:close/>
                </a:path>
                <a:path w="970914" h="5080">
                  <a:moveTo>
                    <a:pt x="600456" y="0"/>
                  </a:moveTo>
                  <a:lnTo>
                    <a:pt x="589788" y="0"/>
                  </a:lnTo>
                  <a:lnTo>
                    <a:pt x="589788" y="4572"/>
                  </a:lnTo>
                  <a:lnTo>
                    <a:pt x="600456" y="4572"/>
                  </a:lnTo>
                  <a:lnTo>
                    <a:pt x="600456" y="0"/>
                  </a:lnTo>
                  <a:close/>
                </a:path>
                <a:path w="970914" h="5080">
                  <a:moveTo>
                    <a:pt x="614172" y="0"/>
                  </a:moveTo>
                  <a:lnTo>
                    <a:pt x="603504" y="0"/>
                  </a:lnTo>
                  <a:lnTo>
                    <a:pt x="603504" y="4572"/>
                  </a:lnTo>
                  <a:lnTo>
                    <a:pt x="614172" y="4572"/>
                  </a:lnTo>
                  <a:lnTo>
                    <a:pt x="614172" y="0"/>
                  </a:lnTo>
                  <a:close/>
                </a:path>
                <a:path w="970914" h="5080">
                  <a:moveTo>
                    <a:pt x="627888" y="0"/>
                  </a:moveTo>
                  <a:lnTo>
                    <a:pt x="617220" y="0"/>
                  </a:lnTo>
                  <a:lnTo>
                    <a:pt x="617220" y="4572"/>
                  </a:lnTo>
                  <a:lnTo>
                    <a:pt x="627888" y="4572"/>
                  </a:lnTo>
                  <a:lnTo>
                    <a:pt x="627888" y="0"/>
                  </a:lnTo>
                  <a:close/>
                </a:path>
                <a:path w="970914" h="5080">
                  <a:moveTo>
                    <a:pt x="641604" y="0"/>
                  </a:moveTo>
                  <a:lnTo>
                    <a:pt x="630936" y="0"/>
                  </a:lnTo>
                  <a:lnTo>
                    <a:pt x="630936" y="4572"/>
                  </a:lnTo>
                  <a:lnTo>
                    <a:pt x="641604" y="4572"/>
                  </a:lnTo>
                  <a:lnTo>
                    <a:pt x="641604" y="0"/>
                  </a:lnTo>
                  <a:close/>
                </a:path>
                <a:path w="970914" h="5080">
                  <a:moveTo>
                    <a:pt x="655320" y="0"/>
                  </a:moveTo>
                  <a:lnTo>
                    <a:pt x="644652" y="0"/>
                  </a:lnTo>
                  <a:lnTo>
                    <a:pt x="644652" y="4572"/>
                  </a:lnTo>
                  <a:lnTo>
                    <a:pt x="655320" y="4572"/>
                  </a:lnTo>
                  <a:lnTo>
                    <a:pt x="655320" y="0"/>
                  </a:lnTo>
                  <a:close/>
                </a:path>
                <a:path w="970914" h="5080">
                  <a:moveTo>
                    <a:pt x="669036" y="0"/>
                  </a:moveTo>
                  <a:lnTo>
                    <a:pt x="658368" y="0"/>
                  </a:lnTo>
                  <a:lnTo>
                    <a:pt x="658368" y="4572"/>
                  </a:lnTo>
                  <a:lnTo>
                    <a:pt x="669036" y="4572"/>
                  </a:lnTo>
                  <a:lnTo>
                    <a:pt x="669036" y="0"/>
                  </a:lnTo>
                  <a:close/>
                </a:path>
                <a:path w="970914" h="5080">
                  <a:moveTo>
                    <a:pt x="682752" y="0"/>
                  </a:moveTo>
                  <a:lnTo>
                    <a:pt x="672084" y="0"/>
                  </a:lnTo>
                  <a:lnTo>
                    <a:pt x="672084" y="4572"/>
                  </a:lnTo>
                  <a:lnTo>
                    <a:pt x="682752" y="4572"/>
                  </a:lnTo>
                  <a:lnTo>
                    <a:pt x="682752" y="0"/>
                  </a:lnTo>
                  <a:close/>
                </a:path>
                <a:path w="970914" h="5080">
                  <a:moveTo>
                    <a:pt x="696468" y="0"/>
                  </a:moveTo>
                  <a:lnTo>
                    <a:pt x="685800" y="0"/>
                  </a:lnTo>
                  <a:lnTo>
                    <a:pt x="685800" y="4572"/>
                  </a:lnTo>
                  <a:lnTo>
                    <a:pt x="696468" y="4572"/>
                  </a:lnTo>
                  <a:lnTo>
                    <a:pt x="696468" y="0"/>
                  </a:lnTo>
                  <a:close/>
                </a:path>
                <a:path w="970914" h="5080">
                  <a:moveTo>
                    <a:pt x="710184" y="0"/>
                  </a:moveTo>
                  <a:lnTo>
                    <a:pt x="699516" y="0"/>
                  </a:lnTo>
                  <a:lnTo>
                    <a:pt x="699516" y="4572"/>
                  </a:lnTo>
                  <a:lnTo>
                    <a:pt x="710184" y="4572"/>
                  </a:lnTo>
                  <a:lnTo>
                    <a:pt x="710184" y="0"/>
                  </a:lnTo>
                  <a:close/>
                </a:path>
                <a:path w="970914" h="5080">
                  <a:moveTo>
                    <a:pt x="723900" y="0"/>
                  </a:moveTo>
                  <a:lnTo>
                    <a:pt x="713232" y="0"/>
                  </a:lnTo>
                  <a:lnTo>
                    <a:pt x="713232" y="4572"/>
                  </a:lnTo>
                  <a:lnTo>
                    <a:pt x="723900" y="4572"/>
                  </a:lnTo>
                  <a:lnTo>
                    <a:pt x="723900" y="0"/>
                  </a:lnTo>
                  <a:close/>
                </a:path>
                <a:path w="970914" h="5080">
                  <a:moveTo>
                    <a:pt x="737616" y="0"/>
                  </a:moveTo>
                  <a:lnTo>
                    <a:pt x="726948" y="0"/>
                  </a:lnTo>
                  <a:lnTo>
                    <a:pt x="726948" y="4572"/>
                  </a:lnTo>
                  <a:lnTo>
                    <a:pt x="737616" y="4572"/>
                  </a:lnTo>
                  <a:lnTo>
                    <a:pt x="737616" y="0"/>
                  </a:lnTo>
                  <a:close/>
                </a:path>
                <a:path w="970914" h="5080">
                  <a:moveTo>
                    <a:pt x="751332" y="0"/>
                  </a:moveTo>
                  <a:lnTo>
                    <a:pt x="740664" y="0"/>
                  </a:lnTo>
                  <a:lnTo>
                    <a:pt x="740664" y="4572"/>
                  </a:lnTo>
                  <a:lnTo>
                    <a:pt x="751332" y="4572"/>
                  </a:lnTo>
                  <a:lnTo>
                    <a:pt x="751332" y="0"/>
                  </a:lnTo>
                  <a:close/>
                </a:path>
                <a:path w="970914" h="5080">
                  <a:moveTo>
                    <a:pt x="765048" y="0"/>
                  </a:moveTo>
                  <a:lnTo>
                    <a:pt x="754380" y="0"/>
                  </a:lnTo>
                  <a:lnTo>
                    <a:pt x="754380" y="4572"/>
                  </a:lnTo>
                  <a:lnTo>
                    <a:pt x="765048" y="4572"/>
                  </a:lnTo>
                  <a:lnTo>
                    <a:pt x="765048" y="0"/>
                  </a:lnTo>
                  <a:close/>
                </a:path>
                <a:path w="970914" h="5080">
                  <a:moveTo>
                    <a:pt x="778764" y="0"/>
                  </a:moveTo>
                  <a:lnTo>
                    <a:pt x="768096" y="0"/>
                  </a:lnTo>
                  <a:lnTo>
                    <a:pt x="768096" y="4572"/>
                  </a:lnTo>
                  <a:lnTo>
                    <a:pt x="778764" y="4572"/>
                  </a:lnTo>
                  <a:lnTo>
                    <a:pt x="778764" y="0"/>
                  </a:lnTo>
                  <a:close/>
                </a:path>
                <a:path w="970914" h="5080">
                  <a:moveTo>
                    <a:pt x="792480" y="0"/>
                  </a:moveTo>
                  <a:lnTo>
                    <a:pt x="781812" y="0"/>
                  </a:lnTo>
                  <a:lnTo>
                    <a:pt x="781812" y="4572"/>
                  </a:lnTo>
                  <a:lnTo>
                    <a:pt x="792480" y="4572"/>
                  </a:lnTo>
                  <a:lnTo>
                    <a:pt x="792480" y="0"/>
                  </a:lnTo>
                  <a:close/>
                </a:path>
                <a:path w="970914" h="5080">
                  <a:moveTo>
                    <a:pt x="806196" y="0"/>
                  </a:moveTo>
                  <a:lnTo>
                    <a:pt x="795528" y="0"/>
                  </a:lnTo>
                  <a:lnTo>
                    <a:pt x="795528" y="4572"/>
                  </a:lnTo>
                  <a:lnTo>
                    <a:pt x="806196" y="4572"/>
                  </a:lnTo>
                  <a:lnTo>
                    <a:pt x="806196" y="0"/>
                  </a:lnTo>
                  <a:close/>
                </a:path>
                <a:path w="970914" h="5080">
                  <a:moveTo>
                    <a:pt x="819912" y="0"/>
                  </a:moveTo>
                  <a:lnTo>
                    <a:pt x="809244" y="0"/>
                  </a:lnTo>
                  <a:lnTo>
                    <a:pt x="809244" y="4572"/>
                  </a:lnTo>
                  <a:lnTo>
                    <a:pt x="819912" y="4572"/>
                  </a:lnTo>
                  <a:lnTo>
                    <a:pt x="819912" y="0"/>
                  </a:lnTo>
                  <a:close/>
                </a:path>
                <a:path w="970914" h="5080">
                  <a:moveTo>
                    <a:pt x="833628" y="0"/>
                  </a:moveTo>
                  <a:lnTo>
                    <a:pt x="822960" y="0"/>
                  </a:lnTo>
                  <a:lnTo>
                    <a:pt x="822960" y="4572"/>
                  </a:lnTo>
                  <a:lnTo>
                    <a:pt x="833628" y="4572"/>
                  </a:lnTo>
                  <a:lnTo>
                    <a:pt x="833628" y="0"/>
                  </a:lnTo>
                  <a:close/>
                </a:path>
                <a:path w="970914" h="5080">
                  <a:moveTo>
                    <a:pt x="847344" y="0"/>
                  </a:moveTo>
                  <a:lnTo>
                    <a:pt x="836676" y="0"/>
                  </a:lnTo>
                  <a:lnTo>
                    <a:pt x="836676" y="4572"/>
                  </a:lnTo>
                  <a:lnTo>
                    <a:pt x="847344" y="4572"/>
                  </a:lnTo>
                  <a:lnTo>
                    <a:pt x="847344" y="0"/>
                  </a:lnTo>
                  <a:close/>
                </a:path>
                <a:path w="970914" h="5080">
                  <a:moveTo>
                    <a:pt x="861060" y="0"/>
                  </a:moveTo>
                  <a:lnTo>
                    <a:pt x="850392" y="0"/>
                  </a:lnTo>
                  <a:lnTo>
                    <a:pt x="850392" y="4572"/>
                  </a:lnTo>
                  <a:lnTo>
                    <a:pt x="861060" y="4572"/>
                  </a:lnTo>
                  <a:lnTo>
                    <a:pt x="861060" y="0"/>
                  </a:lnTo>
                  <a:close/>
                </a:path>
                <a:path w="970914" h="5080">
                  <a:moveTo>
                    <a:pt x="874776" y="0"/>
                  </a:moveTo>
                  <a:lnTo>
                    <a:pt x="864108" y="0"/>
                  </a:lnTo>
                  <a:lnTo>
                    <a:pt x="864108" y="4572"/>
                  </a:lnTo>
                  <a:lnTo>
                    <a:pt x="874776" y="4572"/>
                  </a:lnTo>
                  <a:lnTo>
                    <a:pt x="874776" y="0"/>
                  </a:lnTo>
                  <a:close/>
                </a:path>
                <a:path w="970914" h="5080">
                  <a:moveTo>
                    <a:pt x="888492" y="0"/>
                  </a:moveTo>
                  <a:lnTo>
                    <a:pt x="877824" y="0"/>
                  </a:lnTo>
                  <a:lnTo>
                    <a:pt x="877824" y="4572"/>
                  </a:lnTo>
                  <a:lnTo>
                    <a:pt x="888492" y="4572"/>
                  </a:lnTo>
                  <a:lnTo>
                    <a:pt x="888492" y="0"/>
                  </a:lnTo>
                  <a:close/>
                </a:path>
                <a:path w="970914" h="5080">
                  <a:moveTo>
                    <a:pt x="902208" y="0"/>
                  </a:moveTo>
                  <a:lnTo>
                    <a:pt x="891540" y="0"/>
                  </a:lnTo>
                  <a:lnTo>
                    <a:pt x="891540" y="4572"/>
                  </a:lnTo>
                  <a:lnTo>
                    <a:pt x="902208" y="4572"/>
                  </a:lnTo>
                  <a:lnTo>
                    <a:pt x="902208" y="0"/>
                  </a:lnTo>
                  <a:close/>
                </a:path>
                <a:path w="970914" h="5080">
                  <a:moveTo>
                    <a:pt x="915924" y="0"/>
                  </a:moveTo>
                  <a:lnTo>
                    <a:pt x="905256" y="0"/>
                  </a:lnTo>
                  <a:lnTo>
                    <a:pt x="905256" y="4572"/>
                  </a:lnTo>
                  <a:lnTo>
                    <a:pt x="915924" y="4572"/>
                  </a:lnTo>
                  <a:lnTo>
                    <a:pt x="915924" y="0"/>
                  </a:lnTo>
                  <a:close/>
                </a:path>
                <a:path w="970914" h="5080">
                  <a:moveTo>
                    <a:pt x="929640" y="0"/>
                  </a:moveTo>
                  <a:lnTo>
                    <a:pt x="918972" y="0"/>
                  </a:lnTo>
                  <a:lnTo>
                    <a:pt x="918972" y="4572"/>
                  </a:lnTo>
                  <a:lnTo>
                    <a:pt x="929640" y="4572"/>
                  </a:lnTo>
                  <a:lnTo>
                    <a:pt x="929640" y="0"/>
                  </a:lnTo>
                  <a:close/>
                </a:path>
                <a:path w="970914" h="5080">
                  <a:moveTo>
                    <a:pt x="943356" y="0"/>
                  </a:moveTo>
                  <a:lnTo>
                    <a:pt x="932688" y="0"/>
                  </a:lnTo>
                  <a:lnTo>
                    <a:pt x="932688" y="4572"/>
                  </a:lnTo>
                  <a:lnTo>
                    <a:pt x="943356" y="4572"/>
                  </a:lnTo>
                  <a:lnTo>
                    <a:pt x="943356" y="0"/>
                  </a:lnTo>
                  <a:close/>
                </a:path>
                <a:path w="970914" h="5080">
                  <a:moveTo>
                    <a:pt x="957072" y="0"/>
                  </a:moveTo>
                  <a:lnTo>
                    <a:pt x="946404" y="0"/>
                  </a:lnTo>
                  <a:lnTo>
                    <a:pt x="946404" y="4572"/>
                  </a:lnTo>
                  <a:lnTo>
                    <a:pt x="957072" y="4572"/>
                  </a:lnTo>
                  <a:lnTo>
                    <a:pt x="957072" y="0"/>
                  </a:lnTo>
                  <a:close/>
                </a:path>
                <a:path w="970914" h="5080">
                  <a:moveTo>
                    <a:pt x="970788" y="0"/>
                  </a:moveTo>
                  <a:lnTo>
                    <a:pt x="960120" y="0"/>
                  </a:lnTo>
                  <a:lnTo>
                    <a:pt x="960120" y="4572"/>
                  </a:lnTo>
                  <a:lnTo>
                    <a:pt x="970788" y="4572"/>
                  </a:lnTo>
                  <a:lnTo>
                    <a:pt x="970788" y="0"/>
                  </a:lnTo>
                  <a:close/>
                </a:path>
              </a:pathLst>
            </a:custGeom>
            <a:solidFill>
              <a:srgbClr val="000000"/>
            </a:solidFill>
          </p:spPr>
          <p:txBody>
            <a:bodyPr wrap="square" lIns="0" tIns="0" rIns="0" bIns="0" rtlCol="0"/>
            <a:lstStyle/>
            <a:p>
              <a:endParaRPr sz="1539"/>
            </a:p>
          </p:txBody>
        </p:sp>
        <p:sp>
          <p:nvSpPr>
            <p:cNvPr id="83" name="object 83"/>
            <p:cNvSpPr/>
            <p:nvPr/>
          </p:nvSpPr>
          <p:spPr>
            <a:xfrm>
              <a:off x="6068568" y="261823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48" y="0"/>
                  </a:moveTo>
                  <a:lnTo>
                    <a:pt x="68580" y="0"/>
                  </a:lnTo>
                  <a:lnTo>
                    <a:pt x="68580" y="4572"/>
                  </a:lnTo>
                  <a:lnTo>
                    <a:pt x="79248" y="4572"/>
                  </a:lnTo>
                  <a:lnTo>
                    <a:pt x="79248"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60" y="0"/>
                  </a:lnTo>
                  <a:lnTo>
                    <a:pt x="137160"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5760" y="0"/>
                  </a:moveTo>
                  <a:lnTo>
                    <a:pt x="356616" y="0"/>
                  </a:lnTo>
                  <a:lnTo>
                    <a:pt x="356616" y="4572"/>
                  </a:lnTo>
                  <a:lnTo>
                    <a:pt x="365760" y="4572"/>
                  </a:lnTo>
                  <a:lnTo>
                    <a:pt x="365760" y="0"/>
                  </a:lnTo>
                  <a:close/>
                </a:path>
                <a:path w="969645" h="5080">
                  <a:moveTo>
                    <a:pt x="379476" y="0"/>
                  </a:moveTo>
                  <a:lnTo>
                    <a:pt x="370332" y="0"/>
                  </a:lnTo>
                  <a:lnTo>
                    <a:pt x="370332" y="4572"/>
                  </a:lnTo>
                  <a:lnTo>
                    <a:pt x="379476" y="4572"/>
                  </a:lnTo>
                  <a:lnTo>
                    <a:pt x="379476" y="0"/>
                  </a:lnTo>
                  <a:close/>
                </a:path>
                <a:path w="969645" h="5080">
                  <a:moveTo>
                    <a:pt x="393192" y="0"/>
                  </a:moveTo>
                  <a:lnTo>
                    <a:pt x="384048" y="0"/>
                  </a:lnTo>
                  <a:lnTo>
                    <a:pt x="384048" y="4572"/>
                  </a:lnTo>
                  <a:lnTo>
                    <a:pt x="393192" y="4572"/>
                  </a:lnTo>
                  <a:lnTo>
                    <a:pt x="393192" y="0"/>
                  </a:lnTo>
                  <a:close/>
                </a:path>
                <a:path w="969645" h="5080">
                  <a:moveTo>
                    <a:pt x="406908" y="0"/>
                  </a:moveTo>
                  <a:lnTo>
                    <a:pt x="397764" y="0"/>
                  </a:lnTo>
                  <a:lnTo>
                    <a:pt x="397764" y="4572"/>
                  </a:lnTo>
                  <a:lnTo>
                    <a:pt x="406908" y="4572"/>
                  </a:lnTo>
                  <a:lnTo>
                    <a:pt x="406908" y="0"/>
                  </a:lnTo>
                  <a:close/>
                </a:path>
                <a:path w="969645" h="5080">
                  <a:moveTo>
                    <a:pt x="420624" y="0"/>
                  </a:moveTo>
                  <a:lnTo>
                    <a:pt x="411480" y="0"/>
                  </a:lnTo>
                  <a:lnTo>
                    <a:pt x="411480" y="4572"/>
                  </a:lnTo>
                  <a:lnTo>
                    <a:pt x="420624" y="4572"/>
                  </a:lnTo>
                  <a:lnTo>
                    <a:pt x="420624" y="0"/>
                  </a:lnTo>
                  <a:close/>
                </a:path>
                <a:path w="969645" h="5080">
                  <a:moveTo>
                    <a:pt x="434327" y="0"/>
                  </a:moveTo>
                  <a:lnTo>
                    <a:pt x="425196" y="0"/>
                  </a:lnTo>
                  <a:lnTo>
                    <a:pt x="425196" y="4572"/>
                  </a:lnTo>
                  <a:lnTo>
                    <a:pt x="434327" y="4572"/>
                  </a:lnTo>
                  <a:lnTo>
                    <a:pt x="434327" y="0"/>
                  </a:lnTo>
                  <a:close/>
                </a:path>
                <a:path w="969645" h="5080">
                  <a:moveTo>
                    <a:pt x="448056" y="0"/>
                  </a:moveTo>
                  <a:lnTo>
                    <a:pt x="438912" y="0"/>
                  </a:lnTo>
                  <a:lnTo>
                    <a:pt x="438912" y="4572"/>
                  </a:lnTo>
                  <a:lnTo>
                    <a:pt x="448056" y="4572"/>
                  </a:lnTo>
                  <a:lnTo>
                    <a:pt x="448056" y="0"/>
                  </a:lnTo>
                  <a:close/>
                </a:path>
                <a:path w="969645" h="5080">
                  <a:moveTo>
                    <a:pt x="461772" y="0"/>
                  </a:moveTo>
                  <a:lnTo>
                    <a:pt x="452628" y="0"/>
                  </a:lnTo>
                  <a:lnTo>
                    <a:pt x="452628" y="4572"/>
                  </a:lnTo>
                  <a:lnTo>
                    <a:pt x="461772" y="4572"/>
                  </a:lnTo>
                  <a:lnTo>
                    <a:pt x="461772" y="0"/>
                  </a:lnTo>
                  <a:close/>
                </a:path>
                <a:path w="969645" h="5080">
                  <a:moveTo>
                    <a:pt x="475488" y="0"/>
                  </a:moveTo>
                  <a:lnTo>
                    <a:pt x="466331" y="0"/>
                  </a:lnTo>
                  <a:lnTo>
                    <a:pt x="466331" y="4572"/>
                  </a:lnTo>
                  <a:lnTo>
                    <a:pt x="475488" y="4572"/>
                  </a:lnTo>
                  <a:lnTo>
                    <a:pt x="475488" y="0"/>
                  </a:lnTo>
                  <a:close/>
                </a:path>
                <a:path w="969645" h="5080">
                  <a:moveTo>
                    <a:pt x="489204" y="0"/>
                  </a:moveTo>
                  <a:lnTo>
                    <a:pt x="480060" y="0"/>
                  </a:lnTo>
                  <a:lnTo>
                    <a:pt x="480060" y="4572"/>
                  </a:lnTo>
                  <a:lnTo>
                    <a:pt x="489204" y="4572"/>
                  </a:lnTo>
                  <a:lnTo>
                    <a:pt x="489204" y="0"/>
                  </a:lnTo>
                  <a:close/>
                </a:path>
                <a:path w="969645" h="5080">
                  <a:moveTo>
                    <a:pt x="502920" y="0"/>
                  </a:moveTo>
                  <a:lnTo>
                    <a:pt x="493776" y="0"/>
                  </a:lnTo>
                  <a:lnTo>
                    <a:pt x="493776" y="4572"/>
                  </a:lnTo>
                  <a:lnTo>
                    <a:pt x="502920" y="4572"/>
                  </a:lnTo>
                  <a:lnTo>
                    <a:pt x="502920" y="0"/>
                  </a:lnTo>
                  <a:close/>
                </a:path>
                <a:path w="969645" h="5080">
                  <a:moveTo>
                    <a:pt x="516636" y="0"/>
                  </a:moveTo>
                  <a:lnTo>
                    <a:pt x="507479" y="0"/>
                  </a:lnTo>
                  <a:lnTo>
                    <a:pt x="507479" y="4572"/>
                  </a:lnTo>
                  <a:lnTo>
                    <a:pt x="516636" y="4572"/>
                  </a:lnTo>
                  <a:lnTo>
                    <a:pt x="516636" y="0"/>
                  </a:lnTo>
                  <a:close/>
                </a:path>
                <a:path w="969645" h="5080">
                  <a:moveTo>
                    <a:pt x="530352" y="0"/>
                  </a:moveTo>
                  <a:lnTo>
                    <a:pt x="521208" y="0"/>
                  </a:lnTo>
                  <a:lnTo>
                    <a:pt x="521208" y="4572"/>
                  </a:lnTo>
                  <a:lnTo>
                    <a:pt x="530352" y="4572"/>
                  </a:lnTo>
                  <a:lnTo>
                    <a:pt x="530352" y="0"/>
                  </a:lnTo>
                  <a:close/>
                </a:path>
                <a:path w="969645" h="5080">
                  <a:moveTo>
                    <a:pt x="544055" y="0"/>
                  </a:moveTo>
                  <a:lnTo>
                    <a:pt x="534924" y="0"/>
                  </a:lnTo>
                  <a:lnTo>
                    <a:pt x="534924" y="4572"/>
                  </a:lnTo>
                  <a:lnTo>
                    <a:pt x="544055" y="4572"/>
                  </a:lnTo>
                  <a:lnTo>
                    <a:pt x="544055" y="0"/>
                  </a:lnTo>
                  <a:close/>
                </a:path>
                <a:path w="969645" h="5080">
                  <a:moveTo>
                    <a:pt x="557784" y="0"/>
                  </a:moveTo>
                  <a:lnTo>
                    <a:pt x="548627" y="0"/>
                  </a:lnTo>
                  <a:lnTo>
                    <a:pt x="548627" y="4572"/>
                  </a:lnTo>
                  <a:lnTo>
                    <a:pt x="557784" y="4572"/>
                  </a:lnTo>
                  <a:lnTo>
                    <a:pt x="557784" y="0"/>
                  </a:lnTo>
                  <a:close/>
                </a:path>
                <a:path w="969645" h="5080">
                  <a:moveTo>
                    <a:pt x="571500" y="0"/>
                  </a:moveTo>
                  <a:lnTo>
                    <a:pt x="562356" y="0"/>
                  </a:lnTo>
                  <a:lnTo>
                    <a:pt x="562356" y="4572"/>
                  </a:lnTo>
                  <a:lnTo>
                    <a:pt x="571500" y="4572"/>
                  </a:lnTo>
                  <a:lnTo>
                    <a:pt x="571500" y="0"/>
                  </a:lnTo>
                  <a:close/>
                </a:path>
                <a:path w="969645" h="5080">
                  <a:moveTo>
                    <a:pt x="585203" y="0"/>
                  </a:moveTo>
                  <a:lnTo>
                    <a:pt x="576072" y="0"/>
                  </a:lnTo>
                  <a:lnTo>
                    <a:pt x="576072" y="4572"/>
                  </a:lnTo>
                  <a:lnTo>
                    <a:pt x="585203" y="4572"/>
                  </a:lnTo>
                  <a:lnTo>
                    <a:pt x="585203" y="0"/>
                  </a:lnTo>
                  <a:close/>
                </a:path>
                <a:path w="969645" h="5080">
                  <a:moveTo>
                    <a:pt x="598932" y="0"/>
                  </a:moveTo>
                  <a:lnTo>
                    <a:pt x="589788" y="0"/>
                  </a:lnTo>
                  <a:lnTo>
                    <a:pt x="589788" y="4572"/>
                  </a:lnTo>
                  <a:lnTo>
                    <a:pt x="598932" y="4572"/>
                  </a:lnTo>
                  <a:lnTo>
                    <a:pt x="598932" y="0"/>
                  </a:lnTo>
                  <a:close/>
                </a:path>
                <a:path w="969645" h="5080">
                  <a:moveTo>
                    <a:pt x="612648" y="0"/>
                  </a:moveTo>
                  <a:lnTo>
                    <a:pt x="603504" y="0"/>
                  </a:lnTo>
                  <a:lnTo>
                    <a:pt x="603504" y="4572"/>
                  </a:lnTo>
                  <a:lnTo>
                    <a:pt x="612648" y="4572"/>
                  </a:lnTo>
                  <a:lnTo>
                    <a:pt x="612648" y="0"/>
                  </a:lnTo>
                  <a:close/>
                </a:path>
                <a:path w="969645" h="5080">
                  <a:moveTo>
                    <a:pt x="626364" y="0"/>
                  </a:moveTo>
                  <a:lnTo>
                    <a:pt x="617220" y="0"/>
                  </a:lnTo>
                  <a:lnTo>
                    <a:pt x="617220" y="4572"/>
                  </a:lnTo>
                  <a:lnTo>
                    <a:pt x="626364" y="4572"/>
                  </a:lnTo>
                  <a:lnTo>
                    <a:pt x="626364" y="0"/>
                  </a:lnTo>
                  <a:close/>
                </a:path>
                <a:path w="969645" h="5080">
                  <a:moveTo>
                    <a:pt x="640080" y="0"/>
                  </a:moveTo>
                  <a:lnTo>
                    <a:pt x="630936" y="0"/>
                  </a:lnTo>
                  <a:lnTo>
                    <a:pt x="630936" y="4572"/>
                  </a:lnTo>
                  <a:lnTo>
                    <a:pt x="640080" y="4572"/>
                  </a:lnTo>
                  <a:lnTo>
                    <a:pt x="640080" y="0"/>
                  </a:lnTo>
                  <a:close/>
                </a:path>
                <a:path w="969645" h="5080">
                  <a:moveTo>
                    <a:pt x="653796" y="0"/>
                  </a:moveTo>
                  <a:lnTo>
                    <a:pt x="644652" y="0"/>
                  </a:lnTo>
                  <a:lnTo>
                    <a:pt x="644652" y="4572"/>
                  </a:lnTo>
                  <a:lnTo>
                    <a:pt x="653796" y="4572"/>
                  </a:lnTo>
                  <a:lnTo>
                    <a:pt x="653796" y="0"/>
                  </a:lnTo>
                  <a:close/>
                </a:path>
                <a:path w="969645" h="5080">
                  <a:moveTo>
                    <a:pt x="667512" y="0"/>
                  </a:moveTo>
                  <a:lnTo>
                    <a:pt x="658368" y="0"/>
                  </a:lnTo>
                  <a:lnTo>
                    <a:pt x="658368" y="4572"/>
                  </a:lnTo>
                  <a:lnTo>
                    <a:pt x="667512" y="4572"/>
                  </a:lnTo>
                  <a:lnTo>
                    <a:pt x="667512" y="0"/>
                  </a:lnTo>
                  <a:close/>
                </a:path>
                <a:path w="969645" h="5080">
                  <a:moveTo>
                    <a:pt x="681228" y="0"/>
                  </a:moveTo>
                  <a:lnTo>
                    <a:pt x="672084" y="0"/>
                  </a:lnTo>
                  <a:lnTo>
                    <a:pt x="672084" y="4572"/>
                  </a:lnTo>
                  <a:lnTo>
                    <a:pt x="681228" y="4572"/>
                  </a:lnTo>
                  <a:lnTo>
                    <a:pt x="681228" y="0"/>
                  </a:lnTo>
                  <a:close/>
                </a:path>
                <a:path w="969645" h="5080">
                  <a:moveTo>
                    <a:pt x="694944" y="0"/>
                  </a:moveTo>
                  <a:lnTo>
                    <a:pt x="685800" y="0"/>
                  </a:lnTo>
                  <a:lnTo>
                    <a:pt x="685800" y="4572"/>
                  </a:lnTo>
                  <a:lnTo>
                    <a:pt x="694944" y="4572"/>
                  </a:lnTo>
                  <a:lnTo>
                    <a:pt x="694944" y="0"/>
                  </a:lnTo>
                  <a:close/>
                </a:path>
                <a:path w="969645" h="5080">
                  <a:moveTo>
                    <a:pt x="708660" y="0"/>
                  </a:moveTo>
                  <a:lnTo>
                    <a:pt x="699516" y="0"/>
                  </a:lnTo>
                  <a:lnTo>
                    <a:pt x="699516" y="4572"/>
                  </a:lnTo>
                  <a:lnTo>
                    <a:pt x="708660" y="4572"/>
                  </a:lnTo>
                  <a:lnTo>
                    <a:pt x="708660" y="0"/>
                  </a:lnTo>
                  <a:close/>
                </a:path>
                <a:path w="969645" h="5080">
                  <a:moveTo>
                    <a:pt x="722376" y="0"/>
                  </a:moveTo>
                  <a:lnTo>
                    <a:pt x="713232" y="0"/>
                  </a:lnTo>
                  <a:lnTo>
                    <a:pt x="713232" y="4572"/>
                  </a:lnTo>
                  <a:lnTo>
                    <a:pt x="722376" y="4572"/>
                  </a:lnTo>
                  <a:lnTo>
                    <a:pt x="722376" y="0"/>
                  </a:lnTo>
                  <a:close/>
                </a:path>
                <a:path w="969645" h="5080">
                  <a:moveTo>
                    <a:pt x="736092" y="0"/>
                  </a:moveTo>
                  <a:lnTo>
                    <a:pt x="726948" y="0"/>
                  </a:lnTo>
                  <a:lnTo>
                    <a:pt x="726948" y="4572"/>
                  </a:lnTo>
                  <a:lnTo>
                    <a:pt x="736092" y="4572"/>
                  </a:lnTo>
                  <a:lnTo>
                    <a:pt x="736092" y="0"/>
                  </a:lnTo>
                  <a:close/>
                </a:path>
                <a:path w="969645" h="5080">
                  <a:moveTo>
                    <a:pt x="749808" y="0"/>
                  </a:moveTo>
                  <a:lnTo>
                    <a:pt x="740664" y="0"/>
                  </a:lnTo>
                  <a:lnTo>
                    <a:pt x="740664" y="4572"/>
                  </a:lnTo>
                  <a:lnTo>
                    <a:pt x="749808" y="4572"/>
                  </a:lnTo>
                  <a:lnTo>
                    <a:pt x="749808" y="0"/>
                  </a:lnTo>
                  <a:close/>
                </a:path>
                <a:path w="969645" h="5080">
                  <a:moveTo>
                    <a:pt x="763524" y="0"/>
                  </a:moveTo>
                  <a:lnTo>
                    <a:pt x="754380" y="0"/>
                  </a:lnTo>
                  <a:lnTo>
                    <a:pt x="754380" y="4572"/>
                  </a:lnTo>
                  <a:lnTo>
                    <a:pt x="763524" y="4572"/>
                  </a:lnTo>
                  <a:lnTo>
                    <a:pt x="763524" y="0"/>
                  </a:lnTo>
                  <a:close/>
                </a:path>
                <a:path w="969645" h="5080">
                  <a:moveTo>
                    <a:pt x="777240" y="0"/>
                  </a:moveTo>
                  <a:lnTo>
                    <a:pt x="768096" y="0"/>
                  </a:lnTo>
                  <a:lnTo>
                    <a:pt x="768096" y="4572"/>
                  </a:lnTo>
                  <a:lnTo>
                    <a:pt x="777240" y="4572"/>
                  </a:lnTo>
                  <a:lnTo>
                    <a:pt x="777240" y="0"/>
                  </a:lnTo>
                  <a:close/>
                </a:path>
                <a:path w="969645" h="5080">
                  <a:moveTo>
                    <a:pt x="790956" y="0"/>
                  </a:moveTo>
                  <a:lnTo>
                    <a:pt x="781812" y="0"/>
                  </a:lnTo>
                  <a:lnTo>
                    <a:pt x="781812" y="4572"/>
                  </a:lnTo>
                  <a:lnTo>
                    <a:pt x="790956" y="4572"/>
                  </a:lnTo>
                  <a:lnTo>
                    <a:pt x="790956" y="0"/>
                  </a:lnTo>
                  <a:close/>
                </a:path>
                <a:path w="969645" h="5080">
                  <a:moveTo>
                    <a:pt x="804672" y="0"/>
                  </a:moveTo>
                  <a:lnTo>
                    <a:pt x="795528" y="0"/>
                  </a:lnTo>
                  <a:lnTo>
                    <a:pt x="795528" y="4572"/>
                  </a:lnTo>
                  <a:lnTo>
                    <a:pt x="804672" y="4572"/>
                  </a:lnTo>
                  <a:lnTo>
                    <a:pt x="804672" y="0"/>
                  </a:lnTo>
                  <a:close/>
                </a:path>
                <a:path w="969645" h="5080">
                  <a:moveTo>
                    <a:pt x="818388" y="0"/>
                  </a:moveTo>
                  <a:lnTo>
                    <a:pt x="809244" y="0"/>
                  </a:lnTo>
                  <a:lnTo>
                    <a:pt x="809244" y="4572"/>
                  </a:lnTo>
                  <a:lnTo>
                    <a:pt x="818388" y="4572"/>
                  </a:lnTo>
                  <a:lnTo>
                    <a:pt x="818388" y="0"/>
                  </a:lnTo>
                  <a:close/>
                </a:path>
                <a:path w="969645" h="5080">
                  <a:moveTo>
                    <a:pt x="832104" y="0"/>
                  </a:moveTo>
                  <a:lnTo>
                    <a:pt x="822960" y="0"/>
                  </a:lnTo>
                  <a:lnTo>
                    <a:pt x="822960" y="4572"/>
                  </a:lnTo>
                  <a:lnTo>
                    <a:pt x="832104" y="4572"/>
                  </a:lnTo>
                  <a:lnTo>
                    <a:pt x="832104" y="0"/>
                  </a:lnTo>
                  <a:close/>
                </a:path>
                <a:path w="969645" h="5080">
                  <a:moveTo>
                    <a:pt x="845820" y="0"/>
                  </a:moveTo>
                  <a:lnTo>
                    <a:pt x="836676" y="0"/>
                  </a:lnTo>
                  <a:lnTo>
                    <a:pt x="836676" y="4572"/>
                  </a:lnTo>
                  <a:lnTo>
                    <a:pt x="845820" y="4572"/>
                  </a:lnTo>
                  <a:lnTo>
                    <a:pt x="845820" y="0"/>
                  </a:lnTo>
                  <a:close/>
                </a:path>
                <a:path w="969645" h="5080">
                  <a:moveTo>
                    <a:pt x="859536" y="0"/>
                  </a:moveTo>
                  <a:lnTo>
                    <a:pt x="850392" y="0"/>
                  </a:lnTo>
                  <a:lnTo>
                    <a:pt x="850392" y="4572"/>
                  </a:lnTo>
                  <a:lnTo>
                    <a:pt x="859536" y="4572"/>
                  </a:lnTo>
                  <a:lnTo>
                    <a:pt x="859536" y="0"/>
                  </a:lnTo>
                  <a:close/>
                </a:path>
                <a:path w="969645" h="5080">
                  <a:moveTo>
                    <a:pt x="873252" y="0"/>
                  </a:moveTo>
                  <a:lnTo>
                    <a:pt x="864108" y="0"/>
                  </a:lnTo>
                  <a:lnTo>
                    <a:pt x="864108" y="4572"/>
                  </a:lnTo>
                  <a:lnTo>
                    <a:pt x="873252" y="4572"/>
                  </a:lnTo>
                  <a:lnTo>
                    <a:pt x="873252" y="0"/>
                  </a:lnTo>
                  <a:close/>
                </a:path>
                <a:path w="969645" h="5080">
                  <a:moveTo>
                    <a:pt x="886968" y="0"/>
                  </a:moveTo>
                  <a:lnTo>
                    <a:pt x="877824" y="0"/>
                  </a:lnTo>
                  <a:lnTo>
                    <a:pt x="877824" y="4572"/>
                  </a:lnTo>
                  <a:lnTo>
                    <a:pt x="886968" y="4572"/>
                  </a:lnTo>
                  <a:lnTo>
                    <a:pt x="886968"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84" name="object 84"/>
            <p:cNvSpPr/>
            <p:nvPr/>
          </p:nvSpPr>
          <p:spPr>
            <a:xfrm>
              <a:off x="7028688" y="2618231"/>
              <a:ext cx="969644" cy="5080"/>
            </a:xfrm>
            <a:custGeom>
              <a:avLst/>
              <a:gdLst/>
              <a:ahLst/>
              <a:cxnLst/>
              <a:rect l="l" t="t" r="r" b="b"/>
              <a:pathLst>
                <a:path w="969645" h="5080">
                  <a:moveTo>
                    <a:pt x="9144" y="0"/>
                  </a:moveTo>
                  <a:lnTo>
                    <a:pt x="0" y="0"/>
                  </a:lnTo>
                  <a:lnTo>
                    <a:pt x="0" y="4572"/>
                  </a:lnTo>
                  <a:lnTo>
                    <a:pt x="9144" y="4572"/>
                  </a:lnTo>
                  <a:lnTo>
                    <a:pt x="9144" y="0"/>
                  </a:lnTo>
                  <a:close/>
                </a:path>
                <a:path w="969645" h="5080">
                  <a:moveTo>
                    <a:pt x="22860" y="0"/>
                  </a:moveTo>
                  <a:lnTo>
                    <a:pt x="12192" y="0"/>
                  </a:lnTo>
                  <a:lnTo>
                    <a:pt x="12192" y="4572"/>
                  </a:lnTo>
                  <a:lnTo>
                    <a:pt x="22860" y="4572"/>
                  </a:lnTo>
                  <a:lnTo>
                    <a:pt x="22860" y="0"/>
                  </a:lnTo>
                  <a:close/>
                </a:path>
                <a:path w="969645" h="5080">
                  <a:moveTo>
                    <a:pt x="36576" y="0"/>
                  </a:moveTo>
                  <a:lnTo>
                    <a:pt x="25908" y="0"/>
                  </a:lnTo>
                  <a:lnTo>
                    <a:pt x="25908" y="4572"/>
                  </a:lnTo>
                  <a:lnTo>
                    <a:pt x="36576" y="4572"/>
                  </a:lnTo>
                  <a:lnTo>
                    <a:pt x="36576" y="0"/>
                  </a:lnTo>
                  <a:close/>
                </a:path>
                <a:path w="969645" h="5080">
                  <a:moveTo>
                    <a:pt x="50292" y="0"/>
                  </a:moveTo>
                  <a:lnTo>
                    <a:pt x="39624" y="0"/>
                  </a:lnTo>
                  <a:lnTo>
                    <a:pt x="39624" y="4572"/>
                  </a:lnTo>
                  <a:lnTo>
                    <a:pt x="50292" y="4572"/>
                  </a:lnTo>
                  <a:lnTo>
                    <a:pt x="50292" y="0"/>
                  </a:lnTo>
                  <a:close/>
                </a:path>
                <a:path w="969645" h="5080">
                  <a:moveTo>
                    <a:pt x="64008" y="0"/>
                  </a:moveTo>
                  <a:lnTo>
                    <a:pt x="53340" y="0"/>
                  </a:lnTo>
                  <a:lnTo>
                    <a:pt x="53340" y="4572"/>
                  </a:lnTo>
                  <a:lnTo>
                    <a:pt x="64008" y="4572"/>
                  </a:lnTo>
                  <a:lnTo>
                    <a:pt x="64008" y="0"/>
                  </a:lnTo>
                  <a:close/>
                </a:path>
                <a:path w="969645" h="5080">
                  <a:moveTo>
                    <a:pt x="77724" y="0"/>
                  </a:moveTo>
                  <a:lnTo>
                    <a:pt x="67056" y="0"/>
                  </a:lnTo>
                  <a:lnTo>
                    <a:pt x="67056" y="4572"/>
                  </a:lnTo>
                  <a:lnTo>
                    <a:pt x="77724" y="4572"/>
                  </a:lnTo>
                  <a:lnTo>
                    <a:pt x="77724" y="0"/>
                  </a:lnTo>
                  <a:close/>
                </a:path>
                <a:path w="969645" h="5080">
                  <a:moveTo>
                    <a:pt x="91440" y="0"/>
                  </a:moveTo>
                  <a:lnTo>
                    <a:pt x="80772" y="0"/>
                  </a:lnTo>
                  <a:lnTo>
                    <a:pt x="80772" y="4572"/>
                  </a:lnTo>
                  <a:lnTo>
                    <a:pt x="91440" y="4572"/>
                  </a:lnTo>
                  <a:lnTo>
                    <a:pt x="91440" y="0"/>
                  </a:lnTo>
                  <a:close/>
                </a:path>
                <a:path w="969645" h="5080">
                  <a:moveTo>
                    <a:pt x="105156" y="0"/>
                  </a:moveTo>
                  <a:lnTo>
                    <a:pt x="94488" y="0"/>
                  </a:lnTo>
                  <a:lnTo>
                    <a:pt x="94488" y="4572"/>
                  </a:lnTo>
                  <a:lnTo>
                    <a:pt x="105156" y="4572"/>
                  </a:lnTo>
                  <a:lnTo>
                    <a:pt x="105156" y="0"/>
                  </a:lnTo>
                  <a:close/>
                </a:path>
                <a:path w="969645" h="5080">
                  <a:moveTo>
                    <a:pt x="118872" y="0"/>
                  </a:moveTo>
                  <a:lnTo>
                    <a:pt x="108204" y="0"/>
                  </a:lnTo>
                  <a:lnTo>
                    <a:pt x="108204" y="4572"/>
                  </a:lnTo>
                  <a:lnTo>
                    <a:pt x="118872" y="4572"/>
                  </a:lnTo>
                  <a:lnTo>
                    <a:pt x="118872" y="0"/>
                  </a:lnTo>
                  <a:close/>
                </a:path>
                <a:path w="969645" h="5080">
                  <a:moveTo>
                    <a:pt x="132588" y="0"/>
                  </a:moveTo>
                  <a:lnTo>
                    <a:pt x="121920" y="0"/>
                  </a:lnTo>
                  <a:lnTo>
                    <a:pt x="121920" y="4572"/>
                  </a:lnTo>
                  <a:lnTo>
                    <a:pt x="132588" y="4572"/>
                  </a:lnTo>
                  <a:lnTo>
                    <a:pt x="132588" y="0"/>
                  </a:lnTo>
                  <a:close/>
                </a:path>
                <a:path w="969645" h="5080">
                  <a:moveTo>
                    <a:pt x="146304" y="0"/>
                  </a:moveTo>
                  <a:lnTo>
                    <a:pt x="135636" y="0"/>
                  </a:lnTo>
                  <a:lnTo>
                    <a:pt x="135636" y="4572"/>
                  </a:lnTo>
                  <a:lnTo>
                    <a:pt x="146304" y="4572"/>
                  </a:lnTo>
                  <a:lnTo>
                    <a:pt x="146304" y="0"/>
                  </a:lnTo>
                  <a:close/>
                </a:path>
                <a:path w="969645" h="5080">
                  <a:moveTo>
                    <a:pt x="160020" y="0"/>
                  </a:moveTo>
                  <a:lnTo>
                    <a:pt x="149352" y="0"/>
                  </a:lnTo>
                  <a:lnTo>
                    <a:pt x="149352" y="4572"/>
                  </a:lnTo>
                  <a:lnTo>
                    <a:pt x="160020" y="4572"/>
                  </a:lnTo>
                  <a:lnTo>
                    <a:pt x="160020" y="0"/>
                  </a:lnTo>
                  <a:close/>
                </a:path>
                <a:path w="969645" h="5080">
                  <a:moveTo>
                    <a:pt x="173736" y="0"/>
                  </a:moveTo>
                  <a:lnTo>
                    <a:pt x="163068" y="0"/>
                  </a:lnTo>
                  <a:lnTo>
                    <a:pt x="163068" y="4572"/>
                  </a:lnTo>
                  <a:lnTo>
                    <a:pt x="173736" y="4572"/>
                  </a:lnTo>
                  <a:lnTo>
                    <a:pt x="173736" y="0"/>
                  </a:lnTo>
                  <a:close/>
                </a:path>
                <a:path w="969645" h="5080">
                  <a:moveTo>
                    <a:pt x="187452" y="0"/>
                  </a:moveTo>
                  <a:lnTo>
                    <a:pt x="176784" y="0"/>
                  </a:lnTo>
                  <a:lnTo>
                    <a:pt x="176784" y="4572"/>
                  </a:lnTo>
                  <a:lnTo>
                    <a:pt x="187452" y="4572"/>
                  </a:lnTo>
                  <a:lnTo>
                    <a:pt x="187452" y="0"/>
                  </a:lnTo>
                  <a:close/>
                </a:path>
                <a:path w="969645" h="5080">
                  <a:moveTo>
                    <a:pt x="201168" y="0"/>
                  </a:moveTo>
                  <a:lnTo>
                    <a:pt x="190500" y="0"/>
                  </a:lnTo>
                  <a:lnTo>
                    <a:pt x="190500" y="4572"/>
                  </a:lnTo>
                  <a:lnTo>
                    <a:pt x="201168" y="4572"/>
                  </a:lnTo>
                  <a:lnTo>
                    <a:pt x="201168" y="0"/>
                  </a:lnTo>
                  <a:close/>
                </a:path>
                <a:path w="969645" h="5080">
                  <a:moveTo>
                    <a:pt x="214884" y="0"/>
                  </a:moveTo>
                  <a:lnTo>
                    <a:pt x="204216" y="0"/>
                  </a:lnTo>
                  <a:lnTo>
                    <a:pt x="204216" y="4572"/>
                  </a:lnTo>
                  <a:lnTo>
                    <a:pt x="214884" y="4572"/>
                  </a:lnTo>
                  <a:lnTo>
                    <a:pt x="214884" y="0"/>
                  </a:lnTo>
                  <a:close/>
                </a:path>
                <a:path w="969645" h="5080">
                  <a:moveTo>
                    <a:pt x="228600" y="0"/>
                  </a:moveTo>
                  <a:lnTo>
                    <a:pt x="217932" y="0"/>
                  </a:lnTo>
                  <a:lnTo>
                    <a:pt x="217932" y="4572"/>
                  </a:lnTo>
                  <a:lnTo>
                    <a:pt x="228600" y="4572"/>
                  </a:lnTo>
                  <a:lnTo>
                    <a:pt x="228600" y="0"/>
                  </a:lnTo>
                  <a:close/>
                </a:path>
                <a:path w="969645" h="5080">
                  <a:moveTo>
                    <a:pt x="242316" y="0"/>
                  </a:moveTo>
                  <a:lnTo>
                    <a:pt x="231648" y="0"/>
                  </a:lnTo>
                  <a:lnTo>
                    <a:pt x="231648" y="4572"/>
                  </a:lnTo>
                  <a:lnTo>
                    <a:pt x="242316" y="4572"/>
                  </a:lnTo>
                  <a:lnTo>
                    <a:pt x="242316" y="0"/>
                  </a:lnTo>
                  <a:close/>
                </a:path>
                <a:path w="969645" h="5080">
                  <a:moveTo>
                    <a:pt x="256032" y="0"/>
                  </a:moveTo>
                  <a:lnTo>
                    <a:pt x="245364" y="0"/>
                  </a:lnTo>
                  <a:lnTo>
                    <a:pt x="245364" y="4572"/>
                  </a:lnTo>
                  <a:lnTo>
                    <a:pt x="256032" y="4572"/>
                  </a:lnTo>
                  <a:lnTo>
                    <a:pt x="256032" y="0"/>
                  </a:lnTo>
                  <a:close/>
                </a:path>
                <a:path w="969645" h="5080">
                  <a:moveTo>
                    <a:pt x="269748" y="0"/>
                  </a:moveTo>
                  <a:lnTo>
                    <a:pt x="259080" y="0"/>
                  </a:lnTo>
                  <a:lnTo>
                    <a:pt x="259080" y="4572"/>
                  </a:lnTo>
                  <a:lnTo>
                    <a:pt x="269748" y="4572"/>
                  </a:lnTo>
                  <a:lnTo>
                    <a:pt x="269748" y="0"/>
                  </a:lnTo>
                  <a:close/>
                </a:path>
                <a:path w="969645" h="5080">
                  <a:moveTo>
                    <a:pt x="283464" y="0"/>
                  </a:moveTo>
                  <a:lnTo>
                    <a:pt x="272796" y="0"/>
                  </a:lnTo>
                  <a:lnTo>
                    <a:pt x="272796" y="4572"/>
                  </a:lnTo>
                  <a:lnTo>
                    <a:pt x="283464" y="4572"/>
                  </a:lnTo>
                  <a:lnTo>
                    <a:pt x="283464" y="0"/>
                  </a:lnTo>
                  <a:close/>
                </a:path>
                <a:path w="969645" h="5080">
                  <a:moveTo>
                    <a:pt x="297180" y="0"/>
                  </a:moveTo>
                  <a:lnTo>
                    <a:pt x="286512" y="0"/>
                  </a:lnTo>
                  <a:lnTo>
                    <a:pt x="286512" y="4572"/>
                  </a:lnTo>
                  <a:lnTo>
                    <a:pt x="297180" y="4572"/>
                  </a:lnTo>
                  <a:lnTo>
                    <a:pt x="297180" y="0"/>
                  </a:lnTo>
                  <a:close/>
                </a:path>
                <a:path w="969645" h="5080">
                  <a:moveTo>
                    <a:pt x="310896" y="0"/>
                  </a:moveTo>
                  <a:lnTo>
                    <a:pt x="300228" y="0"/>
                  </a:lnTo>
                  <a:lnTo>
                    <a:pt x="300228" y="4572"/>
                  </a:lnTo>
                  <a:lnTo>
                    <a:pt x="310896" y="4572"/>
                  </a:lnTo>
                  <a:lnTo>
                    <a:pt x="310896" y="0"/>
                  </a:lnTo>
                  <a:close/>
                </a:path>
                <a:path w="969645" h="5080">
                  <a:moveTo>
                    <a:pt x="324612" y="0"/>
                  </a:moveTo>
                  <a:lnTo>
                    <a:pt x="313944" y="0"/>
                  </a:lnTo>
                  <a:lnTo>
                    <a:pt x="313944" y="4572"/>
                  </a:lnTo>
                  <a:lnTo>
                    <a:pt x="324612" y="4572"/>
                  </a:lnTo>
                  <a:lnTo>
                    <a:pt x="324612" y="0"/>
                  </a:lnTo>
                  <a:close/>
                </a:path>
                <a:path w="969645" h="5080">
                  <a:moveTo>
                    <a:pt x="338328" y="0"/>
                  </a:moveTo>
                  <a:lnTo>
                    <a:pt x="327660" y="0"/>
                  </a:lnTo>
                  <a:lnTo>
                    <a:pt x="327660" y="4572"/>
                  </a:lnTo>
                  <a:lnTo>
                    <a:pt x="338328" y="4572"/>
                  </a:lnTo>
                  <a:lnTo>
                    <a:pt x="338328" y="0"/>
                  </a:lnTo>
                  <a:close/>
                </a:path>
                <a:path w="969645" h="5080">
                  <a:moveTo>
                    <a:pt x="352044" y="0"/>
                  </a:moveTo>
                  <a:lnTo>
                    <a:pt x="341376" y="0"/>
                  </a:lnTo>
                  <a:lnTo>
                    <a:pt x="341376" y="4572"/>
                  </a:lnTo>
                  <a:lnTo>
                    <a:pt x="352044" y="4572"/>
                  </a:lnTo>
                  <a:lnTo>
                    <a:pt x="352044" y="0"/>
                  </a:lnTo>
                  <a:close/>
                </a:path>
                <a:path w="969645" h="5080">
                  <a:moveTo>
                    <a:pt x="365760" y="0"/>
                  </a:moveTo>
                  <a:lnTo>
                    <a:pt x="355092" y="0"/>
                  </a:lnTo>
                  <a:lnTo>
                    <a:pt x="355092" y="4572"/>
                  </a:lnTo>
                  <a:lnTo>
                    <a:pt x="365760" y="4572"/>
                  </a:lnTo>
                  <a:lnTo>
                    <a:pt x="365760" y="0"/>
                  </a:lnTo>
                  <a:close/>
                </a:path>
                <a:path w="969645" h="5080">
                  <a:moveTo>
                    <a:pt x="379476" y="0"/>
                  </a:moveTo>
                  <a:lnTo>
                    <a:pt x="368808" y="0"/>
                  </a:lnTo>
                  <a:lnTo>
                    <a:pt x="368808" y="4572"/>
                  </a:lnTo>
                  <a:lnTo>
                    <a:pt x="379476" y="4572"/>
                  </a:lnTo>
                  <a:lnTo>
                    <a:pt x="379476" y="0"/>
                  </a:lnTo>
                  <a:close/>
                </a:path>
                <a:path w="969645" h="5080">
                  <a:moveTo>
                    <a:pt x="393192" y="0"/>
                  </a:moveTo>
                  <a:lnTo>
                    <a:pt x="382524" y="0"/>
                  </a:lnTo>
                  <a:lnTo>
                    <a:pt x="382524" y="4572"/>
                  </a:lnTo>
                  <a:lnTo>
                    <a:pt x="393192" y="4572"/>
                  </a:lnTo>
                  <a:lnTo>
                    <a:pt x="393192" y="0"/>
                  </a:lnTo>
                  <a:close/>
                </a:path>
                <a:path w="969645" h="5080">
                  <a:moveTo>
                    <a:pt x="406908" y="0"/>
                  </a:moveTo>
                  <a:lnTo>
                    <a:pt x="396240" y="0"/>
                  </a:lnTo>
                  <a:lnTo>
                    <a:pt x="396240" y="4572"/>
                  </a:lnTo>
                  <a:lnTo>
                    <a:pt x="406908" y="4572"/>
                  </a:lnTo>
                  <a:lnTo>
                    <a:pt x="406908" y="0"/>
                  </a:lnTo>
                  <a:close/>
                </a:path>
                <a:path w="969645" h="5080">
                  <a:moveTo>
                    <a:pt x="420624" y="0"/>
                  </a:moveTo>
                  <a:lnTo>
                    <a:pt x="409956" y="0"/>
                  </a:lnTo>
                  <a:lnTo>
                    <a:pt x="409956" y="4572"/>
                  </a:lnTo>
                  <a:lnTo>
                    <a:pt x="420624" y="4572"/>
                  </a:lnTo>
                  <a:lnTo>
                    <a:pt x="420624" y="0"/>
                  </a:lnTo>
                  <a:close/>
                </a:path>
                <a:path w="969645" h="5080">
                  <a:moveTo>
                    <a:pt x="434340" y="0"/>
                  </a:moveTo>
                  <a:lnTo>
                    <a:pt x="423672" y="0"/>
                  </a:lnTo>
                  <a:lnTo>
                    <a:pt x="423672" y="4572"/>
                  </a:lnTo>
                  <a:lnTo>
                    <a:pt x="434340" y="4572"/>
                  </a:lnTo>
                  <a:lnTo>
                    <a:pt x="434340" y="0"/>
                  </a:lnTo>
                  <a:close/>
                </a:path>
                <a:path w="969645" h="5080">
                  <a:moveTo>
                    <a:pt x="448056" y="0"/>
                  </a:moveTo>
                  <a:lnTo>
                    <a:pt x="437388" y="0"/>
                  </a:lnTo>
                  <a:lnTo>
                    <a:pt x="437388" y="4572"/>
                  </a:lnTo>
                  <a:lnTo>
                    <a:pt x="448056" y="4572"/>
                  </a:lnTo>
                  <a:lnTo>
                    <a:pt x="448056" y="0"/>
                  </a:lnTo>
                  <a:close/>
                </a:path>
                <a:path w="969645" h="5080">
                  <a:moveTo>
                    <a:pt x="461772" y="0"/>
                  </a:moveTo>
                  <a:lnTo>
                    <a:pt x="451104" y="0"/>
                  </a:lnTo>
                  <a:lnTo>
                    <a:pt x="451104" y="4572"/>
                  </a:lnTo>
                  <a:lnTo>
                    <a:pt x="461772" y="4572"/>
                  </a:lnTo>
                  <a:lnTo>
                    <a:pt x="461772" y="0"/>
                  </a:lnTo>
                  <a:close/>
                </a:path>
                <a:path w="969645" h="5080">
                  <a:moveTo>
                    <a:pt x="475488" y="0"/>
                  </a:moveTo>
                  <a:lnTo>
                    <a:pt x="464820" y="0"/>
                  </a:lnTo>
                  <a:lnTo>
                    <a:pt x="464820" y="4572"/>
                  </a:lnTo>
                  <a:lnTo>
                    <a:pt x="475488" y="4572"/>
                  </a:lnTo>
                  <a:lnTo>
                    <a:pt x="475488" y="0"/>
                  </a:lnTo>
                  <a:close/>
                </a:path>
                <a:path w="969645" h="5080">
                  <a:moveTo>
                    <a:pt x="489204" y="0"/>
                  </a:moveTo>
                  <a:lnTo>
                    <a:pt x="478536" y="0"/>
                  </a:lnTo>
                  <a:lnTo>
                    <a:pt x="478536" y="4572"/>
                  </a:lnTo>
                  <a:lnTo>
                    <a:pt x="489204" y="4572"/>
                  </a:lnTo>
                  <a:lnTo>
                    <a:pt x="489204" y="0"/>
                  </a:lnTo>
                  <a:close/>
                </a:path>
                <a:path w="969645" h="5080">
                  <a:moveTo>
                    <a:pt x="502920" y="0"/>
                  </a:moveTo>
                  <a:lnTo>
                    <a:pt x="492252" y="0"/>
                  </a:lnTo>
                  <a:lnTo>
                    <a:pt x="492252" y="4572"/>
                  </a:lnTo>
                  <a:lnTo>
                    <a:pt x="502920" y="4572"/>
                  </a:lnTo>
                  <a:lnTo>
                    <a:pt x="502920" y="0"/>
                  </a:lnTo>
                  <a:close/>
                </a:path>
                <a:path w="969645" h="5080">
                  <a:moveTo>
                    <a:pt x="516636" y="0"/>
                  </a:moveTo>
                  <a:lnTo>
                    <a:pt x="505968" y="0"/>
                  </a:lnTo>
                  <a:lnTo>
                    <a:pt x="505968" y="4572"/>
                  </a:lnTo>
                  <a:lnTo>
                    <a:pt x="516636" y="4572"/>
                  </a:lnTo>
                  <a:lnTo>
                    <a:pt x="516636" y="0"/>
                  </a:lnTo>
                  <a:close/>
                </a:path>
                <a:path w="969645" h="5080">
                  <a:moveTo>
                    <a:pt x="530352" y="0"/>
                  </a:moveTo>
                  <a:lnTo>
                    <a:pt x="519684" y="0"/>
                  </a:lnTo>
                  <a:lnTo>
                    <a:pt x="519684" y="4572"/>
                  </a:lnTo>
                  <a:lnTo>
                    <a:pt x="530352" y="4572"/>
                  </a:lnTo>
                  <a:lnTo>
                    <a:pt x="530352" y="0"/>
                  </a:lnTo>
                  <a:close/>
                </a:path>
                <a:path w="969645" h="5080">
                  <a:moveTo>
                    <a:pt x="544068" y="0"/>
                  </a:moveTo>
                  <a:lnTo>
                    <a:pt x="533400" y="0"/>
                  </a:lnTo>
                  <a:lnTo>
                    <a:pt x="533400" y="4572"/>
                  </a:lnTo>
                  <a:lnTo>
                    <a:pt x="544068" y="4572"/>
                  </a:lnTo>
                  <a:lnTo>
                    <a:pt x="544068" y="0"/>
                  </a:lnTo>
                  <a:close/>
                </a:path>
                <a:path w="969645" h="5080">
                  <a:moveTo>
                    <a:pt x="557784" y="0"/>
                  </a:moveTo>
                  <a:lnTo>
                    <a:pt x="547116" y="0"/>
                  </a:lnTo>
                  <a:lnTo>
                    <a:pt x="547116" y="4572"/>
                  </a:lnTo>
                  <a:lnTo>
                    <a:pt x="557784" y="4572"/>
                  </a:lnTo>
                  <a:lnTo>
                    <a:pt x="557784" y="0"/>
                  </a:lnTo>
                  <a:close/>
                </a:path>
                <a:path w="969645" h="5080">
                  <a:moveTo>
                    <a:pt x="571500" y="0"/>
                  </a:moveTo>
                  <a:lnTo>
                    <a:pt x="560832" y="0"/>
                  </a:lnTo>
                  <a:lnTo>
                    <a:pt x="560832" y="4572"/>
                  </a:lnTo>
                  <a:lnTo>
                    <a:pt x="571500" y="4572"/>
                  </a:lnTo>
                  <a:lnTo>
                    <a:pt x="571500" y="0"/>
                  </a:lnTo>
                  <a:close/>
                </a:path>
                <a:path w="969645" h="5080">
                  <a:moveTo>
                    <a:pt x="585216" y="0"/>
                  </a:moveTo>
                  <a:lnTo>
                    <a:pt x="574548" y="0"/>
                  </a:lnTo>
                  <a:lnTo>
                    <a:pt x="574548" y="4572"/>
                  </a:lnTo>
                  <a:lnTo>
                    <a:pt x="585216" y="4572"/>
                  </a:lnTo>
                  <a:lnTo>
                    <a:pt x="585216" y="0"/>
                  </a:lnTo>
                  <a:close/>
                </a:path>
                <a:path w="969645" h="5080">
                  <a:moveTo>
                    <a:pt x="598932" y="0"/>
                  </a:moveTo>
                  <a:lnTo>
                    <a:pt x="588264" y="0"/>
                  </a:lnTo>
                  <a:lnTo>
                    <a:pt x="588264" y="4572"/>
                  </a:lnTo>
                  <a:lnTo>
                    <a:pt x="598932" y="4572"/>
                  </a:lnTo>
                  <a:lnTo>
                    <a:pt x="598932" y="0"/>
                  </a:lnTo>
                  <a:close/>
                </a:path>
                <a:path w="969645" h="5080">
                  <a:moveTo>
                    <a:pt x="612648" y="0"/>
                  </a:moveTo>
                  <a:lnTo>
                    <a:pt x="601980" y="0"/>
                  </a:lnTo>
                  <a:lnTo>
                    <a:pt x="601980" y="4572"/>
                  </a:lnTo>
                  <a:lnTo>
                    <a:pt x="612648" y="4572"/>
                  </a:lnTo>
                  <a:lnTo>
                    <a:pt x="612648" y="0"/>
                  </a:lnTo>
                  <a:close/>
                </a:path>
                <a:path w="969645" h="5080">
                  <a:moveTo>
                    <a:pt x="626364" y="0"/>
                  </a:moveTo>
                  <a:lnTo>
                    <a:pt x="615696" y="0"/>
                  </a:lnTo>
                  <a:lnTo>
                    <a:pt x="615696" y="4572"/>
                  </a:lnTo>
                  <a:lnTo>
                    <a:pt x="626364" y="4572"/>
                  </a:lnTo>
                  <a:lnTo>
                    <a:pt x="626364" y="0"/>
                  </a:lnTo>
                  <a:close/>
                </a:path>
                <a:path w="969645" h="5080">
                  <a:moveTo>
                    <a:pt x="640080" y="0"/>
                  </a:moveTo>
                  <a:lnTo>
                    <a:pt x="629412" y="0"/>
                  </a:lnTo>
                  <a:lnTo>
                    <a:pt x="629412" y="4572"/>
                  </a:lnTo>
                  <a:lnTo>
                    <a:pt x="640080" y="4572"/>
                  </a:lnTo>
                  <a:lnTo>
                    <a:pt x="640080" y="0"/>
                  </a:lnTo>
                  <a:close/>
                </a:path>
                <a:path w="969645" h="5080">
                  <a:moveTo>
                    <a:pt x="653796" y="0"/>
                  </a:moveTo>
                  <a:lnTo>
                    <a:pt x="643128" y="0"/>
                  </a:lnTo>
                  <a:lnTo>
                    <a:pt x="643128" y="4572"/>
                  </a:lnTo>
                  <a:lnTo>
                    <a:pt x="653796" y="4572"/>
                  </a:lnTo>
                  <a:lnTo>
                    <a:pt x="653796" y="0"/>
                  </a:lnTo>
                  <a:close/>
                </a:path>
                <a:path w="969645" h="5080">
                  <a:moveTo>
                    <a:pt x="667512" y="0"/>
                  </a:moveTo>
                  <a:lnTo>
                    <a:pt x="656844" y="0"/>
                  </a:lnTo>
                  <a:lnTo>
                    <a:pt x="656844" y="4572"/>
                  </a:lnTo>
                  <a:lnTo>
                    <a:pt x="667512" y="4572"/>
                  </a:lnTo>
                  <a:lnTo>
                    <a:pt x="667512" y="0"/>
                  </a:lnTo>
                  <a:close/>
                </a:path>
                <a:path w="969645" h="5080">
                  <a:moveTo>
                    <a:pt x="681228" y="0"/>
                  </a:moveTo>
                  <a:lnTo>
                    <a:pt x="670560" y="0"/>
                  </a:lnTo>
                  <a:lnTo>
                    <a:pt x="670560" y="4572"/>
                  </a:lnTo>
                  <a:lnTo>
                    <a:pt x="681228" y="4572"/>
                  </a:lnTo>
                  <a:lnTo>
                    <a:pt x="681228" y="0"/>
                  </a:lnTo>
                  <a:close/>
                </a:path>
                <a:path w="969645" h="5080">
                  <a:moveTo>
                    <a:pt x="694944" y="0"/>
                  </a:moveTo>
                  <a:lnTo>
                    <a:pt x="684276" y="0"/>
                  </a:lnTo>
                  <a:lnTo>
                    <a:pt x="684276" y="4572"/>
                  </a:lnTo>
                  <a:lnTo>
                    <a:pt x="694944" y="4572"/>
                  </a:lnTo>
                  <a:lnTo>
                    <a:pt x="694944" y="0"/>
                  </a:lnTo>
                  <a:close/>
                </a:path>
                <a:path w="969645" h="5080">
                  <a:moveTo>
                    <a:pt x="708660" y="0"/>
                  </a:moveTo>
                  <a:lnTo>
                    <a:pt x="697992" y="0"/>
                  </a:lnTo>
                  <a:lnTo>
                    <a:pt x="697992" y="4572"/>
                  </a:lnTo>
                  <a:lnTo>
                    <a:pt x="708660" y="4572"/>
                  </a:lnTo>
                  <a:lnTo>
                    <a:pt x="708660" y="0"/>
                  </a:lnTo>
                  <a:close/>
                </a:path>
                <a:path w="969645" h="5080">
                  <a:moveTo>
                    <a:pt x="722376" y="0"/>
                  </a:moveTo>
                  <a:lnTo>
                    <a:pt x="711708" y="0"/>
                  </a:lnTo>
                  <a:lnTo>
                    <a:pt x="711708" y="4572"/>
                  </a:lnTo>
                  <a:lnTo>
                    <a:pt x="722376" y="4572"/>
                  </a:lnTo>
                  <a:lnTo>
                    <a:pt x="722376" y="0"/>
                  </a:lnTo>
                  <a:close/>
                </a:path>
                <a:path w="969645" h="5080">
                  <a:moveTo>
                    <a:pt x="736092" y="0"/>
                  </a:moveTo>
                  <a:lnTo>
                    <a:pt x="725424" y="0"/>
                  </a:lnTo>
                  <a:lnTo>
                    <a:pt x="725424" y="4572"/>
                  </a:lnTo>
                  <a:lnTo>
                    <a:pt x="736092" y="4572"/>
                  </a:lnTo>
                  <a:lnTo>
                    <a:pt x="736092" y="0"/>
                  </a:lnTo>
                  <a:close/>
                </a:path>
                <a:path w="969645" h="5080">
                  <a:moveTo>
                    <a:pt x="749808" y="0"/>
                  </a:moveTo>
                  <a:lnTo>
                    <a:pt x="739140" y="0"/>
                  </a:lnTo>
                  <a:lnTo>
                    <a:pt x="739140" y="4572"/>
                  </a:lnTo>
                  <a:lnTo>
                    <a:pt x="749808" y="4572"/>
                  </a:lnTo>
                  <a:lnTo>
                    <a:pt x="749808" y="0"/>
                  </a:lnTo>
                  <a:close/>
                </a:path>
                <a:path w="969645" h="5080">
                  <a:moveTo>
                    <a:pt x="763524" y="0"/>
                  </a:moveTo>
                  <a:lnTo>
                    <a:pt x="752856" y="0"/>
                  </a:lnTo>
                  <a:lnTo>
                    <a:pt x="752856" y="4572"/>
                  </a:lnTo>
                  <a:lnTo>
                    <a:pt x="763524" y="4572"/>
                  </a:lnTo>
                  <a:lnTo>
                    <a:pt x="763524" y="0"/>
                  </a:lnTo>
                  <a:close/>
                </a:path>
                <a:path w="969645" h="5080">
                  <a:moveTo>
                    <a:pt x="777240" y="0"/>
                  </a:moveTo>
                  <a:lnTo>
                    <a:pt x="766572" y="0"/>
                  </a:lnTo>
                  <a:lnTo>
                    <a:pt x="766572" y="4572"/>
                  </a:lnTo>
                  <a:lnTo>
                    <a:pt x="777240" y="4572"/>
                  </a:lnTo>
                  <a:lnTo>
                    <a:pt x="777240" y="0"/>
                  </a:lnTo>
                  <a:close/>
                </a:path>
                <a:path w="969645" h="5080">
                  <a:moveTo>
                    <a:pt x="790956" y="0"/>
                  </a:moveTo>
                  <a:lnTo>
                    <a:pt x="780288" y="0"/>
                  </a:lnTo>
                  <a:lnTo>
                    <a:pt x="780288" y="4572"/>
                  </a:lnTo>
                  <a:lnTo>
                    <a:pt x="790956" y="4572"/>
                  </a:lnTo>
                  <a:lnTo>
                    <a:pt x="790956" y="0"/>
                  </a:lnTo>
                  <a:close/>
                </a:path>
                <a:path w="969645" h="5080">
                  <a:moveTo>
                    <a:pt x="804672" y="0"/>
                  </a:moveTo>
                  <a:lnTo>
                    <a:pt x="794004" y="0"/>
                  </a:lnTo>
                  <a:lnTo>
                    <a:pt x="794004" y="4572"/>
                  </a:lnTo>
                  <a:lnTo>
                    <a:pt x="804672" y="4572"/>
                  </a:lnTo>
                  <a:lnTo>
                    <a:pt x="804672" y="0"/>
                  </a:lnTo>
                  <a:close/>
                </a:path>
                <a:path w="969645" h="5080">
                  <a:moveTo>
                    <a:pt x="818388" y="0"/>
                  </a:moveTo>
                  <a:lnTo>
                    <a:pt x="807720" y="0"/>
                  </a:lnTo>
                  <a:lnTo>
                    <a:pt x="807720" y="4572"/>
                  </a:lnTo>
                  <a:lnTo>
                    <a:pt x="818388" y="4572"/>
                  </a:lnTo>
                  <a:lnTo>
                    <a:pt x="818388" y="0"/>
                  </a:lnTo>
                  <a:close/>
                </a:path>
                <a:path w="969645" h="5080">
                  <a:moveTo>
                    <a:pt x="832104" y="0"/>
                  </a:moveTo>
                  <a:lnTo>
                    <a:pt x="821436" y="0"/>
                  </a:lnTo>
                  <a:lnTo>
                    <a:pt x="821436" y="4572"/>
                  </a:lnTo>
                  <a:lnTo>
                    <a:pt x="832104" y="4572"/>
                  </a:lnTo>
                  <a:lnTo>
                    <a:pt x="832104" y="0"/>
                  </a:lnTo>
                  <a:close/>
                </a:path>
                <a:path w="969645" h="5080">
                  <a:moveTo>
                    <a:pt x="845820" y="0"/>
                  </a:moveTo>
                  <a:lnTo>
                    <a:pt x="835152" y="0"/>
                  </a:lnTo>
                  <a:lnTo>
                    <a:pt x="835152" y="4572"/>
                  </a:lnTo>
                  <a:lnTo>
                    <a:pt x="845820" y="4572"/>
                  </a:lnTo>
                  <a:lnTo>
                    <a:pt x="845820" y="0"/>
                  </a:lnTo>
                  <a:close/>
                </a:path>
                <a:path w="969645" h="5080">
                  <a:moveTo>
                    <a:pt x="859536" y="0"/>
                  </a:moveTo>
                  <a:lnTo>
                    <a:pt x="848868" y="0"/>
                  </a:lnTo>
                  <a:lnTo>
                    <a:pt x="848868" y="4572"/>
                  </a:lnTo>
                  <a:lnTo>
                    <a:pt x="859536" y="4572"/>
                  </a:lnTo>
                  <a:lnTo>
                    <a:pt x="859536" y="0"/>
                  </a:lnTo>
                  <a:close/>
                </a:path>
                <a:path w="969645" h="5080">
                  <a:moveTo>
                    <a:pt x="873252" y="0"/>
                  </a:moveTo>
                  <a:lnTo>
                    <a:pt x="862584" y="0"/>
                  </a:lnTo>
                  <a:lnTo>
                    <a:pt x="862584" y="4572"/>
                  </a:lnTo>
                  <a:lnTo>
                    <a:pt x="873252" y="4572"/>
                  </a:lnTo>
                  <a:lnTo>
                    <a:pt x="873252" y="0"/>
                  </a:lnTo>
                  <a:close/>
                </a:path>
                <a:path w="969645" h="5080">
                  <a:moveTo>
                    <a:pt x="886968" y="0"/>
                  </a:moveTo>
                  <a:lnTo>
                    <a:pt x="876300" y="0"/>
                  </a:lnTo>
                  <a:lnTo>
                    <a:pt x="876300" y="4572"/>
                  </a:lnTo>
                  <a:lnTo>
                    <a:pt x="886968" y="4572"/>
                  </a:lnTo>
                  <a:lnTo>
                    <a:pt x="886968" y="0"/>
                  </a:lnTo>
                  <a:close/>
                </a:path>
                <a:path w="969645" h="5080">
                  <a:moveTo>
                    <a:pt x="900684" y="0"/>
                  </a:moveTo>
                  <a:lnTo>
                    <a:pt x="890016" y="0"/>
                  </a:lnTo>
                  <a:lnTo>
                    <a:pt x="890016" y="4572"/>
                  </a:lnTo>
                  <a:lnTo>
                    <a:pt x="900684" y="4572"/>
                  </a:lnTo>
                  <a:lnTo>
                    <a:pt x="900684" y="0"/>
                  </a:lnTo>
                  <a:close/>
                </a:path>
                <a:path w="969645" h="5080">
                  <a:moveTo>
                    <a:pt x="914400" y="0"/>
                  </a:moveTo>
                  <a:lnTo>
                    <a:pt x="903732" y="0"/>
                  </a:lnTo>
                  <a:lnTo>
                    <a:pt x="903732" y="4572"/>
                  </a:lnTo>
                  <a:lnTo>
                    <a:pt x="914400" y="4572"/>
                  </a:lnTo>
                  <a:lnTo>
                    <a:pt x="914400" y="0"/>
                  </a:lnTo>
                  <a:close/>
                </a:path>
                <a:path w="969645" h="5080">
                  <a:moveTo>
                    <a:pt x="928116" y="0"/>
                  </a:moveTo>
                  <a:lnTo>
                    <a:pt x="917448" y="0"/>
                  </a:lnTo>
                  <a:lnTo>
                    <a:pt x="917448" y="4572"/>
                  </a:lnTo>
                  <a:lnTo>
                    <a:pt x="928116" y="4572"/>
                  </a:lnTo>
                  <a:lnTo>
                    <a:pt x="928116" y="0"/>
                  </a:lnTo>
                  <a:close/>
                </a:path>
                <a:path w="969645" h="5080">
                  <a:moveTo>
                    <a:pt x="941832" y="0"/>
                  </a:moveTo>
                  <a:lnTo>
                    <a:pt x="931164" y="0"/>
                  </a:lnTo>
                  <a:lnTo>
                    <a:pt x="931164" y="4572"/>
                  </a:lnTo>
                  <a:lnTo>
                    <a:pt x="941832" y="4572"/>
                  </a:lnTo>
                  <a:lnTo>
                    <a:pt x="941832" y="0"/>
                  </a:lnTo>
                  <a:close/>
                </a:path>
                <a:path w="969645" h="5080">
                  <a:moveTo>
                    <a:pt x="955548" y="0"/>
                  </a:moveTo>
                  <a:lnTo>
                    <a:pt x="944880" y="0"/>
                  </a:lnTo>
                  <a:lnTo>
                    <a:pt x="944880" y="4572"/>
                  </a:lnTo>
                  <a:lnTo>
                    <a:pt x="955548" y="4572"/>
                  </a:lnTo>
                  <a:lnTo>
                    <a:pt x="955548" y="0"/>
                  </a:lnTo>
                  <a:close/>
                </a:path>
                <a:path w="969645" h="5080">
                  <a:moveTo>
                    <a:pt x="969264" y="0"/>
                  </a:moveTo>
                  <a:lnTo>
                    <a:pt x="958596" y="0"/>
                  </a:lnTo>
                  <a:lnTo>
                    <a:pt x="958596" y="4572"/>
                  </a:lnTo>
                  <a:lnTo>
                    <a:pt x="969264" y="4572"/>
                  </a:lnTo>
                  <a:lnTo>
                    <a:pt x="969264" y="0"/>
                  </a:lnTo>
                  <a:close/>
                </a:path>
              </a:pathLst>
            </a:custGeom>
            <a:solidFill>
              <a:srgbClr val="000000"/>
            </a:solidFill>
          </p:spPr>
          <p:txBody>
            <a:bodyPr wrap="square" lIns="0" tIns="0" rIns="0" bIns="0" rtlCol="0"/>
            <a:lstStyle/>
            <a:p>
              <a:endParaRPr sz="1539"/>
            </a:p>
          </p:txBody>
        </p:sp>
        <p:sp>
          <p:nvSpPr>
            <p:cNvPr id="85" name="object 85"/>
            <p:cNvSpPr/>
            <p:nvPr/>
          </p:nvSpPr>
          <p:spPr>
            <a:xfrm>
              <a:off x="7987284" y="2618231"/>
              <a:ext cx="969644" cy="5080"/>
            </a:xfrm>
            <a:custGeom>
              <a:avLst/>
              <a:gdLst/>
              <a:ahLst/>
              <a:cxnLst/>
              <a:rect l="l" t="t" r="r" b="b"/>
              <a:pathLst>
                <a:path w="969645" h="5080">
                  <a:moveTo>
                    <a:pt x="10668" y="0"/>
                  </a:moveTo>
                  <a:lnTo>
                    <a:pt x="0" y="0"/>
                  </a:lnTo>
                  <a:lnTo>
                    <a:pt x="0" y="4572"/>
                  </a:lnTo>
                  <a:lnTo>
                    <a:pt x="10668" y="4572"/>
                  </a:lnTo>
                  <a:lnTo>
                    <a:pt x="10668" y="0"/>
                  </a:lnTo>
                  <a:close/>
                </a:path>
                <a:path w="969645" h="5080">
                  <a:moveTo>
                    <a:pt x="24384" y="0"/>
                  </a:moveTo>
                  <a:lnTo>
                    <a:pt x="13716" y="0"/>
                  </a:lnTo>
                  <a:lnTo>
                    <a:pt x="13716" y="4572"/>
                  </a:lnTo>
                  <a:lnTo>
                    <a:pt x="24384" y="4572"/>
                  </a:lnTo>
                  <a:lnTo>
                    <a:pt x="24384" y="0"/>
                  </a:lnTo>
                  <a:close/>
                </a:path>
                <a:path w="969645" h="5080">
                  <a:moveTo>
                    <a:pt x="38100" y="0"/>
                  </a:moveTo>
                  <a:lnTo>
                    <a:pt x="27432" y="0"/>
                  </a:lnTo>
                  <a:lnTo>
                    <a:pt x="27432" y="4572"/>
                  </a:lnTo>
                  <a:lnTo>
                    <a:pt x="38100" y="4572"/>
                  </a:lnTo>
                  <a:lnTo>
                    <a:pt x="38100" y="0"/>
                  </a:lnTo>
                  <a:close/>
                </a:path>
                <a:path w="969645" h="5080">
                  <a:moveTo>
                    <a:pt x="51816" y="0"/>
                  </a:moveTo>
                  <a:lnTo>
                    <a:pt x="41148" y="0"/>
                  </a:lnTo>
                  <a:lnTo>
                    <a:pt x="41148" y="4572"/>
                  </a:lnTo>
                  <a:lnTo>
                    <a:pt x="51816" y="4572"/>
                  </a:lnTo>
                  <a:lnTo>
                    <a:pt x="51816" y="0"/>
                  </a:lnTo>
                  <a:close/>
                </a:path>
                <a:path w="969645" h="5080">
                  <a:moveTo>
                    <a:pt x="65532" y="0"/>
                  </a:moveTo>
                  <a:lnTo>
                    <a:pt x="54864" y="0"/>
                  </a:lnTo>
                  <a:lnTo>
                    <a:pt x="54864" y="4572"/>
                  </a:lnTo>
                  <a:lnTo>
                    <a:pt x="65532" y="4572"/>
                  </a:lnTo>
                  <a:lnTo>
                    <a:pt x="65532" y="0"/>
                  </a:lnTo>
                  <a:close/>
                </a:path>
                <a:path w="969645" h="5080">
                  <a:moveTo>
                    <a:pt x="79248" y="0"/>
                  </a:moveTo>
                  <a:lnTo>
                    <a:pt x="68580" y="0"/>
                  </a:lnTo>
                  <a:lnTo>
                    <a:pt x="68580" y="4572"/>
                  </a:lnTo>
                  <a:lnTo>
                    <a:pt x="79248" y="4572"/>
                  </a:lnTo>
                  <a:lnTo>
                    <a:pt x="79248" y="0"/>
                  </a:lnTo>
                  <a:close/>
                </a:path>
                <a:path w="969645" h="5080">
                  <a:moveTo>
                    <a:pt x="92964" y="0"/>
                  </a:moveTo>
                  <a:lnTo>
                    <a:pt x="82296" y="0"/>
                  </a:lnTo>
                  <a:lnTo>
                    <a:pt x="82296" y="4572"/>
                  </a:lnTo>
                  <a:lnTo>
                    <a:pt x="92964" y="4572"/>
                  </a:lnTo>
                  <a:lnTo>
                    <a:pt x="92964" y="0"/>
                  </a:lnTo>
                  <a:close/>
                </a:path>
                <a:path w="969645" h="5080">
                  <a:moveTo>
                    <a:pt x="106680" y="0"/>
                  </a:moveTo>
                  <a:lnTo>
                    <a:pt x="96012" y="0"/>
                  </a:lnTo>
                  <a:lnTo>
                    <a:pt x="96012" y="4572"/>
                  </a:lnTo>
                  <a:lnTo>
                    <a:pt x="106680" y="4572"/>
                  </a:lnTo>
                  <a:lnTo>
                    <a:pt x="106680" y="0"/>
                  </a:lnTo>
                  <a:close/>
                </a:path>
                <a:path w="969645" h="5080">
                  <a:moveTo>
                    <a:pt x="120396" y="0"/>
                  </a:moveTo>
                  <a:lnTo>
                    <a:pt x="109728" y="0"/>
                  </a:lnTo>
                  <a:lnTo>
                    <a:pt x="109728" y="4572"/>
                  </a:lnTo>
                  <a:lnTo>
                    <a:pt x="120396" y="4572"/>
                  </a:lnTo>
                  <a:lnTo>
                    <a:pt x="120396" y="0"/>
                  </a:lnTo>
                  <a:close/>
                </a:path>
                <a:path w="969645" h="5080">
                  <a:moveTo>
                    <a:pt x="134112" y="0"/>
                  </a:moveTo>
                  <a:lnTo>
                    <a:pt x="123444" y="0"/>
                  </a:lnTo>
                  <a:lnTo>
                    <a:pt x="123444" y="4572"/>
                  </a:lnTo>
                  <a:lnTo>
                    <a:pt x="134112" y="4572"/>
                  </a:lnTo>
                  <a:lnTo>
                    <a:pt x="134112" y="0"/>
                  </a:lnTo>
                  <a:close/>
                </a:path>
                <a:path w="969645" h="5080">
                  <a:moveTo>
                    <a:pt x="147828" y="0"/>
                  </a:moveTo>
                  <a:lnTo>
                    <a:pt x="137160" y="0"/>
                  </a:lnTo>
                  <a:lnTo>
                    <a:pt x="137160" y="4572"/>
                  </a:lnTo>
                  <a:lnTo>
                    <a:pt x="147828" y="4572"/>
                  </a:lnTo>
                  <a:lnTo>
                    <a:pt x="147828" y="0"/>
                  </a:lnTo>
                  <a:close/>
                </a:path>
                <a:path w="969645" h="5080">
                  <a:moveTo>
                    <a:pt x="161544" y="0"/>
                  </a:moveTo>
                  <a:lnTo>
                    <a:pt x="150876" y="0"/>
                  </a:lnTo>
                  <a:lnTo>
                    <a:pt x="150876" y="4572"/>
                  </a:lnTo>
                  <a:lnTo>
                    <a:pt x="161544" y="4572"/>
                  </a:lnTo>
                  <a:lnTo>
                    <a:pt x="161544" y="0"/>
                  </a:lnTo>
                  <a:close/>
                </a:path>
                <a:path w="969645" h="5080">
                  <a:moveTo>
                    <a:pt x="175260" y="0"/>
                  </a:moveTo>
                  <a:lnTo>
                    <a:pt x="164592" y="0"/>
                  </a:lnTo>
                  <a:lnTo>
                    <a:pt x="164592" y="4572"/>
                  </a:lnTo>
                  <a:lnTo>
                    <a:pt x="175260" y="4572"/>
                  </a:lnTo>
                  <a:lnTo>
                    <a:pt x="175260" y="0"/>
                  </a:lnTo>
                  <a:close/>
                </a:path>
                <a:path w="969645" h="5080">
                  <a:moveTo>
                    <a:pt x="188976" y="0"/>
                  </a:moveTo>
                  <a:lnTo>
                    <a:pt x="178308" y="0"/>
                  </a:lnTo>
                  <a:lnTo>
                    <a:pt x="178308" y="4572"/>
                  </a:lnTo>
                  <a:lnTo>
                    <a:pt x="188976" y="4572"/>
                  </a:lnTo>
                  <a:lnTo>
                    <a:pt x="188976" y="0"/>
                  </a:lnTo>
                  <a:close/>
                </a:path>
                <a:path w="969645" h="5080">
                  <a:moveTo>
                    <a:pt x="202692" y="0"/>
                  </a:moveTo>
                  <a:lnTo>
                    <a:pt x="192024" y="0"/>
                  </a:lnTo>
                  <a:lnTo>
                    <a:pt x="192024" y="4572"/>
                  </a:lnTo>
                  <a:lnTo>
                    <a:pt x="202692" y="4572"/>
                  </a:lnTo>
                  <a:lnTo>
                    <a:pt x="202692" y="0"/>
                  </a:lnTo>
                  <a:close/>
                </a:path>
                <a:path w="969645" h="5080">
                  <a:moveTo>
                    <a:pt x="216408" y="0"/>
                  </a:moveTo>
                  <a:lnTo>
                    <a:pt x="205740" y="0"/>
                  </a:lnTo>
                  <a:lnTo>
                    <a:pt x="205740" y="4572"/>
                  </a:lnTo>
                  <a:lnTo>
                    <a:pt x="216408" y="4572"/>
                  </a:lnTo>
                  <a:lnTo>
                    <a:pt x="216408" y="0"/>
                  </a:lnTo>
                  <a:close/>
                </a:path>
                <a:path w="969645" h="5080">
                  <a:moveTo>
                    <a:pt x="230124" y="0"/>
                  </a:moveTo>
                  <a:lnTo>
                    <a:pt x="219456" y="0"/>
                  </a:lnTo>
                  <a:lnTo>
                    <a:pt x="219456" y="4572"/>
                  </a:lnTo>
                  <a:lnTo>
                    <a:pt x="230124" y="4572"/>
                  </a:lnTo>
                  <a:lnTo>
                    <a:pt x="230124" y="0"/>
                  </a:lnTo>
                  <a:close/>
                </a:path>
                <a:path w="969645" h="5080">
                  <a:moveTo>
                    <a:pt x="243840" y="0"/>
                  </a:moveTo>
                  <a:lnTo>
                    <a:pt x="233172" y="0"/>
                  </a:lnTo>
                  <a:lnTo>
                    <a:pt x="233172" y="4572"/>
                  </a:lnTo>
                  <a:lnTo>
                    <a:pt x="243840" y="4572"/>
                  </a:lnTo>
                  <a:lnTo>
                    <a:pt x="243840" y="0"/>
                  </a:lnTo>
                  <a:close/>
                </a:path>
                <a:path w="969645" h="5080">
                  <a:moveTo>
                    <a:pt x="257556" y="0"/>
                  </a:moveTo>
                  <a:lnTo>
                    <a:pt x="246888" y="0"/>
                  </a:lnTo>
                  <a:lnTo>
                    <a:pt x="246888" y="4572"/>
                  </a:lnTo>
                  <a:lnTo>
                    <a:pt x="257556" y="4572"/>
                  </a:lnTo>
                  <a:lnTo>
                    <a:pt x="257556" y="0"/>
                  </a:lnTo>
                  <a:close/>
                </a:path>
                <a:path w="969645" h="5080">
                  <a:moveTo>
                    <a:pt x="271272" y="0"/>
                  </a:moveTo>
                  <a:lnTo>
                    <a:pt x="260604" y="0"/>
                  </a:lnTo>
                  <a:lnTo>
                    <a:pt x="260604" y="4572"/>
                  </a:lnTo>
                  <a:lnTo>
                    <a:pt x="271272" y="4572"/>
                  </a:lnTo>
                  <a:lnTo>
                    <a:pt x="271272" y="0"/>
                  </a:lnTo>
                  <a:close/>
                </a:path>
                <a:path w="969645" h="5080">
                  <a:moveTo>
                    <a:pt x="284988" y="0"/>
                  </a:moveTo>
                  <a:lnTo>
                    <a:pt x="274320" y="0"/>
                  </a:lnTo>
                  <a:lnTo>
                    <a:pt x="274320" y="4572"/>
                  </a:lnTo>
                  <a:lnTo>
                    <a:pt x="284988" y="4572"/>
                  </a:lnTo>
                  <a:lnTo>
                    <a:pt x="284988" y="0"/>
                  </a:lnTo>
                  <a:close/>
                </a:path>
                <a:path w="969645" h="5080">
                  <a:moveTo>
                    <a:pt x="298704" y="0"/>
                  </a:moveTo>
                  <a:lnTo>
                    <a:pt x="288036" y="0"/>
                  </a:lnTo>
                  <a:lnTo>
                    <a:pt x="288036" y="4572"/>
                  </a:lnTo>
                  <a:lnTo>
                    <a:pt x="298704" y="4572"/>
                  </a:lnTo>
                  <a:lnTo>
                    <a:pt x="298704" y="0"/>
                  </a:lnTo>
                  <a:close/>
                </a:path>
                <a:path w="969645" h="5080">
                  <a:moveTo>
                    <a:pt x="312420" y="0"/>
                  </a:moveTo>
                  <a:lnTo>
                    <a:pt x="301752" y="0"/>
                  </a:lnTo>
                  <a:lnTo>
                    <a:pt x="301752" y="4572"/>
                  </a:lnTo>
                  <a:lnTo>
                    <a:pt x="312420" y="4572"/>
                  </a:lnTo>
                  <a:lnTo>
                    <a:pt x="312420" y="0"/>
                  </a:lnTo>
                  <a:close/>
                </a:path>
                <a:path w="969645" h="5080">
                  <a:moveTo>
                    <a:pt x="326136" y="0"/>
                  </a:moveTo>
                  <a:lnTo>
                    <a:pt x="315468" y="0"/>
                  </a:lnTo>
                  <a:lnTo>
                    <a:pt x="315468" y="4572"/>
                  </a:lnTo>
                  <a:lnTo>
                    <a:pt x="326136" y="4572"/>
                  </a:lnTo>
                  <a:lnTo>
                    <a:pt x="326136" y="0"/>
                  </a:lnTo>
                  <a:close/>
                </a:path>
                <a:path w="969645" h="5080">
                  <a:moveTo>
                    <a:pt x="339852" y="0"/>
                  </a:moveTo>
                  <a:lnTo>
                    <a:pt x="329184" y="0"/>
                  </a:lnTo>
                  <a:lnTo>
                    <a:pt x="329184" y="4572"/>
                  </a:lnTo>
                  <a:lnTo>
                    <a:pt x="339852" y="4572"/>
                  </a:lnTo>
                  <a:lnTo>
                    <a:pt x="339852" y="0"/>
                  </a:lnTo>
                  <a:close/>
                </a:path>
                <a:path w="969645" h="5080">
                  <a:moveTo>
                    <a:pt x="353568" y="0"/>
                  </a:moveTo>
                  <a:lnTo>
                    <a:pt x="342900" y="0"/>
                  </a:lnTo>
                  <a:lnTo>
                    <a:pt x="342900" y="4572"/>
                  </a:lnTo>
                  <a:lnTo>
                    <a:pt x="353568" y="4572"/>
                  </a:lnTo>
                  <a:lnTo>
                    <a:pt x="353568" y="0"/>
                  </a:lnTo>
                  <a:close/>
                </a:path>
                <a:path w="969645" h="5080">
                  <a:moveTo>
                    <a:pt x="367284" y="0"/>
                  </a:moveTo>
                  <a:lnTo>
                    <a:pt x="356616" y="0"/>
                  </a:lnTo>
                  <a:lnTo>
                    <a:pt x="356616" y="4572"/>
                  </a:lnTo>
                  <a:lnTo>
                    <a:pt x="367284" y="4572"/>
                  </a:lnTo>
                  <a:lnTo>
                    <a:pt x="367284" y="0"/>
                  </a:lnTo>
                  <a:close/>
                </a:path>
                <a:path w="969645" h="5080">
                  <a:moveTo>
                    <a:pt x="381000" y="0"/>
                  </a:moveTo>
                  <a:lnTo>
                    <a:pt x="370332" y="0"/>
                  </a:lnTo>
                  <a:lnTo>
                    <a:pt x="370332" y="4572"/>
                  </a:lnTo>
                  <a:lnTo>
                    <a:pt x="381000" y="4572"/>
                  </a:lnTo>
                  <a:lnTo>
                    <a:pt x="381000" y="0"/>
                  </a:lnTo>
                  <a:close/>
                </a:path>
                <a:path w="969645" h="5080">
                  <a:moveTo>
                    <a:pt x="394716" y="0"/>
                  </a:moveTo>
                  <a:lnTo>
                    <a:pt x="384048" y="0"/>
                  </a:lnTo>
                  <a:lnTo>
                    <a:pt x="384048" y="4572"/>
                  </a:lnTo>
                  <a:lnTo>
                    <a:pt x="394716" y="4572"/>
                  </a:lnTo>
                  <a:lnTo>
                    <a:pt x="394716" y="0"/>
                  </a:lnTo>
                  <a:close/>
                </a:path>
                <a:path w="969645" h="5080">
                  <a:moveTo>
                    <a:pt x="408432" y="0"/>
                  </a:moveTo>
                  <a:lnTo>
                    <a:pt x="397764" y="0"/>
                  </a:lnTo>
                  <a:lnTo>
                    <a:pt x="397764" y="4572"/>
                  </a:lnTo>
                  <a:lnTo>
                    <a:pt x="408432" y="4572"/>
                  </a:lnTo>
                  <a:lnTo>
                    <a:pt x="408432" y="0"/>
                  </a:lnTo>
                  <a:close/>
                </a:path>
                <a:path w="969645" h="5080">
                  <a:moveTo>
                    <a:pt x="422148" y="0"/>
                  </a:moveTo>
                  <a:lnTo>
                    <a:pt x="411480" y="0"/>
                  </a:lnTo>
                  <a:lnTo>
                    <a:pt x="411480" y="4572"/>
                  </a:lnTo>
                  <a:lnTo>
                    <a:pt x="422148" y="4572"/>
                  </a:lnTo>
                  <a:lnTo>
                    <a:pt x="422148" y="0"/>
                  </a:lnTo>
                  <a:close/>
                </a:path>
                <a:path w="969645" h="5080">
                  <a:moveTo>
                    <a:pt x="435864" y="0"/>
                  </a:moveTo>
                  <a:lnTo>
                    <a:pt x="425196" y="0"/>
                  </a:lnTo>
                  <a:lnTo>
                    <a:pt x="425196" y="4572"/>
                  </a:lnTo>
                  <a:lnTo>
                    <a:pt x="435864" y="4572"/>
                  </a:lnTo>
                  <a:lnTo>
                    <a:pt x="435864" y="0"/>
                  </a:lnTo>
                  <a:close/>
                </a:path>
                <a:path w="969645" h="5080">
                  <a:moveTo>
                    <a:pt x="449580" y="0"/>
                  </a:moveTo>
                  <a:lnTo>
                    <a:pt x="438912" y="0"/>
                  </a:lnTo>
                  <a:lnTo>
                    <a:pt x="438912" y="4572"/>
                  </a:lnTo>
                  <a:lnTo>
                    <a:pt x="449580" y="4572"/>
                  </a:lnTo>
                  <a:lnTo>
                    <a:pt x="449580" y="0"/>
                  </a:lnTo>
                  <a:close/>
                </a:path>
                <a:path w="969645" h="5080">
                  <a:moveTo>
                    <a:pt x="463296" y="0"/>
                  </a:moveTo>
                  <a:lnTo>
                    <a:pt x="452628" y="0"/>
                  </a:lnTo>
                  <a:lnTo>
                    <a:pt x="452628" y="4572"/>
                  </a:lnTo>
                  <a:lnTo>
                    <a:pt x="463296" y="4572"/>
                  </a:lnTo>
                  <a:lnTo>
                    <a:pt x="463296" y="0"/>
                  </a:lnTo>
                  <a:close/>
                </a:path>
                <a:path w="969645" h="5080">
                  <a:moveTo>
                    <a:pt x="477012" y="0"/>
                  </a:moveTo>
                  <a:lnTo>
                    <a:pt x="466344" y="0"/>
                  </a:lnTo>
                  <a:lnTo>
                    <a:pt x="466344" y="4572"/>
                  </a:lnTo>
                  <a:lnTo>
                    <a:pt x="477012" y="4572"/>
                  </a:lnTo>
                  <a:lnTo>
                    <a:pt x="477012" y="0"/>
                  </a:lnTo>
                  <a:close/>
                </a:path>
                <a:path w="969645" h="5080">
                  <a:moveTo>
                    <a:pt x="490728" y="0"/>
                  </a:moveTo>
                  <a:lnTo>
                    <a:pt x="480060" y="0"/>
                  </a:lnTo>
                  <a:lnTo>
                    <a:pt x="480060" y="4572"/>
                  </a:lnTo>
                  <a:lnTo>
                    <a:pt x="490728" y="4572"/>
                  </a:lnTo>
                  <a:lnTo>
                    <a:pt x="490728" y="0"/>
                  </a:lnTo>
                  <a:close/>
                </a:path>
                <a:path w="969645" h="5080">
                  <a:moveTo>
                    <a:pt x="504444" y="0"/>
                  </a:moveTo>
                  <a:lnTo>
                    <a:pt x="493776" y="0"/>
                  </a:lnTo>
                  <a:lnTo>
                    <a:pt x="493776" y="4572"/>
                  </a:lnTo>
                  <a:lnTo>
                    <a:pt x="504444" y="4572"/>
                  </a:lnTo>
                  <a:lnTo>
                    <a:pt x="504444" y="0"/>
                  </a:lnTo>
                  <a:close/>
                </a:path>
                <a:path w="969645" h="5080">
                  <a:moveTo>
                    <a:pt x="518160" y="0"/>
                  </a:moveTo>
                  <a:lnTo>
                    <a:pt x="507492" y="0"/>
                  </a:lnTo>
                  <a:lnTo>
                    <a:pt x="507492" y="4572"/>
                  </a:lnTo>
                  <a:lnTo>
                    <a:pt x="518160" y="4572"/>
                  </a:lnTo>
                  <a:lnTo>
                    <a:pt x="518160" y="0"/>
                  </a:lnTo>
                  <a:close/>
                </a:path>
                <a:path w="969645" h="5080">
                  <a:moveTo>
                    <a:pt x="531876" y="0"/>
                  </a:moveTo>
                  <a:lnTo>
                    <a:pt x="521208" y="0"/>
                  </a:lnTo>
                  <a:lnTo>
                    <a:pt x="521208" y="4572"/>
                  </a:lnTo>
                  <a:lnTo>
                    <a:pt x="531876" y="4572"/>
                  </a:lnTo>
                  <a:lnTo>
                    <a:pt x="531876" y="0"/>
                  </a:lnTo>
                  <a:close/>
                </a:path>
                <a:path w="969645" h="5080">
                  <a:moveTo>
                    <a:pt x="545592" y="0"/>
                  </a:moveTo>
                  <a:lnTo>
                    <a:pt x="534924" y="0"/>
                  </a:lnTo>
                  <a:lnTo>
                    <a:pt x="534924" y="4572"/>
                  </a:lnTo>
                  <a:lnTo>
                    <a:pt x="545592" y="4572"/>
                  </a:lnTo>
                  <a:lnTo>
                    <a:pt x="545592" y="0"/>
                  </a:lnTo>
                  <a:close/>
                </a:path>
                <a:path w="969645" h="5080">
                  <a:moveTo>
                    <a:pt x="559308" y="0"/>
                  </a:moveTo>
                  <a:lnTo>
                    <a:pt x="548640" y="0"/>
                  </a:lnTo>
                  <a:lnTo>
                    <a:pt x="548640" y="4572"/>
                  </a:lnTo>
                  <a:lnTo>
                    <a:pt x="559308" y="4572"/>
                  </a:lnTo>
                  <a:lnTo>
                    <a:pt x="559308" y="0"/>
                  </a:lnTo>
                  <a:close/>
                </a:path>
                <a:path w="969645" h="5080">
                  <a:moveTo>
                    <a:pt x="573024" y="0"/>
                  </a:moveTo>
                  <a:lnTo>
                    <a:pt x="562356" y="0"/>
                  </a:lnTo>
                  <a:lnTo>
                    <a:pt x="562356" y="4572"/>
                  </a:lnTo>
                  <a:lnTo>
                    <a:pt x="573024" y="4572"/>
                  </a:lnTo>
                  <a:lnTo>
                    <a:pt x="573024" y="0"/>
                  </a:lnTo>
                  <a:close/>
                </a:path>
                <a:path w="969645" h="5080">
                  <a:moveTo>
                    <a:pt x="586740" y="0"/>
                  </a:moveTo>
                  <a:lnTo>
                    <a:pt x="576072" y="0"/>
                  </a:lnTo>
                  <a:lnTo>
                    <a:pt x="576072" y="4572"/>
                  </a:lnTo>
                  <a:lnTo>
                    <a:pt x="586740" y="4572"/>
                  </a:lnTo>
                  <a:lnTo>
                    <a:pt x="586740" y="0"/>
                  </a:lnTo>
                  <a:close/>
                </a:path>
                <a:path w="969645" h="5080">
                  <a:moveTo>
                    <a:pt x="600456" y="0"/>
                  </a:moveTo>
                  <a:lnTo>
                    <a:pt x="589788" y="0"/>
                  </a:lnTo>
                  <a:lnTo>
                    <a:pt x="589788" y="4572"/>
                  </a:lnTo>
                  <a:lnTo>
                    <a:pt x="600456" y="4572"/>
                  </a:lnTo>
                  <a:lnTo>
                    <a:pt x="600456" y="0"/>
                  </a:lnTo>
                  <a:close/>
                </a:path>
                <a:path w="969645" h="5080">
                  <a:moveTo>
                    <a:pt x="614172" y="0"/>
                  </a:moveTo>
                  <a:lnTo>
                    <a:pt x="603504" y="0"/>
                  </a:lnTo>
                  <a:lnTo>
                    <a:pt x="603504" y="4572"/>
                  </a:lnTo>
                  <a:lnTo>
                    <a:pt x="614172" y="4572"/>
                  </a:lnTo>
                  <a:lnTo>
                    <a:pt x="614172" y="0"/>
                  </a:lnTo>
                  <a:close/>
                </a:path>
                <a:path w="969645" h="5080">
                  <a:moveTo>
                    <a:pt x="627888" y="0"/>
                  </a:moveTo>
                  <a:lnTo>
                    <a:pt x="617220" y="0"/>
                  </a:lnTo>
                  <a:lnTo>
                    <a:pt x="617220" y="4572"/>
                  </a:lnTo>
                  <a:lnTo>
                    <a:pt x="627888" y="4572"/>
                  </a:lnTo>
                  <a:lnTo>
                    <a:pt x="627888" y="0"/>
                  </a:lnTo>
                  <a:close/>
                </a:path>
                <a:path w="969645" h="5080">
                  <a:moveTo>
                    <a:pt x="641604" y="0"/>
                  </a:moveTo>
                  <a:lnTo>
                    <a:pt x="630936" y="0"/>
                  </a:lnTo>
                  <a:lnTo>
                    <a:pt x="630936" y="4572"/>
                  </a:lnTo>
                  <a:lnTo>
                    <a:pt x="641604" y="4572"/>
                  </a:lnTo>
                  <a:lnTo>
                    <a:pt x="641604" y="0"/>
                  </a:lnTo>
                  <a:close/>
                </a:path>
                <a:path w="969645" h="5080">
                  <a:moveTo>
                    <a:pt x="655320" y="0"/>
                  </a:moveTo>
                  <a:lnTo>
                    <a:pt x="644652" y="0"/>
                  </a:lnTo>
                  <a:lnTo>
                    <a:pt x="644652" y="4572"/>
                  </a:lnTo>
                  <a:lnTo>
                    <a:pt x="655320" y="4572"/>
                  </a:lnTo>
                  <a:lnTo>
                    <a:pt x="655320" y="0"/>
                  </a:lnTo>
                  <a:close/>
                </a:path>
                <a:path w="969645" h="5080">
                  <a:moveTo>
                    <a:pt x="669036" y="0"/>
                  </a:moveTo>
                  <a:lnTo>
                    <a:pt x="658368" y="0"/>
                  </a:lnTo>
                  <a:lnTo>
                    <a:pt x="658368" y="4572"/>
                  </a:lnTo>
                  <a:lnTo>
                    <a:pt x="669036" y="4572"/>
                  </a:lnTo>
                  <a:lnTo>
                    <a:pt x="669036" y="0"/>
                  </a:lnTo>
                  <a:close/>
                </a:path>
                <a:path w="969645" h="5080">
                  <a:moveTo>
                    <a:pt x="682752" y="0"/>
                  </a:moveTo>
                  <a:lnTo>
                    <a:pt x="672084" y="0"/>
                  </a:lnTo>
                  <a:lnTo>
                    <a:pt x="672084" y="4572"/>
                  </a:lnTo>
                  <a:lnTo>
                    <a:pt x="682752" y="4572"/>
                  </a:lnTo>
                  <a:lnTo>
                    <a:pt x="682752" y="0"/>
                  </a:lnTo>
                  <a:close/>
                </a:path>
                <a:path w="969645" h="5080">
                  <a:moveTo>
                    <a:pt x="696468" y="0"/>
                  </a:moveTo>
                  <a:lnTo>
                    <a:pt x="685800" y="0"/>
                  </a:lnTo>
                  <a:lnTo>
                    <a:pt x="685800" y="4572"/>
                  </a:lnTo>
                  <a:lnTo>
                    <a:pt x="696468" y="4572"/>
                  </a:lnTo>
                  <a:lnTo>
                    <a:pt x="696468" y="0"/>
                  </a:lnTo>
                  <a:close/>
                </a:path>
                <a:path w="969645" h="5080">
                  <a:moveTo>
                    <a:pt x="710184" y="0"/>
                  </a:moveTo>
                  <a:lnTo>
                    <a:pt x="699516" y="0"/>
                  </a:lnTo>
                  <a:lnTo>
                    <a:pt x="699516" y="4572"/>
                  </a:lnTo>
                  <a:lnTo>
                    <a:pt x="710184" y="4572"/>
                  </a:lnTo>
                  <a:lnTo>
                    <a:pt x="710184" y="0"/>
                  </a:lnTo>
                  <a:close/>
                </a:path>
                <a:path w="969645" h="5080">
                  <a:moveTo>
                    <a:pt x="723900" y="0"/>
                  </a:moveTo>
                  <a:lnTo>
                    <a:pt x="713232" y="0"/>
                  </a:lnTo>
                  <a:lnTo>
                    <a:pt x="713232" y="4572"/>
                  </a:lnTo>
                  <a:lnTo>
                    <a:pt x="723900" y="4572"/>
                  </a:lnTo>
                  <a:lnTo>
                    <a:pt x="723900" y="0"/>
                  </a:lnTo>
                  <a:close/>
                </a:path>
                <a:path w="969645" h="5080">
                  <a:moveTo>
                    <a:pt x="737616" y="0"/>
                  </a:moveTo>
                  <a:lnTo>
                    <a:pt x="726948" y="0"/>
                  </a:lnTo>
                  <a:lnTo>
                    <a:pt x="726948" y="4572"/>
                  </a:lnTo>
                  <a:lnTo>
                    <a:pt x="737616" y="4572"/>
                  </a:lnTo>
                  <a:lnTo>
                    <a:pt x="737616" y="0"/>
                  </a:lnTo>
                  <a:close/>
                </a:path>
                <a:path w="969645" h="5080">
                  <a:moveTo>
                    <a:pt x="751332" y="0"/>
                  </a:moveTo>
                  <a:lnTo>
                    <a:pt x="740664" y="0"/>
                  </a:lnTo>
                  <a:lnTo>
                    <a:pt x="740664" y="4572"/>
                  </a:lnTo>
                  <a:lnTo>
                    <a:pt x="751332" y="4572"/>
                  </a:lnTo>
                  <a:lnTo>
                    <a:pt x="751332" y="0"/>
                  </a:lnTo>
                  <a:close/>
                </a:path>
                <a:path w="969645" h="5080">
                  <a:moveTo>
                    <a:pt x="765048" y="0"/>
                  </a:moveTo>
                  <a:lnTo>
                    <a:pt x="754380" y="0"/>
                  </a:lnTo>
                  <a:lnTo>
                    <a:pt x="754380" y="4572"/>
                  </a:lnTo>
                  <a:lnTo>
                    <a:pt x="765048" y="4572"/>
                  </a:lnTo>
                  <a:lnTo>
                    <a:pt x="765048" y="0"/>
                  </a:lnTo>
                  <a:close/>
                </a:path>
                <a:path w="969645" h="5080">
                  <a:moveTo>
                    <a:pt x="778764" y="0"/>
                  </a:moveTo>
                  <a:lnTo>
                    <a:pt x="768096" y="0"/>
                  </a:lnTo>
                  <a:lnTo>
                    <a:pt x="768096" y="4572"/>
                  </a:lnTo>
                  <a:lnTo>
                    <a:pt x="778764" y="4572"/>
                  </a:lnTo>
                  <a:lnTo>
                    <a:pt x="778764" y="0"/>
                  </a:lnTo>
                  <a:close/>
                </a:path>
                <a:path w="969645" h="5080">
                  <a:moveTo>
                    <a:pt x="792480" y="0"/>
                  </a:moveTo>
                  <a:lnTo>
                    <a:pt x="781812" y="0"/>
                  </a:lnTo>
                  <a:lnTo>
                    <a:pt x="781812" y="4572"/>
                  </a:lnTo>
                  <a:lnTo>
                    <a:pt x="792480" y="4572"/>
                  </a:lnTo>
                  <a:lnTo>
                    <a:pt x="792480" y="0"/>
                  </a:lnTo>
                  <a:close/>
                </a:path>
                <a:path w="969645" h="5080">
                  <a:moveTo>
                    <a:pt x="806196" y="0"/>
                  </a:moveTo>
                  <a:lnTo>
                    <a:pt x="795528" y="0"/>
                  </a:lnTo>
                  <a:lnTo>
                    <a:pt x="795528" y="4572"/>
                  </a:lnTo>
                  <a:lnTo>
                    <a:pt x="806196" y="4572"/>
                  </a:lnTo>
                  <a:lnTo>
                    <a:pt x="806196" y="0"/>
                  </a:lnTo>
                  <a:close/>
                </a:path>
                <a:path w="969645" h="5080">
                  <a:moveTo>
                    <a:pt x="819912" y="0"/>
                  </a:moveTo>
                  <a:lnTo>
                    <a:pt x="809244" y="0"/>
                  </a:lnTo>
                  <a:lnTo>
                    <a:pt x="809244" y="4572"/>
                  </a:lnTo>
                  <a:lnTo>
                    <a:pt x="819912" y="4572"/>
                  </a:lnTo>
                  <a:lnTo>
                    <a:pt x="819912" y="0"/>
                  </a:lnTo>
                  <a:close/>
                </a:path>
                <a:path w="969645" h="5080">
                  <a:moveTo>
                    <a:pt x="833628" y="0"/>
                  </a:moveTo>
                  <a:lnTo>
                    <a:pt x="822960" y="0"/>
                  </a:lnTo>
                  <a:lnTo>
                    <a:pt x="822960" y="4572"/>
                  </a:lnTo>
                  <a:lnTo>
                    <a:pt x="833628" y="4572"/>
                  </a:lnTo>
                  <a:lnTo>
                    <a:pt x="833628" y="0"/>
                  </a:lnTo>
                  <a:close/>
                </a:path>
                <a:path w="969645" h="5080">
                  <a:moveTo>
                    <a:pt x="847344" y="0"/>
                  </a:moveTo>
                  <a:lnTo>
                    <a:pt x="836676" y="0"/>
                  </a:lnTo>
                  <a:lnTo>
                    <a:pt x="836676" y="4572"/>
                  </a:lnTo>
                  <a:lnTo>
                    <a:pt x="847344" y="4572"/>
                  </a:lnTo>
                  <a:lnTo>
                    <a:pt x="847344" y="0"/>
                  </a:lnTo>
                  <a:close/>
                </a:path>
                <a:path w="969645" h="5080">
                  <a:moveTo>
                    <a:pt x="861060" y="0"/>
                  </a:moveTo>
                  <a:lnTo>
                    <a:pt x="850392" y="0"/>
                  </a:lnTo>
                  <a:lnTo>
                    <a:pt x="850392" y="4572"/>
                  </a:lnTo>
                  <a:lnTo>
                    <a:pt x="861060" y="4572"/>
                  </a:lnTo>
                  <a:lnTo>
                    <a:pt x="861060" y="0"/>
                  </a:lnTo>
                  <a:close/>
                </a:path>
                <a:path w="969645" h="5080">
                  <a:moveTo>
                    <a:pt x="874776" y="0"/>
                  </a:moveTo>
                  <a:lnTo>
                    <a:pt x="864108" y="0"/>
                  </a:lnTo>
                  <a:lnTo>
                    <a:pt x="864108" y="4572"/>
                  </a:lnTo>
                  <a:lnTo>
                    <a:pt x="874776" y="4572"/>
                  </a:lnTo>
                  <a:lnTo>
                    <a:pt x="874776" y="0"/>
                  </a:lnTo>
                  <a:close/>
                </a:path>
                <a:path w="969645" h="5080">
                  <a:moveTo>
                    <a:pt x="886968" y="0"/>
                  </a:moveTo>
                  <a:lnTo>
                    <a:pt x="877824" y="0"/>
                  </a:lnTo>
                  <a:lnTo>
                    <a:pt x="877824" y="4572"/>
                  </a:lnTo>
                  <a:lnTo>
                    <a:pt x="886968" y="4572"/>
                  </a:lnTo>
                  <a:lnTo>
                    <a:pt x="886968" y="0"/>
                  </a:lnTo>
                  <a:close/>
                </a:path>
                <a:path w="969645" h="5080">
                  <a:moveTo>
                    <a:pt x="900684" y="0"/>
                  </a:moveTo>
                  <a:lnTo>
                    <a:pt x="891540" y="0"/>
                  </a:lnTo>
                  <a:lnTo>
                    <a:pt x="891540" y="4572"/>
                  </a:lnTo>
                  <a:lnTo>
                    <a:pt x="900684" y="4572"/>
                  </a:lnTo>
                  <a:lnTo>
                    <a:pt x="900684" y="0"/>
                  </a:lnTo>
                  <a:close/>
                </a:path>
                <a:path w="969645" h="5080">
                  <a:moveTo>
                    <a:pt x="914400" y="0"/>
                  </a:moveTo>
                  <a:lnTo>
                    <a:pt x="905256" y="0"/>
                  </a:lnTo>
                  <a:lnTo>
                    <a:pt x="905256" y="4572"/>
                  </a:lnTo>
                  <a:lnTo>
                    <a:pt x="914400" y="4572"/>
                  </a:lnTo>
                  <a:lnTo>
                    <a:pt x="914400" y="0"/>
                  </a:lnTo>
                  <a:close/>
                </a:path>
                <a:path w="969645" h="5080">
                  <a:moveTo>
                    <a:pt x="928116" y="0"/>
                  </a:moveTo>
                  <a:lnTo>
                    <a:pt x="918972" y="0"/>
                  </a:lnTo>
                  <a:lnTo>
                    <a:pt x="918972" y="4572"/>
                  </a:lnTo>
                  <a:lnTo>
                    <a:pt x="928116" y="4572"/>
                  </a:lnTo>
                  <a:lnTo>
                    <a:pt x="928116" y="0"/>
                  </a:lnTo>
                  <a:close/>
                </a:path>
                <a:path w="969645" h="5080">
                  <a:moveTo>
                    <a:pt x="941832" y="0"/>
                  </a:moveTo>
                  <a:lnTo>
                    <a:pt x="932688" y="0"/>
                  </a:lnTo>
                  <a:lnTo>
                    <a:pt x="932688" y="4572"/>
                  </a:lnTo>
                  <a:lnTo>
                    <a:pt x="941832" y="4572"/>
                  </a:lnTo>
                  <a:lnTo>
                    <a:pt x="941832" y="0"/>
                  </a:lnTo>
                  <a:close/>
                </a:path>
                <a:path w="969645" h="5080">
                  <a:moveTo>
                    <a:pt x="955548" y="0"/>
                  </a:moveTo>
                  <a:lnTo>
                    <a:pt x="946404" y="0"/>
                  </a:lnTo>
                  <a:lnTo>
                    <a:pt x="946404" y="4572"/>
                  </a:lnTo>
                  <a:lnTo>
                    <a:pt x="955548" y="4572"/>
                  </a:lnTo>
                  <a:lnTo>
                    <a:pt x="955548" y="0"/>
                  </a:lnTo>
                  <a:close/>
                </a:path>
                <a:path w="969645" h="5080">
                  <a:moveTo>
                    <a:pt x="969264" y="0"/>
                  </a:moveTo>
                  <a:lnTo>
                    <a:pt x="960120" y="0"/>
                  </a:lnTo>
                  <a:lnTo>
                    <a:pt x="960120" y="4572"/>
                  </a:lnTo>
                  <a:lnTo>
                    <a:pt x="969264" y="4572"/>
                  </a:lnTo>
                  <a:lnTo>
                    <a:pt x="969264" y="0"/>
                  </a:lnTo>
                  <a:close/>
                </a:path>
              </a:pathLst>
            </a:custGeom>
            <a:solidFill>
              <a:srgbClr val="000000"/>
            </a:solidFill>
          </p:spPr>
          <p:txBody>
            <a:bodyPr wrap="square" lIns="0" tIns="0" rIns="0" bIns="0" rtlCol="0"/>
            <a:lstStyle/>
            <a:p>
              <a:endParaRPr sz="1539"/>
            </a:p>
          </p:txBody>
        </p:sp>
        <p:sp>
          <p:nvSpPr>
            <p:cNvPr id="86" name="object 86"/>
            <p:cNvSpPr/>
            <p:nvPr/>
          </p:nvSpPr>
          <p:spPr>
            <a:xfrm>
              <a:off x="406908" y="2139695"/>
              <a:ext cx="9052560" cy="483234"/>
            </a:xfrm>
            <a:custGeom>
              <a:avLst/>
              <a:gdLst/>
              <a:ahLst/>
              <a:cxnLst/>
              <a:rect l="l" t="t" r="r" b="b"/>
              <a:pathLst>
                <a:path w="9052560" h="483235">
                  <a:moveTo>
                    <a:pt x="10668" y="0"/>
                  </a:moveTo>
                  <a:lnTo>
                    <a:pt x="0" y="0"/>
                  </a:lnTo>
                  <a:lnTo>
                    <a:pt x="0" y="3048"/>
                  </a:lnTo>
                  <a:lnTo>
                    <a:pt x="10668" y="3048"/>
                  </a:lnTo>
                  <a:lnTo>
                    <a:pt x="10668" y="0"/>
                  </a:lnTo>
                  <a:close/>
                </a:path>
                <a:path w="9052560" h="483235">
                  <a:moveTo>
                    <a:pt x="24384" y="0"/>
                  </a:moveTo>
                  <a:lnTo>
                    <a:pt x="13716" y="0"/>
                  </a:lnTo>
                  <a:lnTo>
                    <a:pt x="13716" y="3048"/>
                  </a:lnTo>
                  <a:lnTo>
                    <a:pt x="24384" y="3048"/>
                  </a:lnTo>
                  <a:lnTo>
                    <a:pt x="24384" y="0"/>
                  </a:lnTo>
                  <a:close/>
                </a:path>
                <a:path w="9052560" h="483235">
                  <a:moveTo>
                    <a:pt x="38100" y="0"/>
                  </a:moveTo>
                  <a:lnTo>
                    <a:pt x="27432" y="0"/>
                  </a:lnTo>
                  <a:lnTo>
                    <a:pt x="27432" y="3048"/>
                  </a:lnTo>
                  <a:lnTo>
                    <a:pt x="38100" y="3048"/>
                  </a:lnTo>
                  <a:lnTo>
                    <a:pt x="38100" y="0"/>
                  </a:lnTo>
                  <a:close/>
                </a:path>
                <a:path w="9052560" h="483235">
                  <a:moveTo>
                    <a:pt x="51816" y="0"/>
                  </a:moveTo>
                  <a:lnTo>
                    <a:pt x="41148" y="0"/>
                  </a:lnTo>
                  <a:lnTo>
                    <a:pt x="41148" y="3048"/>
                  </a:lnTo>
                  <a:lnTo>
                    <a:pt x="51816" y="3048"/>
                  </a:lnTo>
                  <a:lnTo>
                    <a:pt x="51816" y="0"/>
                  </a:lnTo>
                  <a:close/>
                </a:path>
                <a:path w="9052560" h="483235">
                  <a:moveTo>
                    <a:pt x="65532" y="0"/>
                  </a:moveTo>
                  <a:lnTo>
                    <a:pt x="54864" y="0"/>
                  </a:lnTo>
                  <a:lnTo>
                    <a:pt x="54864" y="3048"/>
                  </a:lnTo>
                  <a:lnTo>
                    <a:pt x="65532" y="3048"/>
                  </a:lnTo>
                  <a:lnTo>
                    <a:pt x="65532" y="0"/>
                  </a:lnTo>
                  <a:close/>
                </a:path>
                <a:path w="9052560" h="483235">
                  <a:moveTo>
                    <a:pt x="79248" y="0"/>
                  </a:moveTo>
                  <a:lnTo>
                    <a:pt x="68580" y="0"/>
                  </a:lnTo>
                  <a:lnTo>
                    <a:pt x="68580" y="3048"/>
                  </a:lnTo>
                  <a:lnTo>
                    <a:pt x="79248" y="3048"/>
                  </a:lnTo>
                  <a:lnTo>
                    <a:pt x="79248" y="0"/>
                  </a:lnTo>
                  <a:close/>
                </a:path>
                <a:path w="9052560" h="483235">
                  <a:moveTo>
                    <a:pt x="92964" y="0"/>
                  </a:moveTo>
                  <a:lnTo>
                    <a:pt x="82296" y="0"/>
                  </a:lnTo>
                  <a:lnTo>
                    <a:pt x="82296" y="3048"/>
                  </a:lnTo>
                  <a:lnTo>
                    <a:pt x="92964" y="3048"/>
                  </a:lnTo>
                  <a:lnTo>
                    <a:pt x="92964" y="0"/>
                  </a:lnTo>
                  <a:close/>
                </a:path>
                <a:path w="9052560" h="483235">
                  <a:moveTo>
                    <a:pt x="106680" y="0"/>
                  </a:moveTo>
                  <a:lnTo>
                    <a:pt x="96012" y="0"/>
                  </a:lnTo>
                  <a:lnTo>
                    <a:pt x="96012" y="3048"/>
                  </a:lnTo>
                  <a:lnTo>
                    <a:pt x="106680" y="3048"/>
                  </a:lnTo>
                  <a:lnTo>
                    <a:pt x="106680" y="0"/>
                  </a:lnTo>
                  <a:close/>
                </a:path>
                <a:path w="9052560" h="483235">
                  <a:moveTo>
                    <a:pt x="120396" y="0"/>
                  </a:moveTo>
                  <a:lnTo>
                    <a:pt x="109728" y="0"/>
                  </a:lnTo>
                  <a:lnTo>
                    <a:pt x="109728" y="3048"/>
                  </a:lnTo>
                  <a:lnTo>
                    <a:pt x="120396" y="3048"/>
                  </a:lnTo>
                  <a:lnTo>
                    <a:pt x="120396" y="0"/>
                  </a:lnTo>
                  <a:close/>
                </a:path>
                <a:path w="9052560" h="483235">
                  <a:moveTo>
                    <a:pt x="134112" y="0"/>
                  </a:moveTo>
                  <a:lnTo>
                    <a:pt x="123444" y="0"/>
                  </a:lnTo>
                  <a:lnTo>
                    <a:pt x="123444" y="3048"/>
                  </a:lnTo>
                  <a:lnTo>
                    <a:pt x="134112" y="3048"/>
                  </a:lnTo>
                  <a:lnTo>
                    <a:pt x="134112" y="0"/>
                  </a:lnTo>
                  <a:close/>
                </a:path>
                <a:path w="9052560" h="483235">
                  <a:moveTo>
                    <a:pt x="147828" y="0"/>
                  </a:moveTo>
                  <a:lnTo>
                    <a:pt x="137160" y="0"/>
                  </a:lnTo>
                  <a:lnTo>
                    <a:pt x="137160" y="3048"/>
                  </a:lnTo>
                  <a:lnTo>
                    <a:pt x="147828" y="3048"/>
                  </a:lnTo>
                  <a:lnTo>
                    <a:pt x="147828" y="0"/>
                  </a:lnTo>
                  <a:close/>
                </a:path>
                <a:path w="9052560" h="483235">
                  <a:moveTo>
                    <a:pt x="161544" y="0"/>
                  </a:moveTo>
                  <a:lnTo>
                    <a:pt x="150876" y="0"/>
                  </a:lnTo>
                  <a:lnTo>
                    <a:pt x="150876" y="3048"/>
                  </a:lnTo>
                  <a:lnTo>
                    <a:pt x="161544" y="3048"/>
                  </a:lnTo>
                  <a:lnTo>
                    <a:pt x="161544" y="0"/>
                  </a:lnTo>
                  <a:close/>
                </a:path>
                <a:path w="9052560" h="483235">
                  <a:moveTo>
                    <a:pt x="175260" y="0"/>
                  </a:moveTo>
                  <a:lnTo>
                    <a:pt x="164592" y="0"/>
                  </a:lnTo>
                  <a:lnTo>
                    <a:pt x="164592" y="3048"/>
                  </a:lnTo>
                  <a:lnTo>
                    <a:pt x="175260" y="3048"/>
                  </a:lnTo>
                  <a:lnTo>
                    <a:pt x="175260" y="0"/>
                  </a:lnTo>
                  <a:close/>
                </a:path>
                <a:path w="9052560" h="483235">
                  <a:moveTo>
                    <a:pt x="188976" y="0"/>
                  </a:moveTo>
                  <a:lnTo>
                    <a:pt x="178308" y="0"/>
                  </a:lnTo>
                  <a:lnTo>
                    <a:pt x="178308" y="3048"/>
                  </a:lnTo>
                  <a:lnTo>
                    <a:pt x="188976" y="3048"/>
                  </a:lnTo>
                  <a:lnTo>
                    <a:pt x="188976" y="0"/>
                  </a:lnTo>
                  <a:close/>
                </a:path>
                <a:path w="9052560" h="483235">
                  <a:moveTo>
                    <a:pt x="202692" y="0"/>
                  </a:moveTo>
                  <a:lnTo>
                    <a:pt x="192024" y="0"/>
                  </a:lnTo>
                  <a:lnTo>
                    <a:pt x="192024" y="3048"/>
                  </a:lnTo>
                  <a:lnTo>
                    <a:pt x="202692" y="3048"/>
                  </a:lnTo>
                  <a:lnTo>
                    <a:pt x="202692" y="0"/>
                  </a:lnTo>
                  <a:close/>
                </a:path>
                <a:path w="9052560" h="483235">
                  <a:moveTo>
                    <a:pt x="216408" y="0"/>
                  </a:moveTo>
                  <a:lnTo>
                    <a:pt x="205740" y="0"/>
                  </a:lnTo>
                  <a:lnTo>
                    <a:pt x="205740" y="3048"/>
                  </a:lnTo>
                  <a:lnTo>
                    <a:pt x="216408" y="3048"/>
                  </a:lnTo>
                  <a:lnTo>
                    <a:pt x="216408" y="0"/>
                  </a:lnTo>
                  <a:close/>
                </a:path>
                <a:path w="9052560" h="483235">
                  <a:moveTo>
                    <a:pt x="230124" y="0"/>
                  </a:moveTo>
                  <a:lnTo>
                    <a:pt x="219456" y="0"/>
                  </a:lnTo>
                  <a:lnTo>
                    <a:pt x="219456" y="3048"/>
                  </a:lnTo>
                  <a:lnTo>
                    <a:pt x="230124" y="3048"/>
                  </a:lnTo>
                  <a:lnTo>
                    <a:pt x="230124" y="0"/>
                  </a:lnTo>
                  <a:close/>
                </a:path>
                <a:path w="9052560" h="483235">
                  <a:moveTo>
                    <a:pt x="243840" y="0"/>
                  </a:moveTo>
                  <a:lnTo>
                    <a:pt x="233172" y="0"/>
                  </a:lnTo>
                  <a:lnTo>
                    <a:pt x="233172" y="3048"/>
                  </a:lnTo>
                  <a:lnTo>
                    <a:pt x="243840" y="3048"/>
                  </a:lnTo>
                  <a:lnTo>
                    <a:pt x="243840" y="0"/>
                  </a:lnTo>
                  <a:close/>
                </a:path>
                <a:path w="9052560" h="483235">
                  <a:moveTo>
                    <a:pt x="257556" y="0"/>
                  </a:moveTo>
                  <a:lnTo>
                    <a:pt x="246888" y="0"/>
                  </a:lnTo>
                  <a:lnTo>
                    <a:pt x="246888" y="3048"/>
                  </a:lnTo>
                  <a:lnTo>
                    <a:pt x="257556" y="3048"/>
                  </a:lnTo>
                  <a:lnTo>
                    <a:pt x="257556" y="0"/>
                  </a:lnTo>
                  <a:close/>
                </a:path>
                <a:path w="9052560" h="483235">
                  <a:moveTo>
                    <a:pt x="271272" y="0"/>
                  </a:moveTo>
                  <a:lnTo>
                    <a:pt x="260604" y="0"/>
                  </a:lnTo>
                  <a:lnTo>
                    <a:pt x="260604" y="3048"/>
                  </a:lnTo>
                  <a:lnTo>
                    <a:pt x="271272" y="3048"/>
                  </a:lnTo>
                  <a:lnTo>
                    <a:pt x="271272" y="0"/>
                  </a:lnTo>
                  <a:close/>
                </a:path>
                <a:path w="9052560" h="483235">
                  <a:moveTo>
                    <a:pt x="284988" y="0"/>
                  </a:moveTo>
                  <a:lnTo>
                    <a:pt x="274320" y="0"/>
                  </a:lnTo>
                  <a:lnTo>
                    <a:pt x="274320" y="3048"/>
                  </a:lnTo>
                  <a:lnTo>
                    <a:pt x="284988" y="3048"/>
                  </a:lnTo>
                  <a:lnTo>
                    <a:pt x="284988" y="0"/>
                  </a:lnTo>
                  <a:close/>
                </a:path>
                <a:path w="9052560" h="483235">
                  <a:moveTo>
                    <a:pt x="298704" y="0"/>
                  </a:moveTo>
                  <a:lnTo>
                    <a:pt x="288036" y="0"/>
                  </a:lnTo>
                  <a:lnTo>
                    <a:pt x="288036" y="3048"/>
                  </a:lnTo>
                  <a:lnTo>
                    <a:pt x="298704" y="3048"/>
                  </a:lnTo>
                  <a:lnTo>
                    <a:pt x="298704" y="0"/>
                  </a:lnTo>
                  <a:close/>
                </a:path>
                <a:path w="9052560" h="483235">
                  <a:moveTo>
                    <a:pt x="312420" y="0"/>
                  </a:moveTo>
                  <a:lnTo>
                    <a:pt x="301752" y="0"/>
                  </a:lnTo>
                  <a:lnTo>
                    <a:pt x="301752" y="3048"/>
                  </a:lnTo>
                  <a:lnTo>
                    <a:pt x="312420" y="3048"/>
                  </a:lnTo>
                  <a:lnTo>
                    <a:pt x="312420" y="0"/>
                  </a:lnTo>
                  <a:close/>
                </a:path>
                <a:path w="9052560" h="483235">
                  <a:moveTo>
                    <a:pt x="326136" y="0"/>
                  </a:moveTo>
                  <a:lnTo>
                    <a:pt x="315468" y="0"/>
                  </a:lnTo>
                  <a:lnTo>
                    <a:pt x="315468" y="3048"/>
                  </a:lnTo>
                  <a:lnTo>
                    <a:pt x="326136" y="3048"/>
                  </a:lnTo>
                  <a:lnTo>
                    <a:pt x="326136" y="0"/>
                  </a:lnTo>
                  <a:close/>
                </a:path>
                <a:path w="9052560" h="483235">
                  <a:moveTo>
                    <a:pt x="339852" y="0"/>
                  </a:moveTo>
                  <a:lnTo>
                    <a:pt x="329184" y="0"/>
                  </a:lnTo>
                  <a:lnTo>
                    <a:pt x="329184" y="3048"/>
                  </a:lnTo>
                  <a:lnTo>
                    <a:pt x="339852" y="3048"/>
                  </a:lnTo>
                  <a:lnTo>
                    <a:pt x="339852" y="0"/>
                  </a:lnTo>
                  <a:close/>
                </a:path>
                <a:path w="9052560" h="483235">
                  <a:moveTo>
                    <a:pt x="353568" y="0"/>
                  </a:moveTo>
                  <a:lnTo>
                    <a:pt x="342900" y="0"/>
                  </a:lnTo>
                  <a:lnTo>
                    <a:pt x="342900" y="3048"/>
                  </a:lnTo>
                  <a:lnTo>
                    <a:pt x="353568" y="3048"/>
                  </a:lnTo>
                  <a:lnTo>
                    <a:pt x="353568" y="0"/>
                  </a:lnTo>
                  <a:close/>
                </a:path>
                <a:path w="9052560" h="483235">
                  <a:moveTo>
                    <a:pt x="367284" y="0"/>
                  </a:moveTo>
                  <a:lnTo>
                    <a:pt x="356616" y="0"/>
                  </a:lnTo>
                  <a:lnTo>
                    <a:pt x="356616" y="3048"/>
                  </a:lnTo>
                  <a:lnTo>
                    <a:pt x="367284" y="3048"/>
                  </a:lnTo>
                  <a:lnTo>
                    <a:pt x="367284" y="0"/>
                  </a:lnTo>
                  <a:close/>
                </a:path>
                <a:path w="9052560" h="483235">
                  <a:moveTo>
                    <a:pt x="381000" y="0"/>
                  </a:moveTo>
                  <a:lnTo>
                    <a:pt x="370332" y="0"/>
                  </a:lnTo>
                  <a:lnTo>
                    <a:pt x="370332" y="3048"/>
                  </a:lnTo>
                  <a:lnTo>
                    <a:pt x="381000" y="3048"/>
                  </a:lnTo>
                  <a:lnTo>
                    <a:pt x="381000" y="0"/>
                  </a:lnTo>
                  <a:close/>
                </a:path>
                <a:path w="9052560" h="483235">
                  <a:moveTo>
                    <a:pt x="394716" y="0"/>
                  </a:moveTo>
                  <a:lnTo>
                    <a:pt x="384048" y="0"/>
                  </a:lnTo>
                  <a:lnTo>
                    <a:pt x="384048" y="3048"/>
                  </a:lnTo>
                  <a:lnTo>
                    <a:pt x="394716" y="3048"/>
                  </a:lnTo>
                  <a:lnTo>
                    <a:pt x="394716" y="0"/>
                  </a:lnTo>
                  <a:close/>
                </a:path>
                <a:path w="9052560" h="483235">
                  <a:moveTo>
                    <a:pt x="408432" y="0"/>
                  </a:moveTo>
                  <a:lnTo>
                    <a:pt x="397764" y="0"/>
                  </a:lnTo>
                  <a:lnTo>
                    <a:pt x="397764" y="3048"/>
                  </a:lnTo>
                  <a:lnTo>
                    <a:pt x="408432" y="3048"/>
                  </a:lnTo>
                  <a:lnTo>
                    <a:pt x="408432" y="0"/>
                  </a:lnTo>
                  <a:close/>
                </a:path>
                <a:path w="9052560" h="483235">
                  <a:moveTo>
                    <a:pt x="422148" y="0"/>
                  </a:moveTo>
                  <a:lnTo>
                    <a:pt x="411480" y="0"/>
                  </a:lnTo>
                  <a:lnTo>
                    <a:pt x="411480" y="3048"/>
                  </a:lnTo>
                  <a:lnTo>
                    <a:pt x="422148" y="3048"/>
                  </a:lnTo>
                  <a:lnTo>
                    <a:pt x="422148" y="0"/>
                  </a:lnTo>
                  <a:close/>
                </a:path>
                <a:path w="9052560" h="483235">
                  <a:moveTo>
                    <a:pt x="435864" y="0"/>
                  </a:moveTo>
                  <a:lnTo>
                    <a:pt x="425183" y="0"/>
                  </a:lnTo>
                  <a:lnTo>
                    <a:pt x="425183" y="3048"/>
                  </a:lnTo>
                  <a:lnTo>
                    <a:pt x="435864" y="3048"/>
                  </a:lnTo>
                  <a:lnTo>
                    <a:pt x="435864" y="0"/>
                  </a:lnTo>
                  <a:close/>
                </a:path>
                <a:path w="9052560" h="483235">
                  <a:moveTo>
                    <a:pt x="449580" y="0"/>
                  </a:moveTo>
                  <a:lnTo>
                    <a:pt x="438912" y="0"/>
                  </a:lnTo>
                  <a:lnTo>
                    <a:pt x="438912" y="3048"/>
                  </a:lnTo>
                  <a:lnTo>
                    <a:pt x="449580" y="3048"/>
                  </a:lnTo>
                  <a:lnTo>
                    <a:pt x="449580" y="0"/>
                  </a:lnTo>
                  <a:close/>
                </a:path>
                <a:path w="9052560" h="483235">
                  <a:moveTo>
                    <a:pt x="8549640" y="478536"/>
                  </a:moveTo>
                  <a:lnTo>
                    <a:pt x="8540496" y="478536"/>
                  </a:lnTo>
                  <a:lnTo>
                    <a:pt x="8540496" y="483108"/>
                  </a:lnTo>
                  <a:lnTo>
                    <a:pt x="8549640" y="483108"/>
                  </a:lnTo>
                  <a:lnTo>
                    <a:pt x="8549640" y="478536"/>
                  </a:lnTo>
                  <a:close/>
                </a:path>
                <a:path w="9052560" h="483235">
                  <a:moveTo>
                    <a:pt x="8563356" y="478536"/>
                  </a:moveTo>
                  <a:lnTo>
                    <a:pt x="8554212" y="478536"/>
                  </a:lnTo>
                  <a:lnTo>
                    <a:pt x="8554212" y="483108"/>
                  </a:lnTo>
                  <a:lnTo>
                    <a:pt x="8563356" y="483108"/>
                  </a:lnTo>
                  <a:lnTo>
                    <a:pt x="8563356" y="478536"/>
                  </a:lnTo>
                  <a:close/>
                </a:path>
                <a:path w="9052560" h="483235">
                  <a:moveTo>
                    <a:pt x="8577072" y="478536"/>
                  </a:moveTo>
                  <a:lnTo>
                    <a:pt x="8567928" y="478536"/>
                  </a:lnTo>
                  <a:lnTo>
                    <a:pt x="8567928" y="483108"/>
                  </a:lnTo>
                  <a:lnTo>
                    <a:pt x="8577072" y="483108"/>
                  </a:lnTo>
                  <a:lnTo>
                    <a:pt x="8577072" y="478536"/>
                  </a:lnTo>
                  <a:close/>
                </a:path>
                <a:path w="9052560" h="483235">
                  <a:moveTo>
                    <a:pt x="8590788" y="478536"/>
                  </a:moveTo>
                  <a:lnTo>
                    <a:pt x="8581644" y="478536"/>
                  </a:lnTo>
                  <a:lnTo>
                    <a:pt x="8581644" y="483108"/>
                  </a:lnTo>
                  <a:lnTo>
                    <a:pt x="8590788" y="483108"/>
                  </a:lnTo>
                  <a:lnTo>
                    <a:pt x="8590788" y="478536"/>
                  </a:lnTo>
                  <a:close/>
                </a:path>
                <a:path w="9052560" h="483235">
                  <a:moveTo>
                    <a:pt x="8604504" y="478536"/>
                  </a:moveTo>
                  <a:lnTo>
                    <a:pt x="8595360" y="478536"/>
                  </a:lnTo>
                  <a:lnTo>
                    <a:pt x="8595360" y="483108"/>
                  </a:lnTo>
                  <a:lnTo>
                    <a:pt x="8604504" y="483108"/>
                  </a:lnTo>
                  <a:lnTo>
                    <a:pt x="8604504" y="478536"/>
                  </a:lnTo>
                  <a:close/>
                </a:path>
                <a:path w="9052560" h="483235">
                  <a:moveTo>
                    <a:pt x="8618220" y="478536"/>
                  </a:moveTo>
                  <a:lnTo>
                    <a:pt x="8609076" y="478536"/>
                  </a:lnTo>
                  <a:lnTo>
                    <a:pt x="8609076" y="483108"/>
                  </a:lnTo>
                  <a:lnTo>
                    <a:pt x="8618220" y="483108"/>
                  </a:lnTo>
                  <a:lnTo>
                    <a:pt x="8618220" y="478536"/>
                  </a:lnTo>
                  <a:close/>
                </a:path>
                <a:path w="9052560" h="483235">
                  <a:moveTo>
                    <a:pt x="8631936" y="478536"/>
                  </a:moveTo>
                  <a:lnTo>
                    <a:pt x="8622792" y="478536"/>
                  </a:lnTo>
                  <a:lnTo>
                    <a:pt x="8622792" y="483108"/>
                  </a:lnTo>
                  <a:lnTo>
                    <a:pt x="8631936" y="483108"/>
                  </a:lnTo>
                  <a:lnTo>
                    <a:pt x="8631936" y="478536"/>
                  </a:lnTo>
                  <a:close/>
                </a:path>
                <a:path w="9052560" h="483235">
                  <a:moveTo>
                    <a:pt x="8645652" y="478536"/>
                  </a:moveTo>
                  <a:lnTo>
                    <a:pt x="8636508" y="478536"/>
                  </a:lnTo>
                  <a:lnTo>
                    <a:pt x="8636508" y="483108"/>
                  </a:lnTo>
                  <a:lnTo>
                    <a:pt x="8645652" y="483108"/>
                  </a:lnTo>
                  <a:lnTo>
                    <a:pt x="8645652" y="478536"/>
                  </a:lnTo>
                  <a:close/>
                </a:path>
                <a:path w="9052560" h="483235">
                  <a:moveTo>
                    <a:pt x="8659368" y="478536"/>
                  </a:moveTo>
                  <a:lnTo>
                    <a:pt x="8650224" y="478536"/>
                  </a:lnTo>
                  <a:lnTo>
                    <a:pt x="8650224" y="483108"/>
                  </a:lnTo>
                  <a:lnTo>
                    <a:pt x="8659368" y="483108"/>
                  </a:lnTo>
                  <a:lnTo>
                    <a:pt x="8659368" y="478536"/>
                  </a:lnTo>
                  <a:close/>
                </a:path>
                <a:path w="9052560" h="483235">
                  <a:moveTo>
                    <a:pt x="8673084" y="478536"/>
                  </a:moveTo>
                  <a:lnTo>
                    <a:pt x="8663940" y="478536"/>
                  </a:lnTo>
                  <a:lnTo>
                    <a:pt x="8663940" y="483108"/>
                  </a:lnTo>
                  <a:lnTo>
                    <a:pt x="8673084" y="483108"/>
                  </a:lnTo>
                  <a:lnTo>
                    <a:pt x="8673084" y="478536"/>
                  </a:lnTo>
                  <a:close/>
                </a:path>
                <a:path w="9052560" h="483235">
                  <a:moveTo>
                    <a:pt x="8686800" y="478536"/>
                  </a:moveTo>
                  <a:lnTo>
                    <a:pt x="8677656" y="478536"/>
                  </a:lnTo>
                  <a:lnTo>
                    <a:pt x="8677656" y="483108"/>
                  </a:lnTo>
                  <a:lnTo>
                    <a:pt x="8686800" y="483108"/>
                  </a:lnTo>
                  <a:lnTo>
                    <a:pt x="8686800" y="478536"/>
                  </a:lnTo>
                  <a:close/>
                </a:path>
                <a:path w="9052560" h="483235">
                  <a:moveTo>
                    <a:pt x="8700516" y="478536"/>
                  </a:moveTo>
                  <a:lnTo>
                    <a:pt x="8691372" y="478536"/>
                  </a:lnTo>
                  <a:lnTo>
                    <a:pt x="8691372" y="483108"/>
                  </a:lnTo>
                  <a:lnTo>
                    <a:pt x="8700516" y="483108"/>
                  </a:lnTo>
                  <a:lnTo>
                    <a:pt x="8700516" y="478536"/>
                  </a:lnTo>
                  <a:close/>
                </a:path>
                <a:path w="9052560" h="483235">
                  <a:moveTo>
                    <a:pt x="8714232" y="478536"/>
                  </a:moveTo>
                  <a:lnTo>
                    <a:pt x="8705088" y="478536"/>
                  </a:lnTo>
                  <a:lnTo>
                    <a:pt x="8705088" y="483108"/>
                  </a:lnTo>
                  <a:lnTo>
                    <a:pt x="8714232" y="483108"/>
                  </a:lnTo>
                  <a:lnTo>
                    <a:pt x="8714232" y="478536"/>
                  </a:lnTo>
                  <a:close/>
                </a:path>
                <a:path w="9052560" h="483235">
                  <a:moveTo>
                    <a:pt x="8727948" y="478536"/>
                  </a:moveTo>
                  <a:lnTo>
                    <a:pt x="8718804" y="478536"/>
                  </a:lnTo>
                  <a:lnTo>
                    <a:pt x="8718804" y="483108"/>
                  </a:lnTo>
                  <a:lnTo>
                    <a:pt x="8727948" y="483108"/>
                  </a:lnTo>
                  <a:lnTo>
                    <a:pt x="8727948" y="478536"/>
                  </a:lnTo>
                  <a:close/>
                </a:path>
                <a:path w="9052560" h="483235">
                  <a:moveTo>
                    <a:pt x="8741664" y="478536"/>
                  </a:moveTo>
                  <a:lnTo>
                    <a:pt x="8732520" y="478536"/>
                  </a:lnTo>
                  <a:lnTo>
                    <a:pt x="8732520" y="483108"/>
                  </a:lnTo>
                  <a:lnTo>
                    <a:pt x="8741664" y="483108"/>
                  </a:lnTo>
                  <a:lnTo>
                    <a:pt x="8741664" y="478536"/>
                  </a:lnTo>
                  <a:close/>
                </a:path>
                <a:path w="9052560" h="483235">
                  <a:moveTo>
                    <a:pt x="8755380" y="478536"/>
                  </a:moveTo>
                  <a:lnTo>
                    <a:pt x="8746236" y="478536"/>
                  </a:lnTo>
                  <a:lnTo>
                    <a:pt x="8746236" y="483108"/>
                  </a:lnTo>
                  <a:lnTo>
                    <a:pt x="8755380" y="483108"/>
                  </a:lnTo>
                  <a:lnTo>
                    <a:pt x="8755380" y="478536"/>
                  </a:lnTo>
                  <a:close/>
                </a:path>
                <a:path w="9052560" h="483235">
                  <a:moveTo>
                    <a:pt x="8769096" y="478536"/>
                  </a:moveTo>
                  <a:lnTo>
                    <a:pt x="8759952" y="478536"/>
                  </a:lnTo>
                  <a:lnTo>
                    <a:pt x="8759952" y="483108"/>
                  </a:lnTo>
                  <a:lnTo>
                    <a:pt x="8769096" y="483108"/>
                  </a:lnTo>
                  <a:lnTo>
                    <a:pt x="8769096" y="478536"/>
                  </a:lnTo>
                  <a:close/>
                </a:path>
                <a:path w="9052560" h="483235">
                  <a:moveTo>
                    <a:pt x="8782812" y="478536"/>
                  </a:moveTo>
                  <a:lnTo>
                    <a:pt x="8773668" y="478536"/>
                  </a:lnTo>
                  <a:lnTo>
                    <a:pt x="8773668" y="483108"/>
                  </a:lnTo>
                  <a:lnTo>
                    <a:pt x="8782812" y="483108"/>
                  </a:lnTo>
                  <a:lnTo>
                    <a:pt x="8782812" y="478536"/>
                  </a:lnTo>
                  <a:close/>
                </a:path>
                <a:path w="9052560" h="483235">
                  <a:moveTo>
                    <a:pt x="8796528" y="478536"/>
                  </a:moveTo>
                  <a:lnTo>
                    <a:pt x="8787384" y="478536"/>
                  </a:lnTo>
                  <a:lnTo>
                    <a:pt x="8787384" y="483108"/>
                  </a:lnTo>
                  <a:lnTo>
                    <a:pt x="8796528" y="483108"/>
                  </a:lnTo>
                  <a:lnTo>
                    <a:pt x="8796528" y="478536"/>
                  </a:lnTo>
                  <a:close/>
                </a:path>
                <a:path w="9052560" h="483235">
                  <a:moveTo>
                    <a:pt x="8810244" y="478536"/>
                  </a:moveTo>
                  <a:lnTo>
                    <a:pt x="8801100" y="478536"/>
                  </a:lnTo>
                  <a:lnTo>
                    <a:pt x="8801100" y="483108"/>
                  </a:lnTo>
                  <a:lnTo>
                    <a:pt x="8810244" y="483108"/>
                  </a:lnTo>
                  <a:lnTo>
                    <a:pt x="8810244" y="478536"/>
                  </a:lnTo>
                  <a:close/>
                </a:path>
                <a:path w="9052560" h="483235">
                  <a:moveTo>
                    <a:pt x="8823960" y="478536"/>
                  </a:moveTo>
                  <a:lnTo>
                    <a:pt x="8814816" y="478536"/>
                  </a:lnTo>
                  <a:lnTo>
                    <a:pt x="8814816" y="483108"/>
                  </a:lnTo>
                  <a:lnTo>
                    <a:pt x="8823960" y="483108"/>
                  </a:lnTo>
                  <a:lnTo>
                    <a:pt x="8823960" y="478536"/>
                  </a:lnTo>
                  <a:close/>
                </a:path>
                <a:path w="9052560" h="483235">
                  <a:moveTo>
                    <a:pt x="8837676" y="478536"/>
                  </a:moveTo>
                  <a:lnTo>
                    <a:pt x="8828532" y="478536"/>
                  </a:lnTo>
                  <a:lnTo>
                    <a:pt x="8828532" y="483108"/>
                  </a:lnTo>
                  <a:lnTo>
                    <a:pt x="8837676" y="483108"/>
                  </a:lnTo>
                  <a:lnTo>
                    <a:pt x="8837676" y="478536"/>
                  </a:lnTo>
                  <a:close/>
                </a:path>
                <a:path w="9052560" h="483235">
                  <a:moveTo>
                    <a:pt x="8851392" y="478536"/>
                  </a:moveTo>
                  <a:lnTo>
                    <a:pt x="8842248" y="478536"/>
                  </a:lnTo>
                  <a:lnTo>
                    <a:pt x="8842248" y="483108"/>
                  </a:lnTo>
                  <a:lnTo>
                    <a:pt x="8851392" y="483108"/>
                  </a:lnTo>
                  <a:lnTo>
                    <a:pt x="8851392" y="478536"/>
                  </a:lnTo>
                  <a:close/>
                </a:path>
                <a:path w="9052560" h="483235">
                  <a:moveTo>
                    <a:pt x="8865108" y="478536"/>
                  </a:moveTo>
                  <a:lnTo>
                    <a:pt x="8855964" y="478536"/>
                  </a:lnTo>
                  <a:lnTo>
                    <a:pt x="8855964" y="483108"/>
                  </a:lnTo>
                  <a:lnTo>
                    <a:pt x="8865108" y="483108"/>
                  </a:lnTo>
                  <a:lnTo>
                    <a:pt x="8865108" y="478536"/>
                  </a:lnTo>
                  <a:close/>
                </a:path>
                <a:path w="9052560" h="483235">
                  <a:moveTo>
                    <a:pt x="8878824" y="478536"/>
                  </a:moveTo>
                  <a:lnTo>
                    <a:pt x="8869680" y="478536"/>
                  </a:lnTo>
                  <a:lnTo>
                    <a:pt x="8869680" y="483108"/>
                  </a:lnTo>
                  <a:lnTo>
                    <a:pt x="8878824" y="483108"/>
                  </a:lnTo>
                  <a:lnTo>
                    <a:pt x="8878824" y="478536"/>
                  </a:lnTo>
                  <a:close/>
                </a:path>
                <a:path w="9052560" h="483235">
                  <a:moveTo>
                    <a:pt x="8892540" y="478536"/>
                  </a:moveTo>
                  <a:lnTo>
                    <a:pt x="8883396" y="478536"/>
                  </a:lnTo>
                  <a:lnTo>
                    <a:pt x="8883396" y="483108"/>
                  </a:lnTo>
                  <a:lnTo>
                    <a:pt x="8892540" y="483108"/>
                  </a:lnTo>
                  <a:lnTo>
                    <a:pt x="8892540" y="478536"/>
                  </a:lnTo>
                  <a:close/>
                </a:path>
                <a:path w="9052560" h="483235">
                  <a:moveTo>
                    <a:pt x="8906256" y="478536"/>
                  </a:moveTo>
                  <a:lnTo>
                    <a:pt x="8897112" y="478536"/>
                  </a:lnTo>
                  <a:lnTo>
                    <a:pt x="8897112" y="483108"/>
                  </a:lnTo>
                  <a:lnTo>
                    <a:pt x="8906256" y="483108"/>
                  </a:lnTo>
                  <a:lnTo>
                    <a:pt x="8906256" y="478536"/>
                  </a:lnTo>
                  <a:close/>
                </a:path>
                <a:path w="9052560" h="483235">
                  <a:moveTo>
                    <a:pt x="8919972" y="478536"/>
                  </a:moveTo>
                  <a:lnTo>
                    <a:pt x="8910828" y="478536"/>
                  </a:lnTo>
                  <a:lnTo>
                    <a:pt x="8910828" y="483108"/>
                  </a:lnTo>
                  <a:lnTo>
                    <a:pt x="8919972" y="483108"/>
                  </a:lnTo>
                  <a:lnTo>
                    <a:pt x="8919972" y="478536"/>
                  </a:lnTo>
                  <a:close/>
                </a:path>
                <a:path w="9052560" h="483235">
                  <a:moveTo>
                    <a:pt x="8933688" y="478536"/>
                  </a:moveTo>
                  <a:lnTo>
                    <a:pt x="8924544" y="478536"/>
                  </a:lnTo>
                  <a:lnTo>
                    <a:pt x="8924544" y="483108"/>
                  </a:lnTo>
                  <a:lnTo>
                    <a:pt x="8933688" y="483108"/>
                  </a:lnTo>
                  <a:lnTo>
                    <a:pt x="8933688" y="478536"/>
                  </a:lnTo>
                  <a:close/>
                </a:path>
                <a:path w="9052560" h="483235">
                  <a:moveTo>
                    <a:pt x="8947404" y="478536"/>
                  </a:moveTo>
                  <a:lnTo>
                    <a:pt x="8938260" y="478536"/>
                  </a:lnTo>
                  <a:lnTo>
                    <a:pt x="8938260" y="483108"/>
                  </a:lnTo>
                  <a:lnTo>
                    <a:pt x="8947404" y="483108"/>
                  </a:lnTo>
                  <a:lnTo>
                    <a:pt x="8947404" y="478536"/>
                  </a:lnTo>
                  <a:close/>
                </a:path>
                <a:path w="9052560" h="483235">
                  <a:moveTo>
                    <a:pt x="8961120" y="478536"/>
                  </a:moveTo>
                  <a:lnTo>
                    <a:pt x="8951976" y="478536"/>
                  </a:lnTo>
                  <a:lnTo>
                    <a:pt x="8951976" y="483108"/>
                  </a:lnTo>
                  <a:lnTo>
                    <a:pt x="8961120" y="483108"/>
                  </a:lnTo>
                  <a:lnTo>
                    <a:pt x="8961120" y="478536"/>
                  </a:lnTo>
                  <a:close/>
                </a:path>
                <a:path w="9052560" h="483235">
                  <a:moveTo>
                    <a:pt x="8974836" y="478536"/>
                  </a:moveTo>
                  <a:lnTo>
                    <a:pt x="8965692" y="478536"/>
                  </a:lnTo>
                  <a:lnTo>
                    <a:pt x="8965692" y="483108"/>
                  </a:lnTo>
                  <a:lnTo>
                    <a:pt x="8974836" y="483108"/>
                  </a:lnTo>
                  <a:lnTo>
                    <a:pt x="8974836" y="478536"/>
                  </a:lnTo>
                  <a:close/>
                </a:path>
                <a:path w="9052560" h="483235">
                  <a:moveTo>
                    <a:pt x="8988552" y="478536"/>
                  </a:moveTo>
                  <a:lnTo>
                    <a:pt x="8979408" y="478536"/>
                  </a:lnTo>
                  <a:lnTo>
                    <a:pt x="8979408" y="483108"/>
                  </a:lnTo>
                  <a:lnTo>
                    <a:pt x="8988552" y="483108"/>
                  </a:lnTo>
                  <a:lnTo>
                    <a:pt x="8988552" y="478536"/>
                  </a:lnTo>
                  <a:close/>
                </a:path>
                <a:path w="9052560" h="483235">
                  <a:moveTo>
                    <a:pt x="9002268" y="478536"/>
                  </a:moveTo>
                  <a:lnTo>
                    <a:pt x="8993124" y="478536"/>
                  </a:lnTo>
                  <a:lnTo>
                    <a:pt x="8993124" y="483108"/>
                  </a:lnTo>
                  <a:lnTo>
                    <a:pt x="9002268" y="483108"/>
                  </a:lnTo>
                  <a:lnTo>
                    <a:pt x="9002268" y="478536"/>
                  </a:lnTo>
                  <a:close/>
                </a:path>
                <a:path w="9052560" h="483235">
                  <a:moveTo>
                    <a:pt x="9015984" y="478536"/>
                  </a:moveTo>
                  <a:lnTo>
                    <a:pt x="9006840" y="478536"/>
                  </a:lnTo>
                  <a:lnTo>
                    <a:pt x="9006840" y="483108"/>
                  </a:lnTo>
                  <a:lnTo>
                    <a:pt x="9015984" y="483108"/>
                  </a:lnTo>
                  <a:lnTo>
                    <a:pt x="9015984" y="478536"/>
                  </a:lnTo>
                  <a:close/>
                </a:path>
                <a:path w="9052560" h="483235">
                  <a:moveTo>
                    <a:pt x="9029700" y="478536"/>
                  </a:moveTo>
                  <a:lnTo>
                    <a:pt x="9020556" y="478536"/>
                  </a:lnTo>
                  <a:lnTo>
                    <a:pt x="9020556" y="483108"/>
                  </a:lnTo>
                  <a:lnTo>
                    <a:pt x="9029700" y="483108"/>
                  </a:lnTo>
                  <a:lnTo>
                    <a:pt x="9029700" y="478536"/>
                  </a:lnTo>
                  <a:close/>
                </a:path>
                <a:path w="9052560" h="483235">
                  <a:moveTo>
                    <a:pt x="9043416" y="478536"/>
                  </a:moveTo>
                  <a:lnTo>
                    <a:pt x="9034272" y="478536"/>
                  </a:lnTo>
                  <a:lnTo>
                    <a:pt x="9034272" y="483108"/>
                  </a:lnTo>
                  <a:lnTo>
                    <a:pt x="9043416" y="483108"/>
                  </a:lnTo>
                  <a:lnTo>
                    <a:pt x="9043416" y="478536"/>
                  </a:lnTo>
                  <a:close/>
                </a:path>
                <a:path w="9052560" h="483235">
                  <a:moveTo>
                    <a:pt x="9052560" y="478536"/>
                  </a:moveTo>
                  <a:lnTo>
                    <a:pt x="9047988" y="478536"/>
                  </a:lnTo>
                  <a:lnTo>
                    <a:pt x="9047988" y="483108"/>
                  </a:lnTo>
                  <a:lnTo>
                    <a:pt x="9052560" y="483108"/>
                  </a:lnTo>
                  <a:lnTo>
                    <a:pt x="9052560" y="478536"/>
                  </a:lnTo>
                  <a:close/>
                </a:path>
              </a:pathLst>
            </a:custGeom>
            <a:solidFill>
              <a:srgbClr val="000000"/>
            </a:solidFill>
          </p:spPr>
          <p:txBody>
            <a:bodyPr wrap="square" lIns="0" tIns="0" rIns="0" bIns="0" rtlCol="0"/>
            <a:lstStyle/>
            <a:p>
              <a:endParaRPr sz="1539"/>
            </a:p>
          </p:txBody>
        </p:sp>
        <p:sp>
          <p:nvSpPr>
            <p:cNvPr id="87" name="object 87"/>
            <p:cNvSpPr/>
            <p:nvPr/>
          </p:nvSpPr>
          <p:spPr>
            <a:xfrm>
              <a:off x="845820" y="2139695"/>
              <a:ext cx="969644" cy="3175"/>
            </a:xfrm>
            <a:custGeom>
              <a:avLst/>
              <a:gdLst/>
              <a:ahLst/>
              <a:cxnLst/>
              <a:rect l="l" t="t" r="r" b="b"/>
              <a:pathLst>
                <a:path w="969644" h="3175">
                  <a:moveTo>
                    <a:pt x="10668" y="0"/>
                  </a:moveTo>
                  <a:lnTo>
                    <a:pt x="0" y="0"/>
                  </a:lnTo>
                  <a:lnTo>
                    <a:pt x="0" y="3048"/>
                  </a:lnTo>
                  <a:lnTo>
                    <a:pt x="10668" y="3048"/>
                  </a:lnTo>
                  <a:lnTo>
                    <a:pt x="10668" y="0"/>
                  </a:lnTo>
                  <a:close/>
                </a:path>
                <a:path w="969644" h="3175">
                  <a:moveTo>
                    <a:pt x="24384" y="0"/>
                  </a:moveTo>
                  <a:lnTo>
                    <a:pt x="13716" y="0"/>
                  </a:lnTo>
                  <a:lnTo>
                    <a:pt x="13716" y="3048"/>
                  </a:lnTo>
                  <a:lnTo>
                    <a:pt x="24384" y="3048"/>
                  </a:lnTo>
                  <a:lnTo>
                    <a:pt x="24384" y="0"/>
                  </a:lnTo>
                  <a:close/>
                </a:path>
                <a:path w="969644" h="3175">
                  <a:moveTo>
                    <a:pt x="38100" y="0"/>
                  </a:moveTo>
                  <a:lnTo>
                    <a:pt x="27432" y="0"/>
                  </a:lnTo>
                  <a:lnTo>
                    <a:pt x="27432" y="3048"/>
                  </a:lnTo>
                  <a:lnTo>
                    <a:pt x="38100" y="3048"/>
                  </a:lnTo>
                  <a:lnTo>
                    <a:pt x="38100" y="0"/>
                  </a:lnTo>
                  <a:close/>
                </a:path>
                <a:path w="969644" h="3175">
                  <a:moveTo>
                    <a:pt x="51816" y="0"/>
                  </a:moveTo>
                  <a:lnTo>
                    <a:pt x="41148" y="0"/>
                  </a:lnTo>
                  <a:lnTo>
                    <a:pt x="41148" y="3048"/>
                  </a:lnTo>
                  <a:lnTo>
                    <a:pt x="51816" y="3048"/>
                  </a:lnTo>
                  <a:lnTo>
                    <a:pt x="51816" y="0"/>
                  </a:lnTo>
                  <a:close/>
                </a:path>
                <a:path w="969644" h="3175">
                  <a:moveTo>
                    <a:pt x="65532" y="0"/>
                  </a:moveTo>
                  <a:lnTo>
                    <a:pt x="54864" y="0"/>
                  </a:lnTo>
                  <a:lnTo>
                    <a:pt x="54864" y="3048"/>
                  </a:lnTo>
                  <a:lnTo>
                    <a:pt x="65532" y="3048"/>
                  </a:lnTo>
                  <a:lnTo>
                    <a:pt x="65532" y="0"/>
                  </a:lnTo>
                  <a:close/>
                </a:path>
                <a:path w="969644" h="3175">
                  <a:moveTo>
                    <a:pt x="79248" y="0"/>
                  </a:moveTo>
                  <a:lnTo>
                    <a:pt x="68580" y="0"/>
                  </a:lnTo>
                  <a:lnTo>
                    <a:pt x="68580" y="3048"/>
                  </a:lnTo>
                  <a:lnTo>
                    <a:pt x="79248" y="3048"/>
                  </a:lnTo>
                  <a:lnTo>
                    <a:pt x="79248" y="0"/>
                  </a:lnTo>
                  <a:close/>
                </a:path>
                <a:path w="969644" h="3175">
                  <a:moveTo>
                    <a:pt x="92964" y="0"/>
                  </a:moveTo>
                  <a:lnTo>
                    <a:pt x="82296" y="0"/>
                  </a:lnTo>
                  <a:lnTo>
                    <a:pt x="82296" y="3048"/>
                  </a:lnTo>
                  <a:lnTo>
                    <a:pt x="92964" y="3048"/>
                  </a:lnTo>
                  <a:lnTo>
                    <a:pt x="92964" y="0"/>
                  </a:lnTo>
                  <a:close/>
                </a:path>
                <a:path w="969644" h="3175">
                  <a:moveTo>
                    <a:pt x="106680" y="0"/>
                  </a:moveTo>
                  <a:lnTo>
                    <a:pt x="96012" y="0"/>
                  </a:lnTo>
                  <a:lnTo>
                    <a:pt x="96012" y="3048"/>
                  </a:lnTo>
                  <a:lnTo>
                    <a:pt x="106680" y="3048"/>
                  </a:lnTo>
                  <a:lnTo>
                    <a:pt x="106680" y="0"/>
                  </a:lnTo>
                  <a:close/>
                </a:path>
                <a:path w="969644" h="3175">
                  <a:moveTo>
                    <a:pt x="120396" y="0"/>
                  </a:moveTo>
                  <a:lnTo>
                    <a:pt x="109728" y="0"/>
                  </a:lnTo>
                  <a:lnTo>
                    <a:pt x="109728" y="3048"/>
                  </a:lnTo>
                  <a:lnTo>
                    <a:pt x="120396" y="3048"/>
                  </a:lnTo>
                  <a:lnTo>
                    <a:pt x="120396" y="0"/>
                  </a:lnTo>
                  <a:close/>
                </a:path>
                <a:path w="969644" h="3175">
                  <a:moveTo>
                    <a:pt x="134112" y="0"/>
                  </a:moveTo>
                  <a:lnTo>
                    <a:pt x="123444" y="0"/>
                  </a:lnTo>
                  <a:lnTo>
                    <a:pt x="123444" y="3048"/>
                  </a:lnTo>
                  <a:lnTo>
                    <a:pt x="134112" y="3048"/>
                  </a:lnTo>
                  <a:lnTo>
                    <a:pt x="134112" y="0"/>
                  </a:lnTo>
                  <a:close/>
                </a:path>
                <a:path w="969644" h="3175">
                  <a:moveTo>
                    <a:pt x="147828" y="0"/>
                  </a:moveTo>
                  <a:lnTo>
                    <a:pt x="137160" y="0"/>
                  </a:lnTo>
                  <a:lnTo>
                    <a:pt x="137160" y="3048"/>
                  </a:lnTo>
                  <a:lnTo>
                    <a:pt x="147828" y="3048"/>
                  </a:lnTo>
                  <a:lnTo>
                    <a:pt x="147828" y="0"/>
                  </a:lnTo>
                  <a:close/>
                </a:path>
                <a:path w="969644" h="3175">
                  <a:moveTo>
                    <a:pt x="161544" y="0"/>
                  </a:moveTo>
                  <a:lnTo>
                    <a:pt x="150876" y="0"/>
                  </a:lnTo>
                  <a:lnTo>
                    <a:pt x="150876" y="3048"/>
                  </a:lnTo>
                  <a:lnTo>
                    <a:pt x="161544" y="3048"/>
                  </a:lnTo>
                  <a:lnTo>
                    <a:pt x="161544" y="0"/>
                  </a:lnTo>
                  <a:close/>
                </a:path>
                <a:path w="969644" h="3175">
                  <a:moveTo>
                    <a:pt x="175260" y="0"/>
                  </a:moveTo>
                  <a:lnTo>
                    <a:pt x="164592" y="0"/>
                  </a:lnTo>
                  <a:lnTo>
                    <a:pt x="164592" y="3048"/>
                  </a:lnTo>
                  <a:lnTo>
                    <a:pt x="175260" y="3048"/>
                  </a:lnTo>
                  <a:lnTo>
                    <a:pt x="175260" y="0"/>
                  </a:lnTo>
                  <a:close/>
                </a:path>
                <a:path w="969644" h="3175">
                  <a:moveTo>
                    <a:pt x="188976" y="0"/>
                  </a:moveTo>
                  <a:lnTo>
                    <a:pt x="178308" y="0"/>
                  </a:lnTo>
                  <a:lnTo>
                    <a:pt x="178308" y="3048"/>
                  </a:lnTo>
                  <a:lnTo>
                    <a:pt x="188976" y="3048"/>
                  </a:lnTo>
                  <a:lnTo>
                    <a:pt x="188976" y="0"/>
                  </a:lnTo>
                  <a:close/>
                </a:path>
                <a:path w="969644" h="3175">
                  <a:moveTo>
                    <a:pt x="202692" y="0"/>
                  </a:moveTo>
                  <a:lnTo>
                    <a:pt x="192024" y="0"/>
                  </a:lnTo>
                  <a:lnTo>
                    <a:pt x="192024" y="3048"/>
                  </a:lnTo>
                  <a:lnTo>
                    <a:pt x="202692" y="3048"/>
                  </a:lnTo>
                  <a:lnTo>
                    <a:pt x="202692" y="0"/>
                  </a:lnTo>
                  <a:close/>
                </a:path>
                <a:path w="969644" h="3175">
                  <a:moveTo>
                    <a:pt x="216408" y="0"/>
                  </a:moveTo>
                  <a:lnTo>
                    <a:pt x="205740" y="0"/>
                  </a:lnTo>
                  <a:lnTo>
                    <a:pt x="205740" y="3048"/>
                  </a:lnTo>
                  <a:lnTo>
                    <a:pt x="216408" y="3048"/>
                  </a:lnTo>
                  <a:lnTo>
                    <a:pt x="216408" y="0"/>
                  </a:lnTo>
                  <a:close/>
                </a:path>
                <a:path w="969644" h="3175">
                  <a:moveTo>
                    <a:pt x="230124" y="0"/>
                  </a:moveTo>
                  <a:lnTo>
                    <a:pt x="219456" y="0"/>
                  </a:lnTo>
                  <a:lnTo>
                    <a:pt x="219456" y="3048"/>
                  </a:lnTo>
                  <a:lnTo>
                    <a:pt x="230124" y="3048"/>
                  </a:lnTo>
                  <a:lnTo>
                    <a:pt x="230124" y="0"/>
                  </a:lnTo>
                  <a:close/>
                </a:path>
                <a:path w="969644" h="3175">
                  <a:moveTo>
                    <a:pt x="243840" y="0"/>
                  </a:moveTo>
                  <a:lnTo>
                    <a:pt x="233172" y="0"/>
                  </a:lnTo>
                  <a:lnTo>
                    <a:pt x="233172" y="3048"/>
                  </a:lnTo>
                  <a:lnTo>
                    <a:pt x="243840" y="3048"/>
                  </a:lnTo>
                  <a:lnTo>
                    <a:pt x="243840" y="0"/>
                  </a:lnTo>
                  <a:close/>
                </a:path>
                <a:path w="969644" h="3175">
                  <a:moveTo>
                    <a:pt x="257556" y="0"/>
                  </a:moveTo>
                  <a:lnTo>
                    <a:pt x="246888" y="0"/>
                  </a:lnTo>
                  <a:lnTo>
                    <a:pt x="246888" y="3048"/>
                  </a:lnTo>
                  <a:lnTo>
                    <a:pt x="257556" y="3048"/>
                  </a:lnTo>
                  <a:lnTo>
                    <a:pt x="257556" y="0"/>
                  </a:lnTo>
                  <a:close/>
                </a:path>
                <a:path w="969644" h="3175">
                  <a:moveTo>
                    <a:pt x="271272" y="0"/>
                  </a:moveTo>
                  <a:lnTo>
                    <a:pt x="260604" y="0"/>
                  </a:lnTo>
                  <a:lnTo>
                    <a:pt x="260604" y="3048"/>
                  </a:lnTo>
                  <a:lnTo>
                    <a:pt x="271272" y="3048"/>
                  </a:lnTo>
                  <a:lnTo>
                    <a:pt x="271272" y="0"/>
                  </a:lnTo>
                  <a:close/>
                </a:path>
                <a:path w="969644" h="3175">
                  <a:moveTo>
                    <a:pt x="284988" y="0"/>
                  </a:moveTo>
                  <a:lnTo>
                    <a:pt x="274320" y="0"/>
                  </a:lnTo>
                  <a:lnTo>
                    <a:pt x="274320" y="3048"/>
                  </a:lnTo>
                  <a:lnTo>
                    <a:pt x="284988" y="3048"/>
                  </a:lnTo>
                  <a:lnTo>
                    <a:pt x="284988" y="0"/>
                  </a:lnTo>
                  <a:close/>
                </a:path>
                <a:path w="969644" h="3175">
                  <a:moveTo>
                    <a:pt x="298704" y="0"/>
                  </a:moveTo>
                  <a:lnTo>
                    <a:pt x="288036" y="0"/>
                  </a:lnTo>
                  <a:lnTo>
                    <a:pt x="288036" y="3048"/>
                  </a:lnTo>
                  <a:lnTo>
                    <a:pt x="298704" y="3048"/>
                  </a:lnTo>
                  <a:lnTo>
                    <a:pt x="298704" y="0"/>
                  </a:lnTo>
                  <a:close/>
                </a:path>
                <a:path w="969644" h="3175">
                  <a:moveTo>
                    <a:pt x="312420" y="0"/>
                  </a:moveTo>
                  <a:lnTo>
                    <a:pt x="301752" y="0"/>
                  </a:lnTo>
                  <a:lnTo>
                    <a:pt x="301752" y="3048"/>
                  </a:lnTo>
                  <a:lnTo>
                    <a:pt x="312420" y="3048"/>
                  </a:lnTo>
                  <a:lnTo>
                    <a:pt x="312420" y="0"/>
                  </a:lnTo>
                  <a:close/>
                </a:path>
                <a:path w="969644" h="3175">
                  <a:moveTo>
                    <a:pt x="326136" y="0"/>
                  </a:moveTo>
                  <a:lnTo>
                    <a:pt x="315468" y="0"/>
                  </a:lnTo>
                  <a:lnTo>
                    <a:pt x="315468" y="3048"/>
                  </a:lnTo>
                  <a:lnTo>
                    <a:pt x="326136" y="3048"/>
                  </a:lnTo>
                  <a:lnTo>
                    <a:pt x="326136" y="0"/>
                  </a:lnTo>
                  <a:close/>
                </a:path>
                <a:path w="969644" h="3175">
                  <a:moveTo>
                    <a:pt x="339852" y="0"/>
                  </a:moveTo>
                  <a:lnTo>
                    <a:pt x="329184" y="0"/>
                  </a:lnTo>
                  <a:lnTo>
                    <a:pt x="329184" y="3048"/>
                  </a:lnTo>
                  <a:lnTo>
                    <a:pt x="339852" y="3048"/>
                  </a:lnTo>
                  <a:lnTo>
                    <a:pt x="339852" y="0"/>
                  </a:lnTo>
                  <a:close/>
                </a:path>
                <a:path w="969644" h="3175">
                  <a:moveTo>
                    <a:pt x="353568" y="0"/>
                  </a:moveTo>
                  <a:lnTo>
                    <a:pt x="342900" y="0"/>
                  </a:lnTo>
                  <a:lnTo>
                    <a:pt x="342900" y="3048"/>
                  </a:lnTo>
                  <a:lnTo>
                    <a:pt x="353568" y="3048"/>
                  </a:lnTo>
                  <a:lnTo>
                    <a:pt x="353568" y="0"/>
                  </a:lnTo>
                  <a:close/>
                </a:path>
                <a:path w="969644" h="3175">
                  <a:moveTo>
                    <a:pt x="367284" y="0"/>
                  </a:moveTo>
                  <a:lnTo>
                    <a:pt x="356616" y="0"/>
                  </a:lnTo>
                  <a:lnTo>
                    <a:pt x="356616" y="3048"/>
                  </a:lnTo>
                  <a:lnTo>
                    <a:pt x="367284" y="3048"/>
                  </a:lnTo>
                  <a:lnTo>
                    <a:pt x="367284" y="0"/>
                  </a:lnTo>
                  <a:close/>
                </a:path>
                <a:path w="969644" h="3175">
                  <a:moveTo>
                    <a:pt x="381000" y="0"/>
                  </a:moveTo>
                  <a:lnTo>
                    <a:pt x="370332" y="0"/>
                  </a:lnTo>
                  <a:lnTo>
                    <a:pt x="370332" y="3048"/>
                  </a:lnTo>
                  <a:lnTo>
                    <a:pt x="381000" y="3048"/>
                  </a:lnTo>
                  <a:lnTo>
                    <a:pt x="381000" y="0"/>
                  </a:lnTo>
                  <a:close/>
                </a:path>
                <a:path w="969644" h="3175">
                  <a:moveTo>
                    <a:pt x="394716" y="0"/>
                  </a:moveTo>
                  <a:lnTo>
                    <a:pt x="384048" y="0"/>
                  </a:lnTo>
                  <a:lnTo>
                    <a:pt x="384048" y="3048"/>
                  </a:lnTo>
                  <a:lnTo>
                    <a:pt x="394716" y="3048"/>
                  </a:lnTo>
                  <a:lnTo>
                    <a:pt x="394716" y="0"/>
                  </a:lnTo>
                  <a:close/>
                </a:path>
                <a:path w="969644" h="3175">
                  <a:moveTo>
                    <a:pt x="408432" y="0"/>
                  </a:moveTo>
                  <a:lnTo>
                    <a:pt x="397764" y="0"/>
                  </a:lnTo>
                  <a:lnTo>
                    <a:pt x="397764" y="3048"/>
                  </a:lnTo>
                  <a:lnTo>
                    <a:pt x="408432" y="3048"/>
                  </a:lnTo>
                  <a:lnTo>
                    <a:pt x="408432" y="0"/>
                  </a:lnTo>
                  <a:close/>
                </a:path>
                <a:path w="969644" h="3175">
                  <a:moveTo>
                    <a:pt x="422148" y="0"/>
                  </a:moveTo>
                  <a:lnTo>
                    <a:pt x="411480" y="0"/>
                  </a:lnTo>
                  <a:lnTo>
                    <a:pt x="411480" y="3048"/>
                  </a:lnTo>
                  <a:lnTo>
                    <a:pt x="422148" y="3048"/>
                  </a:lnTo>
                  <a:lnTo>
                    <a:pt x="422148" y="0"/>
                  </a:lnTo>
                  <a:close/>
                </a:path>
                <a:path w="969644" h="3175">
                  <a:moveTo>
                    <a:pt x="435864" y="0"/>
                  </a:moveTo>
                  <a:lnTo>
                    <a:pt x="425196" y="0"/>
                  </a:lnTo>
                  <a:lnTo>
                    <a:pt x="425196" y="3048"/>
                  </a:lnTo>
                  <a:lnTo>
                    <a:pt x="435864" y="3048"/>
                  </a:lnTo>
                  <a:lnTo>
                    <a:pt x="435864" y="0"/>
                  </a:lnTo>
                  <a:close/>
                </a:path>
                <a:path w="969644" h="3175">
                  <a:moveTo>
                    <a:pt x="449580" y="0"/>
                  </a:moveTo>
                  <a:lnTo>
                    <a:pt x="438912" y="0"/>
                  </a:lnTo>
                  <a:lnTo>
                    <a:pt x="438912" y="3048"/>
                  </a:lnTo>
                  <a:lnTo>
                    <a:pt x="449580" y="3048"/>
                  </a:lnTo>
                  <a:lnTo>
                    <a:pt x="449580" y="0"/>
                  </a:lnTo>
                  <a:close/>
                </a:path>
                <a:path w="969644" h="3175">
                  <a:moveTo>
                    <a:pt x="463296" y="0"/>
                  </a:moveTo>
                  <a:lnTo>
                    <a:pt x="452628" y="0"/>
                  </a:lnTo>
                  <a:lnTo>
                    <a:pt x="452628" y="3048"/>
                  </a:lnTo>
                  <a:lnTo>
                    <a:pt x="463296" y="3048"/>
                  </a:lnTo>
                  <a:lnTo>
                    <a:pt x="463296" y="0"/>
                  </a:lnTo>
                  <a:close/>
                </a:path>
                <a:path w="969644" h="3175">
                  <a:moveTo>
                    <a:pt x="477012" y="0"/>
                  </a:moveTo>
                  <a:lnTo>
                    <a:pt x="466344" y="0"/>
                  </a:lnTo>
                  <a:lnTo>
                    <a:pt x="466344" y="3048"/>
                  </a:lnTo>
                  <a:lnTo>
                    <a:pt x="477012" y="3048"/>
                  </a:lnTo>
                  <a:lnTo>
                    <a:pt x="477012" y="0"/>
                  </a:lnTo>
                  <a:close/>
                </a:path>
                <a:path w="969644" h="3175">
                  <a:moveTo>
                    <a:pt x="490728" y="0"/>
                  </a:moveTo>
                  <a:lnTo>
                    <a:pt x="480060" y="0"/>
                  </a:lnTo>
                  <a:lnTo>
                    <a:pt x="480060" y="3048"/>
                  </a:lnTo>
                  <a:lnTo>
                    <a:pt x="490728" y="3048"/>
                  </a:lnTo>
                  <a:lnTo>
                    <a:pt x="490728" y="0"/>
                  </a:lnTo>
                  <a:close/>
                </a:path>
                <a:path w="969644" h="3175">
                  <a:moveTo>
                    <a:pt x="504444" y="0"/>
                  </a:moveTo>
                  <a:lnTo>
                    <a:pt x="493776" y="0"/>
                  </a:lnTo>
                  <a:lnTo>
                    <a:pt x="493776" y="3048"/>
                  </a:lnTo>
                  <a:lnTo>
                    <a:pt x="504444" y="3048"/>
                  </a:lnTo>
                  <a:lnTo>
                    <a:pt x="504444" y="0"/>
                  </a:lnTo>
                  <a:close/>
                </a:path>
                <a:path w="969644" h="3175">
                  <a:moveTo>
                    <a:pt x="518160" y="0"/>
                  </a:moveTo>
                  <a:lnTo>
                    <a:pt x="507492" y="0"/>
                  </a:lnTo>
                  <a:lnTo>
                    <a:pt x="507492" y="3048"/>
                  </a:lnTo>
                  <a:lnTo>
                    <a:pt x="518160" y="3048"/>
                  </a:lnTo>
                  <a:lnTo>
                    <a:pt x="518160" y="0"/>
                  </a:lnTo>
                  <a:close/>
                </a:path>
                <a:path w="969644" h="3175">
                  <a:moveTo>
                    <a:pt x="531876" y="0"/>
                  </a:moveTo>
                  <a:lnTo>
                    <a:pt x="521208" y="0"/>
                  </a:lnTo>
                  <a:lnTo>
                    <a:pt x="521208" y="3048"/>
                  </a:lnTo>
                  <a:lnTo>
                    <a:pt x="531876" y="3048"/>
                  </a:lnTo>
                  <a:lnTo>
                    <a:pt x="531876" y="0"/>
                  </a:lnTo>
                  <a:close/>
                </a:path>
                <a:path w="969644" h="3175">
                  <a:moveTo>
                    <a:pt x="545592" y="0"/>
                  </a:moveTo>
                  <a:lnTo>
                    <a:pt x="534924" y="0"/>
                  </a:lnTo>
                  <a:lnTo>
                    <a:pt x="534924" y="3048"/>
                  </a:lnTo>
                  <a:lnTo>
                    <a:pt x="545592" y="3048"/>
                  </a:lnTo>
                  <a:lnTo>
                    <a:pt x="545592" y="0"/>
                  </a:lnTo>
                  <a:close/>
                </a:path>
                <a:path w="969644" h="3175">
                  <a:moveTo>
                    <a:pt x="559308" y="0"/>
                  </a:moveTo>
                  <a:lnTo>
                    <a:pt x="548640" y="0"/>
                  </a:lnTo>
                  <a:lnTo>
                    <a:pt x="548640" y="3048"/>
                  </a:lnTo>
                  <a:lnTo>
                    <a:pt x="559308" y="3048"/>
                  </a:lnTo>
                  <a:lnTo>
                    <a:pt x="559308" y="0"/>
                  </a:lnTo>
                  <a:close/>
                </a:path>
                <a:path w="969644" h="3175">
                  <a:moveTo>
                    <a:pt x="573024" y="0"/>
                  </a:moveTo>
                  <a:lnTo>
                    <a:pt x="562356" y="0"/>
                  </a:lnTo>
                  <a:lnTo>
                    <a:pt x="562356" y="3048"/>
                  </a:lnTo>
                  <a:lnTo>
                    <a:pt x="573024" y="3048"/>
                  </a:lnTo>
                  <a:lnTo>
                    <a:pt x="573024" y="0"/>
                  </a:lnTo>
                  <a:close/>
                </a:path>
                <a:path w="969644" h="3175">
                  <a:moveTo>
                    <a:pt x="586740" y="0"/>
                  </a:moveTo>
                  <a:lnTo>
                    <a:pt x="576072" y="0"/>
                  </a:lnTo>
                  <a:lnTo>
                    <a:pt x="576072" y="3048"/>
                  </a:lnTo>
                  <a:lnTo>
                    <a:pt x="586740" y="3048"/>
                  </a:lnTo>
                  <a:lnTo>
                    <a:pt x="586740" y="0"/>
                  </a:lnTo>
                  <a:close/>
                </a:path>
                <a:path w="969644" h="3175">
                  <a:moveTo>
                    <a:pt x="600456" y="0"/>
                  </a:moveTo>
                  <a:lnTo>
                    <a:pt x="589788" y="0"/>
                  </a:lnTo>
                  <a:lnTo>
                    <a:pt x="589788" y="3048"/>
                  </a:lnTo>
                  <a:lnTo>
                    <a:pt x="600456" y="3048"/>
                  </a:lnTo>
                  <a:lnTo>
                    <a:pt x="600456" y="0"/>
                  </a:lnTo>
                  <a:close/>
                </a:path>
                <a:path w="969644" h="3175">
                  <a:moveTo>
                    <a:pt x="614172" y="0"/>
                  </a:moveTo>
                  <a:lnTo>
                    <a:pt x="603504" y="0"/>
                  </a:lnTo>
                  <a:lnTo>
                    <a:pt x="603504" y="3048"/>
                  </a:lnTo>
                  <a:lnTo>
                    <a:pt x="614172" y="3048"/>
                  </a:lnTo>
                  <a:lnTo>
                    <a:pt x="614172" y="0"/>
                  </a:lnTo>
                  <a:close/>
                </a:path>
                <a:path w="969644" h="3175">
                  <a:moveTo>
                    <a:pt x="627888" y="0"/>
                  </a:moveTo>
                  <a:lnTo>
                    <a:pt x="617220" y="0"/>
                  </a:lnTo>
                  <a:lnTo>
                    <a:pt x="617220" y="3048"/>
                  </a:lnTo>
                  <a:lnTo>
                    <a:pt x="627888" y="3048"/>
                  </a:lnTo>
                  <a:lnTo>
                    <a:pt x="627888" y="0"/>
                  </a:lnTo>
                  <a:close/>
                </a:path>
                <a:path w="969644" h="3175">
                  <a:moveTo>
                    <a:pt x="641604" y="0"/>
                  </a:moveTo>
                  <a:lnTo>
                    <a:pt x="630936" y="0"/>
                  </a:lnTo>
                  <a:lnTo>
                    <a:pt x="630936" y="3048"/>
                  </a:lnTo>
                  <a:lnTo>
                    <a:pt x="641604" y="3048"/>
                  </a:lnTo>
                  <a:lnTo>
                    <a:pt x="641604" y="0"/>
                  </a:lnTo>
                  <a:close/>
                </a:path>
                <a:path w="969644" h="3175">
                  <a:moveTo>
                    <a:pt x="655320" y="0"/>
                  </a:moveTo>
                  <a:lnTo>
                    <a:pt x="644652" y="0"/>
                  </a:lnTo>
                  <a:lnTo>
                    <a:pt x="644652" y="3048"/>
                  </a:lnTo>
                  <a:lnTo>
                    <a:pt x="655320" y="3048"/>
                  </a:lnTo>
                  <a:lnTo>
                    <a:pt x="655320" y="0"/>
                  </a:lnTo>
                  <a:close/>
                </a:path>
                <a:path w="969644" h="3175">
                  <a:moveTo>
                    <a:pt x="669036" y="0"/>
                  </a:moveTo>
                  <a:lnTo>
                    <a:pt x="658368" y="0"/>
                  </a:lnTo>
                  <a:lnTo>
                    <a:pt x="658368" y="3048"/>
                  </a:lnTo>
                  <a:lnTo>
                    <a:pt x="669036" y="3048"/>
                  </a:lnTo>
                  <a:lnTo>
                    <a:pt x="669036" y="0"/>
                  </a:lnTo>
                  <a:close/>
                </a:path>
                <a:path w="969644" h="3175">
                  <a:moveTo>
                    <a:pt x="682752" y="0"/>
                  </a:moveTo>
                  <a:lnTo>
                    <a:pt x="672084" y="0"/>
                  </a:lnTo>
                  <a:lnTo>
                    <a:pt x="672084" y="3048"/>
                  </a:lnTo>
                  <a:lnTo>
                    <a:pt x="682752" y="3048"/>
                  </a:lnTo>
                  <a:lnTo>
                    <a:pt x="682752" y="0"/>
                  </a:lnTo>
                  <a:close/>
                </a:path>
                <a:path w="969644" h="3175">
                  <a:moveTo>
                    <a:pt x="694944" y="0"/>
                  </a:moveTo>
                  <a:lnTo>
                    <a:pt x="685800" y="0"/>
                  </a:lnTo>
                  <a:lnTo>
                    <a:pt x="685800" y="3048"/>
                  </a:lnTo>
                  <a:lnTo>
                    <a:pt x="694944" y="3048"/>
                  </a:lnTo>
                  <a:lnTo>
                    <a:pt x="694944" y="0"/>
                  </a:lnTo>
                  <a:close/>
                </a:path>
                <a:path w="969644" h="3175">
                  <a:moveTo>
                    <a:pt x="708660" y="0"/>
                  </a:moveTo>
                  <a:lnTo>
                    <a:pt x="699516" y="0"/>
                  </a:lnTo>
                  <a:lnTo>
                    <a:pt x="699516" y="3048"/>
                  </a:lnTo>
                  <a:lnTo>
                    <a:pt x="708660" y="3048"/>
                  </a:lnTo>
                  <a:lnTo>
                    <a:pt x="708660" y="0"/>
                  </a:lnTo>
                  <a:close/>
                </a:path>
                <a:path w="969644" h="3175">
                  <a:moveTo>
                    <a:pt x="722376" y="0"/>
                  </a:moveTo>
                  <a:lnTo>
                    <a:pt x="713232" y="0"/>
                  </a:lnTo>
                  <a:lnTo>
                    <a:pt x="713232" y="3048"/>
                  </a:lnTo>
                  <a:lnTo>
                    <a:pt x="722376" y="3048"/>
                  </a:lnTo>
                  <a:lnTo>
                    <a:pt x="722376" y="0"/>
                  </a:lnTo>
                  <a:close/>
                </a:path>
                <a:path w="969644" h="3175">
                  <a:moveTo>
                    <a:pt x="736092" y="0"/>
                  </a:moveTo>
                  <a:lnTo>
                    <a:pt x="726948" y="0"/>
                  </a:lnTo>
                  <a:lnTo>
                    <a:pt x="726948" y="3048"/>
                  </a:lnTo>
                  <a:lnTo>
                    <a:pt x="736092" y="3048"/>
                  </a:lnTo>
                  <a:lnTo>
                    <a:pt x="736092" y="0"/>
                  </a:lnTo>
                  <a:close/>
                </a:path>
                <a:path w="969644" h="3175">
                  <a:moveTo>
                    <a:pt x="749808" y="0"/>
                  </a:moveTo>
                  <a:lnTo>
                    <a:pt x="740664" y="0"/>
                  </a:lnTo>
                  <a:lnTo>
                    <a:pt x="740664" y="3048"/>
                  </a:lnTo>
                  <a:lnTo>
                    <a:pt x="749808" y="3048"/>
                  </a:lnTo>
                  <a:lnTo>
                    <a:pt x="749808" y="0"/>
                  </a:lnTo>
                  <a:close/>
                </a:path>
                <a:path w="969644" h="3175">
                  <a:moveTo>
                    <a:pt x="763524" y="0"/>
                  </a:moveTo>
                  <a:lnTo>
                    <a:pt x="754380" y="0"/>
                  </a:lnTo>
                  <a:lnTo>
                    <a:pt x="754380" y="3048"/>
                  </a:lnTo>
                  <a:lnTo>
                    <a:pt x="763524" y="3048"/>
                  </a:lnTo>
                  <a:lnTo>
                    <a:pt x="763524" y="0"/>
                  </a:lnTo>
                  <a:close/>
                </a:path>
                <a:path w="969644" h="3175">
                  <a:moveTo>
                    <a:pt x="777240" y="0"/>
                  </a:moveTo>
                  <a:lnTo>
                    <a:pt x="768096" y="0"/>
                  </a:lnTo>
                  <a:lnTo>
                    <a:pt x="768096" y="3048"/>
                  </a:lnTo>
                  <a:lnTo>
                    <a:pt x="777240" y="3048"/>
                  </a:lnTo>
                  <a:lnTo>
                    <a:pt x="777240" y="0"/>
                  </a:lnTo>
                  <a:close/>
                </a:path>
                <a:path w="969644" h="3175">
                  <a:moveTo>
                    <a:pt x="790956" y="0"/>
                  </a:moveTo>
                  <a:lnTo>
                    <a:pt x="781812" y="0"/>
                  </a:lnTo>
                  <a:lnTo>
                    <a:pt x="781812" y="3048"/>
                  </a:lnTo>
                  <a:lnTo>
                    <a:pt x="790956" y="3048"/>
                  </a:lnTo>
                  <a:lnTo>
                    <a:pt x="790956" y="0"/>
                  </a:lnTo>
                  <a:close/>
                </a:path>
                <a:path w="969644" h="3175">
                  <a:moveTo>
                    <a:pt x="804672" y="0"/>
                  </a:moveTo>
                  <a:lnTo>
                    <a:pt x="795528" y="0"/>
                  </a:lnTo>
                  <a:lnTo>
                    <a:pt x="795528" y="3048"/>
                  </a:lnTo>
                  <a:lnTo>
                    <a:pt x="804672" y="3048"/>
                  </a:lnTo>
                  <a:lnTo>
                    <a:pt x="804672" y="0"/>
                  </a:lnTo>
                  <a:close/>
                </a:path>
                <a:path w="969644" h="3175">
                  <a:moveTo>
                    <a:pt x="818375" y="0"/>
                  </a:moveTo>
                  <a:lnTo>
                    <a:pt x="809244" y="0"/>
                  </a:lnTo>
                  <a:lnTo>
                    <a:pt x="809244" y="3048"/>
                  </a:lnTo>
                  <a:lnTo>
                    <a:pt x="818375" y="3048"/>
                  </a:lnTo>
                  <a:lnTo>
                    <a:pt x="818375" y="0"/>
                  </a:lnTo>
                  <a:close/>
                </a:path>
                <a:path w="969644" h="3175">
                  <a:moveTo>
                    <a:pt x="832104" y="0"/>
                  </a:moveTo>
                  <a:lnTo>
                    <a:pt x="822960" y="0"/>
                  </a:lnTo>
                  <a:lnTo>
                    <a:pt x="822960" y="3048"/>
                  </a:lnTo>
                  <a:lnTo>
                    <a:pt x="832104" y="3048"/>
                  </a:lnTo>
                  <a:lnTo>
                    <a:pt x="832104" y="0"/>
                  </a:lnTo>
                  <a:close/>
                </a:path>
                <a:path w="969644" h="3175">
                  <a:moveTo>
                    <a:pt x="845820" y="0"/>
                  </a:moveTo>
                  <a:lnTo>
                    <a:pt x="836676" y="0"/>
                  </a:lnTo>
                  <a:lnTo>
                    <a:pt x="836676" y="3048"/>
                  </a:lnTo>
                  <a:lnTo>
                    <a:pt x="845820" y="3048"/>
                  </a:lnTo>
                  <a:lnTo>
                    <a:pt x="845820" y="0"/>
                  </a:lnTo>
                  <a:close/>
                </a:path>
                <a:path w="969644" h="3175">
                  <a:moveTo>
                    <a:pt x="859536" y="0"/>
                  </a:moveTo>
                  <a:lnTo>
                    <a:pt x="850392" y="0"/>
                  </a:lnTo>
                  <a:lnTo>
                    <a:pt x="850392" y="3048"/>
                  </a:lnTo>
                  <a:lnTo>
                    <a:pt x="859536" y="3048"/>
                  </a:lnTo>
                  <a:lnTo>
                    <a:pt x="859536" y="0"/>
                  </a:lnTo>
                  <a:close/>
                </a:path>
                <a:path w="969644" h="3175">
                  <a:moveTo>
                    <a:pt x="873252" y="0"/>
                  </a:moveTo>
                  <a:lnTo>
                    <a:pt x="864108" y="0"/>
                  </a:lnTo>
                  <a:lnTo>
                    <a:pt x="864108" y="3048"/>
                  </a:lnTo>
                  <a:lnTo>
                    <a:pt x="873252" y="3048"/>
                  </a:lnTo>
                  <a:lnTo>
                    <a:pt x="873252" y="0"/>
                  </a:lnTo>
                  <a:close/>
                </a:path>
                <a:path w="969644" h="3175">
                  <a:moveTo>
                    <a:pt x="886968" y="0"/>
                  </a:moveTo>
                  <a:lnTo>
                    <a:pt x="877824" y="0"/>
                  </a:lnTo>
                  <a:lnTo>
                    <a:pt x="877824" y="3048"/>
                  </a:lnTo>
                  <a:lnTo>
                    <a:pt x="886968" y="3048"/>
                  </a:lnTo>
                  <a:lnTo>
                    <a:pt x="886968" y="0"/>
                  </a:lnTo>
                  <a:close/>
                </a:path>
                <a:path w="969644" h="3175">
                  <a:moveTo>
                    <a:pt x="900684" y="0"/>
                  </a:moveTo>
                  <a:lnTo>
                    <a:pt x="891540" y="0"/>
                  </a:lnTo>
                  <a:lnTo>
                    <a:pt x="891540" y="3048"/>
                  </a:lnTo>
                  <a:lnTo>
                    <a:pt x="900684" y="3048"/>
                  </a:lnTo>
                  <a:lnTo>
                    <a:pt x="900684" y="0"/>
                  </a:lnTo>
                  <a:close/>
                </a:path>
                <a:path w="969644" h="3175">
                  <a:moveTo>
                    <a:pt x="914400" y="0"/>
                  </a:moveTo>
                  <a:lnTo>
                    <a:pt x="905256" y="0"/>
                  </a:lnTo>
                  <a:lnTo>
                    <a:pt x="905256" y="3048"/>
                  </a:lnTo>
                  <a:lnTo>
                    <a:pt x="914400" y="3048"/>
                  </a:lnTo>
                  <a:lnTo>
                    <a:pt x="914400" y="0"/>
                  </a:lnTo>
                  <a:close/>
                </a:path>
                <a:path w="969644" h="3175">
                  <a:moveTo>
                    <a:pt x="928116" y="0"/>
                  </a:moveTo>
                  <a:lnTo>
                    <a:pt x="918972" y="0"/>
                  </a:lnTo>
                  <a:lnTo>
                    <a:pt x="918972" y="3048"/>
                  </a:lnTo>
                  <a:lnTo>
                    <a:pt x="928116" y="3048"/>
                  </a:lnTo>
                  <a:lnTo>
                    <a:pt x="928116" y="0"/>
                  </a:lnTo>
                  <a:close/>
                </a:path>
                <a:path w="969644" h="3175">
                  <a:moveTo>
                    <a:pt x="941832" y="0"/>
                  </a:moveTo>
                  <a:lnTo>
                    <a:pt x="932688" y="0"/>
                  </a:lnTo>
                  <a:lnTo>
                    <a:pt x="932688" y="3048"/>
                  </a:lnTo>
                  <a:lnTo>
                    <a:pt x="941832" y="3048"/>
                  </a:lnTo>
                  <a:lnTo>
                    <a:pt x="941832" y="0"/>
                  </a:lnTo>
                  <a:close/>
                </a:path>
                <a:path w="969644" h="3175">
                  <a:moveTo>
                    <a:pt x="955548" y="0"/>
                  </a:moveTo>
                  <a:lnTo>
                    <a:pt x="946404" y="0"/>
                  </a:lnTo>
                  <a:lnTo>
                    <a:pt x="946404" y="3048"/>
                  </a:lnTo>
                  <a:lnTo>
                    <a:pt x="955548" y="3048"/>
                  </a:lnTo>
                  <a:lnTo>
                    <a:pt x="955548" y="0"/>
                  </a:lnTo>
                  <a:close/>
                </a:path>
                <a:path w="969644" h="3175">
                  <a:moveTo>
                    <a:pt x="969264" y="0"/>
                  </a:moveTo>
                  <a:lnTo>
                    <a:pt x="960120" y="0"/>
                  </a:lnTo>
                  <a:lnTo>
                    <a:pt x="960120" y="3048"/>
                  </a:lnTo>
                  <a:lnTo>
                    <a:pt x="969264" y="3048"/>
                  </a:lnTo>
                  <a:lnTo>
                    <a:pt x="969264" y="0"/>
                  </a:lnTo>
                  <a:close/>
                </a:path>
              </a:pathLst>
            </a:custGeom>
            <a:solidFill>
              <a:srgbClr val="000000"/>
            </a:solidFill>
          </p:spPr>
          <p:txBody>
            <a:bodyPr wrap="square" lIns="0" tIns="0" rIns="0" bIns="0" rtlCol="0"/>
            <a:lstStyle/>
            <a:p>
              <a:endParaRPr sz="1539"/>
            </a:p>
          </p:txBody>
        </p:sp>
        <p:sp>
          <p:nvSpPr>
            <p:cNvPr id="88" name="object 88"/>
            <p:cNvSpPr/>
            <p:nvPr/>
          </p:nvSpPr>
          <p:spPr>
            <a:xfrm>
              <a:off x="1805940" y="2139695"/>
              <a:ext cx="969644" cy="3175"/>
            </a:xfrm>
            <a:custGeom>
              <a:avLst/>
              <a:gdLst/>
              <a:ahLst/>
              <a:cxnLst/>
              <a:rect l="l" t="t" r="r" b="b"/>
              <a:pathLst>
                <a:path w="969644" h="3175">
                  <a:moveTo>
                    <a:pt x="9144" y="0"/>
                  </a:moveTo>
                  <a:lnTo>
                    <a:pt x="0" y="0"/>
                  </a:lnTo>
                  <a:lnTo>
                    <a:pt x="0" y="3048"/>
                  </a:lnTo>
                  <a:lnTo>
                    <a:pt x="9144" y="3048"/>
                  </a:lnTo>
                  <a:lnTo>
                    <a:pt x="9144" y="0"/>
                  </a:lnTo>
                  <a:close/>
                </a:path>
                <a:path w="969644" h="3175">
                  <a:moveTo>
                    <a:pt x="22860" y="0"/>
                  </a:moveTo>
                  <a:lnTo>
                    <a:pt x="13716" y="0"/>
                  </a:lnTo>
                  <a:lnTo>
                    <a:pt x="13716" y="3048"/>
                  </a:lnTo>
                  <a:lnTo>
                    <a:pt x="22860" y="3048"/>
                  </a:lnTo>
                  <a:lnTo>
                    <a:pt x="22860" y="0"/>
                  </a:lnTo>
                  <a:close/>
                </a:path>
                <a:path w="969644" h="3175">
                  <a:moveTo>
                    <a:pt x="36576" y="0"/>
                  </a:moveTo>
                  <a:lnTo>
                    <a:pt x="27432" y="0"/>
                  </a:lnTo>
                  <a:lnTo>
                    <a:pt x="27432" y="3048"/>
                  </a:lnTo>
                  <a:lnTo>
                    <a:pt x="36576" y="3048"/>
                  </a:lnTo>
                  <a:lnTo>
                    <a:pt x="36576" y="0"/>
                  </a:lnTo>
                  <a:close/>
                </a:path>
                <a:path w="969644" h="3175">
                  <a:moveTo>
                    <a:pt x="50292" y="0"/>
                  </a:moveTo>
                  <a:lnTo>
                    <a:pt x="41148" y="0"/>
                  </a:lnTo>
                  <a:lnTo>
                    <a:pt x="41148" y="3048"/>
                  </a:lnTo>
                  <a:lnTo>
                    <a:pt x="50292" y="3048"/>
                  </a:lnTo>
                  <a:lnTo>
                    <a:pt x="50292" y="0"/>
                  </a:lnTo>
                  <a:close/>
                </a:path>
                <a:path w="969644" h="3175">
                  <a:moveTo>
                    <a:pt x="64008" y="0"/>
                  </a:moveTo>
                  <a:lnTo>
                    <a:pt x="54864" y="0"/>
                  </a:lnTo>
                  <a:lnTo>
                    <a:pt x="54864" y="3048"/>
                  </a:lnTo>
                  <a:lnTo>
                    <a:pt x="64008" y="3048"/>
                  </a:lnTo>
                  <a:lnTo>
                    <a:pt x="64008" y="0"/>
                  </a:lnTo>
                  <a:close/>
                </a:path>
                <a:path w="969644" h="3175">
                  <a:moveTo>
                    <a:pt x="77724" y="0"/>
                  </a:moveTo>
                  <a:lnTo>
                    <a:pt x="68580" y="0"/>
                  </a:lnTo>
                  <a:lnTo>
                    <a:pt x="68580" y="3048"/>
                  </a:lnTo>
                  <a:lnTo>
                    <a:pt x="77724" y="3048"/>
                  </a:lnTo>
                  <a:lnTo>
                    <a:pt x="77724" y="0"/>
                  </a:lnTo>
                  <a:close/>
                </a:path>
                <a:path w="969644" h="3175">
                  <a:moveTo>
                    <a:pt x="91440" y="0"/>
                  </a:moveTo>
                  <a:lnTo>
                    <a:pt x="82296" y="0"/>
                  </a:lnTo>
                  <a:lnTo>
                    <a:pt x="82296" y="3048"/>
                  </a:lnTo>
                  <a:lnTo>
                    <a:pt x="91440" y="3048"/>
                  </a:lnTo>
                  <a:lnTo>
                    <a:pt x="91440" y="0"/>
                  </a:lnTo>
                  <a:close/>
                </a:path>
                <a:path w="969644" h="3175">
                  <a:moveTo>
                    <a:pt x="105156" y="0"/>
                  </a:moveTo>
                  <a:lnTo>
                    <a:pt x="96012" y="0"/>
                  </a:lnTo>
                  <a:lnTo>
                    <a:pt x="96012" y="3048"/>
                  </a:lnTo>
                  <a:lnTo>
                    <a:pt x="105156" y="3048"/>
                  </a:lnTo>
                  <a:lnTo>
                    <a:pt x="105156" y="0"/>
                  </a:lnTo>
                  <a:close/>
                </a:path>
                <a:path w="969644" h="3175">
                  <a:moveTo>
                    <a:pt x="118872" y="0"/>
                  </a:moveTo>
                  <a:lnTo>
                    <a:pt x="109728" y="0"/>
                  </a:lnTo>
                  <a:lnTo>
                    <a:pt x="109728" y="3048"/>
                  </a:lnTo>
                  <a:lnTo>
                    <a:pt x="118872" y="3048"/>
                  </a:lnTo>
                  <a:lnTo>
                    <a:pt x="118872" y="0"/>
                  </a:lnTo>
                  <a:close/>
                </a:path>
                <a:path w="969644" h="3175">
                  <a:moveTo>
                    <a:pt x="132588" y="0"/>
                  </a:moveTo>
                  <a:lnTo>
                    <a:pt x="123444" y="0"/>
                  </a:lnTo>
                  <a:lnTo>
                    <a:pt x="123444" y="3048"/>
                  </a:lnTo>
                  <a:lnTo>
                    <a:pt x="132588" y="3048"/>
                  </a:lnTo>
                  <a:lnTo>
                    <a:pt x="132588" y="0"/>
                  </a:lnTo>
                  <a:close/>
                </a:path>
                <a:path w="969644" h="3175">
                  <a:moveTo>
                    <a:pt x="146304" y="0"/>
                  </a:moveTo>
                  <a:lnTo>
                    <a:pt x="137160" y="0"/>
                  </a:lnTo>
                  <a:lnTo>
                    <a:pt x="137160" y="3048"/>
                  </a:lnTo>
                  <a:lnTo>
                    <a:pt x="146304" y="3048"/>
                  </a:lnTo>
                  <a:lnTo>
                    <a:pt x="146304" y="0"/>
                  </a:lnTo>
                  <a:close/>
                </a:path>
                <a:path w="969644" h="3175">
                  <a:moveTo>
                    <a:pt x="160020" y="0"/>
                  </a:moveTo>
                  <a:lnTo>
                    <a:pt x="150876" y="0"/>
                  </a:lnTo>
                  <a:lnTo>
                    <a:pt x="150876" y="3048"/>
                  </a:lnTo>
                  <a:lnTo>
                    <a:pt x="160020" y="3048"/>
                  </a:lnTo>
                  <a:lnTo>
                    <a:pt x="160020" y="0"/>
                  </a:lnTo>
                  <a:close/>
                </a:path>
                <a:path w="969644" h="3175">
                  <a:moveTo>
                    <a:pt x="173736" y="0"/>
                  </a:moveTo>
                  <a:lnTo>
                    <a:pt x="164592" y="0"/>
                  </a:lnTo>
                  <a:lnTo>
                    <a:pt x="164592" y="3048"/>
                  </a:lnTo>
                  <a:lnTo>
                    <a:pt x="173736" y="3048"/>
                  </a:lnTo>
                  <a:lnTo>
                    <a:pt x="173736" y="0"/>
                  </a:lnTo>
                  <a:close/>
                </a:path>
                <a:path w="969644" h="3175">
                  <a:moveTo>
                    <a:pt x="187452" y="0"/>
                  </a:moveTo>
                  <a:lnTo>
                    <a:pt x="178308" y="0"/>
                  </a:lnTo>
                  <a:lnTo>
                    <a:pt x="178308" y="3048"/>
                  </a:lnTo>
                  <a:lnTo>
                    <a:pt x="187452" y="3048"/>
                  </a:lnTo>
                  <a:lnTo>
                    <a:pt x="187452" y="0"/>
                  </a:lnTo>
                  <a:close/>
                </a:path>
                <a:path w="969644" h="3175">
                  <a:moveTo>
                    <a:pt x="201168" y="0"/>
                  </a:moveTo>
                  <a:lnTo>
                    <a:pt x="192024" y="0"/>
                  </a:lnTo>
                  <a:lnTo>
                    <a:pt x="192024" y="3048"/>
                  </a:lnTo>
                  <a:lnTo>
                    <a:pt x="201168" y="3048"/>
                  </a:lnTo>
                  <a:lnTo>
                    <a:pt x="201168" y="0"/>
                  </a:lnTo>
                  <a:close/>
                </a:path>
                <a:path w="969644" h="3175">
                  <a:moveTo>
                    <a:pt x="214884" y="0"/>
                  </a:moveTo>
                  <a:lnTo>
                    <a:pt x="205740" y="0"/>
                  </a:lnTo>
                  <a:lnTo>
                    <a:pt x="205740" y="3048"/>
                  </a:lnTo>
                  <a:lnTo>
                    <a:pt x="214884" y="3048"/>
                  </a:lnTo>
                  <a:lnTo>
                    <a:pt x="214884" y="0"/>
                  </a:lnTo>
                  <a:close/>
                </a:path>
                <a:path w="969644" h="3175">
                  <a:moveTo>
                    <a:pt x="228600" y="0"/>
                  </a:moveTo>
                  <a:lnTo>
                    <a:pt x="219456" y="0"/>
                  </a:lnTo>
                  <a:lnTo>
                    <a:pt x="219456" y="3048"/>
                  </a:lnTo>
                  <a:lnTo>
                    <a:pt x="228600" y="3048"/>
                  </a:lnTo>
                  <a:lnTo>
                    <a:pt x="228600" y="0"/>
                  </a:lnTo>
                  <a:close/>
                </a:path>
                <a:path w="969644" h="3175">
                  <a:moveTo>
                    <a:pt x="242316" y="0"/>
                  </a:moveTo>
                  <a:lnTo>
                    <a:pt x="233172" y="0"/>
                  </a:lnTo>
                  <a:lnTo>
                    <a:pt x="233172" y="3048"/>
                  </a:lnTo>
                  <a:lnTo>
                    <a:pt x="242316" y="3048"/>
                  </a:lnTo>
                  <a:lnTo>
                    <a:pt x="242316" y="0"/>
                  </a:lnTo>
                  <a:close/>
                </a:path>
                <a:path w="969644" h="3175">
                  <a:moveTo>
                    <a:pt x="256032" y="0"/>
                  </a:moveTo>
                  <a:lnTo>
                    <a:pt x="246888" y="0"/>
                  </a:lnTo>
                  <a:lnTo>
                    <a:pt x="246888" y="3048"/>
                  </a:lnTo>
                  <a:lnTo>
                    <a:pt x="256032" y="3048"/>
                  </a:lnTo>
                  <a:lnTo>
                    <a:pt x="256032" y="0"/>
                  </a:lnTo>
                  <a:close/>
                </a:path>
                <a:path w="969644" h="3175">
                  <a:moveTo>
                    <a:pt x="269748" y="0"/>
                  </a:moveTo>
                  <a:lnTo>
                    <a:pt x="260604" y="0"/>
                  </a:lnTo>
                  <a:lnTo>
                    <a:pt x="260604" y="3048"/>
                  </a:lnTo>
                  <a:lnTo>
                    <a:pt x="269748" y="3048"/>
                  </a:lnTo>
                  <a:lnTo>
                    <a:pt x="269748" y="0"/>
                  </a:lnTo>
                  <a:close/>
                </a:path>
                <a:path w="969644" h="3175">
                  <a:moveTo>
                    <a:pt x="283464" y="0"/>
                  </a:moveTo>
                  <a:lnTo>
                    <a:pt x="274320" y="0"/>
                  </a:lnTo>
                  <a:lnTo>
                    <a:pt x="274320" y="3048"/>
                  </a:lnTo>
                  <a:lnTo>
                    <a:pt x="283464" y="3048"/>
                  </a:lnTo>
                  <a:lnTo>
                    <a:pt x="283464" y="0"/>
                  </a:lnTo>
                  <a:close/>
                </a:path>
                <a:path w="969644" h="3175">
                  <a:moveTo>
                    <a:pt x="297180" y="0"/>
                  </a:moveTo>
                  <a:lnTo>
                    <a:pt x="288036" y="0"/>
                  </a:lnTo>
                  <a:lnTo>
                    <a:pt x="288036" y="3048"/>
                  </a:lnTo>
                  <a:lnTo>
                    <a:pt x="297180" y="3048"/>
                  </a:lnTo>
                  <a:lnTo>
                    <a:pt x="297180" y="0"/>
                  </a:lnTo>
                  <a:close/>
                </a:path>
                <a:path w="969644" h="3175">
                  <a:moveTo>
                    <a:pt x="310896" y="0"/>
                  </a:moveTo>
                  <a:lnTo>
                    <a:pt x="301752" y="0"/>
                  </a:lnTo>
                  <a:lnTo>
                    <a:pt x="301752" y="3048"/>
                  </a:lnTo>
                  <a:lnTo>
                    <a:pt x="310896" y="3048"/>
                  </a:lnTo>
                  <a:lnTo>
                    <a:pt x="310896" y="0"/>
                  </a:lnTo>
                  <a:close/>
                </a:path>
                <a:path w="969644" h="3175">
                  <a:moveTo>
                    <a:pt x="324612" y="0"/>
                  </a:moveTo>
                  <a:lnTo>
                    <a:pt x="315468" y="0"/>
                  </a:lnTo>
                  <a:lnTo>
                    <a:pt x="315468" y="3048"/>
                  </a:lnTo>
                  <a:lnTo>
                    <a:pt x="324612" y="3048"/>
                  </a:lnTo>
                  <a:lnTo>
                    <a:pt x="324612" y="0"/>
                  </a:lnTo>
                  <a:close/>
                </a:path>
                <a:path w="969644" h="3175">
                  <a:moveTo>
                    <a:pt x="338328" y="0"/>
                  </a:moveTo>
                  <a:lnTo>
                    <a:pt x="329184" y="0"/>
                  </a:lnTo>
                  <a:lnTo>
                    <a:pt x="329184" y="3048"/>
                  </a:lnTo>
                  <a:lnTo>
                    <a:pt x="338328" y="3048"/>
                  </a:lnTo>
                  <a:lnTo>
                    <a:pt x="338328" y="0"/>
                  </a:lnTo>
                  <a:close/>
                </a:path>
                <a:path w="969644" h="3175">
                  <a:moveTo>
                    <a:pt x="352044" y="0"/>
                  </a:moveTo>
                  <a:lnTo>
                    <a:pt x="342900" y="0"/>
                  </a:lnTo>
                  <a:lnTo>
                    <a:pt x="342900" y="3048"/>
                  </a:lnTo>
                  <a:lnTo>
                    <a:pt x="352044" y="3048"/>
                  </a:lnTo>
                  <a:lnTo>
                    <a:pt x="352044" y="0"/>
                  </a:lnTo>
                  <a:close/>
                </a:path>
                <a:path w="969644" h="3175">
                  <a:moveTo>
                    <a:pt x="365760" y="0"/>
                  </a:moveTo>
                  <a:lnTo>
                    <a:pt x="355092" y="0"/>
                  </a:lnTo>
                  <a:lnTo>
                    <a:pt x="355092" y="3048"/>
                  </a:lnTo>
                  <a:lnTo>
                    <a:pt x="365760" y="3048"/>
                  </a:lnTo>
                  <a:lnTo>
                    <a:pt x="365760" y="0"/>
                  </a:lnTo>
                  <a:close/>
                </a:path>
                <a:path w="969644" h="3175">
                  <a:moveTo>
                    <a:pt x="379476" y="0"/>
                  </a:moveTo>
                  <a:lnTo>
                    <a:pt x="368808" y="0"/>
                  </a:lnTo>
                  <a:lnTo>
                    <a:pt x="368808" y="3048"/>
                  </a:lnTo>
                  <a:lnTo>
                    <a:pt x="379476" y="3048"/>
                  </a:lnTo>
                  <a:lnTo>
                    <a:pt x="379476" y="0"/>
                  </a:lnTo>
                  <a:close/>
                </a:path>
                <a:path w="969644" h="3175">
                  <a:moveTo>
                    <a:pt x="393192" y="0"/>
                  </a:moveTo>
                  <a:lnTo>
                    <a:pt x="382524" y="0"/>
                  </a:lnTo>
                  <a:lnTo>
                    <a:pt x="382524" y="3048"/>
                  </a:lnTo>
                  <a:lnTo>
                    <a:pt x="393192" y="3048"/>
                  </a:lnTo>
                  <a:lnTo>
                    <a:pt x="393192" y="0"/>
                  </a:lnTo>
                  <a:close/>
                </a:path>
                <a:path w="969644" h="3175">
                  <a:moveTo>
                    <a:pt x="406908" y="0"/>
                  </a:moveTo>
                  <a:lnTo>
                    <a:pt x="396240" y="0"/>
                  </a:lnTo>
                  <a:lnTo>
                    <a:pt x="396240" y="3048"/>
                  </a:lnTo>
                  <a:lnTo>
                    <a:pt x="406908" y="3048"/>
                  </a:lnTo>
                  <a:lnTo>
                    <a:pt x="406908" y="0"/>
                  </a:lnTo>
                  <a:close/>
                </a:path>
                <a:path w="969644" h="3175">
                  <a:moveTo>
                    <a:pt x="420624" y="0"/>
                  </a:moveTo>
                  <a:lnTo>
                    <a:pt x="409956" y="0"/>
                  </a:lnTo>
                  <a:lnTo>
                    <a:pt x="409956" y="3048"/>
                  </a:lnTo>
                  <a:lnTo>
                    <a:pt x="420624" y="3048"/>
                  </a:lnTo>
                  <a:lnTo>
                    <a:pt x="420624" y="0"/>
                  </a:lnTo>
                  <a:close/>
                </a:path>
                <a:path w="969644" h="3175">
                  <a:moveTo>
                    <a:pt x="434340" y="0"/>
                  </a:moveTo>
                  <a:lnTo>
                    <a:pt x="423672" y="0"/>
                  </a:lnTo>
                  <a:lnTo>
                    <a:pt x="423672" y="3048"/>
                  </a:lnTo>
                  <a:lnTo>
                    <a:pt x="434340" y="3048"/>
                  </a:lnTo>
                  <a:lnTo>
                    <a:pt x="434340" y="0"/>
                  </a:lnTo>
                  <a:close/>
                </a:path>
                <a:path w="969644" h="3175">
                  <a:moveTo>
                    <a:pt x="448056" y="0"/>
                  </a:moveTo>
                  <a:lnTo>
                    <a:pt x="437388" y="0"/>
                  </a:lnTo>
                  <a:lnTo>
                    <a:pt x="437388" y="3048"/>
                  </a:lnTo>
                  <a:lnTo>
                    <a:pt x="448056" y="3048"/>
                  </a:lnTo>
                  <a:lnTo>
                    <a:pt x="448056" y="0"/>
                  </a:lnTo>
                  <a:close/>
                </a:path>
                <a:path w="969644" h="3175">
                  <a:moveTo>
                    <a:pt x="461772" y="0"/>
                  </a:moveTo>
                  <a:lnTo>
                    <a:pt x="451104" y="0"/>
                  </a:lnTo>
                  <a:lnTo>
                    <a:pt x="451104" y="3048"/>
                  </a:lnTo>
                  <a:lnTo>
                    <a:pt x="461772" y="3048"/>
                  </a:lnTo>
                  <a:lnTo>
                    <a:pt x="461772" y="0"/>
                  </a:lnTo>
                  <a:close/>
                </a:path>
                <a:path w="969644" h="3175">
                  <a:moveTo>
                    <a:pt x="475488" y="0"/>
                  </a:moveTo>
                  <a:lnTo>
                    <a:pt x="464820" y="0"/>
                  </a:lnTo>
                  <a:lnTo>
                    <a:pt x="464820" y="3048"/>
                  </a:lnTo>
                  <a:lnTo>
                    <a:pt x="475488" y="3048"/>
                  </a:lnTo>
                  <a:lnTo>
                    <a:pt x="475488" y="0"/>
                  </a:lnTo>
                  <a:close/>
                </a:path>
                <a:path w="969644" h="3175">
                  <a:moveTo>
                    <a:pt x="489204" y="0"/>
                  </a:moveTo>
                  <a:lnTo>
                    <a:pt x="478536" y="0"/>
                  </a:lnTo>
                  <a:lnTo>
                    <a:pt x="478536" y="3048"/>
                  </a:lnTo>
                  <a:lnTo>
                    <a:pt x="489204" y="3048"/>
                  </a:lnTo>
                  <a:lnTo>
                    <a:pt x="489204" y="0"/>
                  </a:lnTo>
                  <a:close/>
                </a:path>
                <a:path w="969644" h="3175">
                  <a:moveTo>
                    <a:pt x="502920" y="0"/>
                  </a:moveTo>
                  <a:lnTo>
                    <a:pt x="492252" y="0"/>
                  </a:lnTo>
                  <a:lnTo>
                    <a:pt x="492252" y="3048"/>
                  </a:lnTo>
                  <a:lnTo>
                    <a:pt x="502920" y="3048"/>
                  </a:lnTo>
                  <a:lnTo>
                    <a:pt x="502920" y="0"/>
                  </a:lnTo>
                  <a:close/>
                </a:path>
                <a:path w="969644" h="3175">
                  <a:moveTo>
                    <a:pt x="516636" y="0"/>
                  </a:moveTo>
                  <a:lnTo>
                    <a:pt x="505968" y="0"/>
                  </a:lnTo>
                  <a:lnTo>
                    <a:pt x="505968" y="3048"/>
                  </a:lnTo>
                  <a:lnTo>
                    <a:pt x="516636" y="3048"/>
                  </a:lnTo>
                  <a:lnTo>
                    <a:pt x="516636" y="0"/>
                  </a:lnTo>
                  <a:close/>
                </a:path>
                <a:path w="969644" h="3175">
                  <a:moveTo>
                    <a:pt x="530352" y="0"/>
                  </a:moveTo>
                  <a:lnTo>
                    <a:pt x="519684" y="0"/>
                  </a:lnTo>
                  <a:lnTo>
                    <a:pt x="519684" y="3048"/>
                  </a:lnTo>
                  <a:lnTo>
                    <a:pt x="530352" y="3048"/>
                  </a:lnTo>
                  <a:lnTo>
                    <a:pt x="530352" y="0"/>
                  </a:lnTo>
                  <a:close/>
                </a:path>
                <a:path w="969644" h="3175">
                  <a:moveTo>
                    <a:pt x="544068" y="0"/>
                  </a:moveTo>
                  <a:lnTo>
                    <a:pt x="533400" y="0"/>
                  </a:lnTo>
                  <a:lnTo>
                    <a:pt x="533400" y="3048"/>
                  </a:lnTo>
                  <a:lnTo>
                    <a:pt x="544068" y="3048"/>
                  </a:lnTo>
                  <a:lnTo>
                    <a:pt x="544068" y="0"/>
                  </a:lnTo>
                  <a:close/>
                </a:path>
                <a:path w="969644" h="3175">
                  <a:moveTo>
                    <a:pt x="557784" y="0"/>
                  </a:moveTo>
                  <a:lnTo>
                    <a:pt x="547116" y="0"/>
                  </a:lnTo>
                  <a:lnTo>
                    <a:pt x="547116" y="3048"/>
                  </a:lnTo>
                  <a:lnTo>
                    <a:pt x="557784" y="3048"/>
                  </a:lnTo>
                  <a:lnTo>
                    <a:pt x="557784" y="0"/>
                  </a:lnTo>
                  <a:close/>
                </a:path>
                <a:path w="969644" h="3175">
                  <a:moveTo>
                    <a:pt x="571500" y="0"/>
                  </a:moveTo>
                  <a:lnTo>
                    <a:pt x="560832" y="0"/>
                  </a:lnTo>
                  <a:lnTo>
                    <a:pt x="560832" y="3048"/>
                  </a:lnTo>
                  <a:lnTo>
                    <a:pt x="571500" y="3048"/>
                  </a:lnTo>
                  <a:lnTo>
                    <a:pt x="571500" y="0"/>
                  </a:lnTo>
                  <a:close/>
                </a:path>
                <a:path w="969644" h="3175">
                  <a:moveTo>
                    <a:pt x="585216" y="0"/>
                  </a:moveTo>
                  <a:lnTo>
                    <a:pt x="574548" y="0"/>
                  </a:lnTo>
                  <a:lnTo>
                    <a:pt x="574548" y="3048"/>
                  </a:lnTo>
                  <a:lnTo>
                    <a:pt x="585216" y="3048"/>
                  </a:lnTo>
                  <a:lnTo>
                    <a:pt x="585216" y="0"/>
                  </a:lnTo>
                  <a:close/>
                </a:path>
                <a:path w="969644" h="3175">
                  <a:moveTo>
                    <a:pt x="598932" y="0"/>
                  </a:moveTo>
                  <a:lnTo>
                    <a:pt x="588264" y="0"/>
                  </a:lnTo>
                  <a:lnTo>
                    <a:pt x="588264" y="3048"/>
                  </a:lnTo>
                  <a:lnTo>
                    <a:pt x="598932" y="3048"/>
                  </a:lnTo>
                  <a:lnTo>
                    <a:pt x="598932" y="0"/>
                  </a:lnTo>
                  <a:close/>
                </a:path>
                <a:path w="969644" h="3175">
                  <a:moveTo>
                    <a:pt x="612648" y="0"/>
                  </a:moveTo>
                  <a:lnTo>
                    <a:pt x="601980" y="0"/>
                  </a:lnTo>
                  <a:lnTo>
                    <a:pt x="601980" y="3048"/>
                  </a:lnTo>
                  <a:lnTo>
                    <a:pt x="612648" y="3048"/>
                  </a:lnTo>
                  <a:lnTo>
                    <a:pt x="612648" y="0"/>
                  </a:lnTo>
                  <a:close/>
                </a:path>
                <a:path w="969644" h="3175">
                  <a:moveTo>
                    <a:pt x="626364" y="0"/>
                  </a:moveTo>
                  <a:lnTo>
                    <a:pt x="615696" y="0"/>
                  </a:lnTo>
                  <a:lnTo>
                    <a:pt x="615696" y="3048"/>
                  </a:lnTo>
                  <a:lnTo>
                    <a:pt x="626364" y="3048"/>
                  </a:lnTo>
                  <a:lnTo>
                    <a:pt x="626364" y="0"/>
                  </a:lnTo>
                  <a:close/>
                </a:path>
                <a:path w="969644" h="3175">
                  <a:moveTo>
                    <a:pt x="640080" y="0"/>
                  </a:moveTo>
                  <a:lnTo>
                    <a:pt x="629412" y="0"/>
                  </a:lnTo>
                  <a:lnTo>
                    <a:pt x="629412" y="3048"/>
                  </a:lnTo>
                  <a:lnTo>
                    <a:pt x="640080" y="3048"/>
                  </a:lnTo>
                  <a:lnTo>
                    <a:pt x="640080" y="0"/>
                  </a:lnTo>
                  <a:close/>
                </a:path>
                <a:path w="969644" h="3175">
                  <a:moveTo>
                    <a:pt x="653796" y="0"/>
                  </a:moveTo>
                  <a:lnTo>
                    <a:pt x="643128" y="0"/>
                  </a:lnTo>
                  <a:lnTo>
                    <a:pt x="643128" y="3048"/>
                  </a:lnTo>
                  <a:lnTo>
                    <a:pt x="653796" y="3048"/>
                  </a:lnTo>
                  <a:lnTo>
                    <a:pt x="653796" y="0"/>
                  </a:lnTo>
                  <a:close/>
                </a:path>
                <a:path w="969644" h="3175">
                  <a:moveTo>
                    <a:pt x="667512" y="0"/>
                  </a:moveTo>
                  <a:lnTo>
                    <a:pt x="656844" y="0"/>
                  </a:lnTo>
                  <a:lnTo>
                    <a:pt x="656844" y="3048"/>
                  </a:lnTo>
                  <a:lnTo>
                    <a:pt x="667512" y="3048"/>
                  </a:lnTo>
                  <a:lnTo>
                    <a:pt x="667512" y="0"/>
                  </a:lnTo>
                  <a:close/>
                </a:path>
                <a:path w="969644" h="3175">
                  <a:moveTo>
                    <a:pt x="681228" y="0"/>
                  </a:moveTo>
                  <a:lnTo>
                    <a:pt x="670560" y="0"/>
                  </a:lnTo>
                  <a:lnTo>
                    <a:pt x="670560" y="3048"/>
                  </a:lnTo>
                  <a:lnTo>
                    <a:pt x="681228" y="3048"/>
                  </a:lnTo>
                  <a:lnTo>
                    <a:pt x="681228" y="0"/>
                  </a:lnTo>
                  <a:close/>
                </a:path>
                <a:path w="969644" h="3175">
                  <a:moveTo>
                    <a:pt x="694944" y="0"/>
                  </a:moveTo>
                  <a:lnTo>
                    <a:pt x="684276" y="0"/>
                  </a:lnTo>
                  <a:lnTo>
                    <a:pt x="684276" y="3048"/>
                  </a:lnTo>
                  <a:lnTo>
                    <a:pt x="694944" y="3048"/>
                  </a:lnTo>
                  <a:lnTo>
                    <a:pt x="694944" y="0"/>
                  </a:lnTo>
                  <a:close/>
                </a:path>
                <a:path w="969644" h="3175">
                  <a:moveTo>
                    <a:pt x="708660" y="0"/>
                  </a:moveTo>
                  <a:lnTo>
                    <a:pt x="697992" y="0"/>
                  </a:lnTo>
                  <a:lnTo>
                    <a:pt x="697992" y="3048"/>
                  </a:lnTo>
                  <a:lnTo>
                    <a:pt x="708660" y="3048"/>
                  </a:lnTo>
                  <a:lnTo>
                    <a:pt x="708660" y="0"/>
                  </a:lnTo>
                  <a:close/>
                </a:path>
                <a:path w="969644" h="3175">
                  <a:moveTo>
                    <a:pt x="722376" y="0"/>
                  </a:moveTo>
                  <a:lnTo>
                    <a:pt x="711708" y="0"/>
                  </a:lnTo>
                  <a:lnTo>
                    <a:pt x="711708" y="3048"/>
                  </a:lnTo>
                  <a:lnTo>
                    <a:pt x="722376" y="3048"/>
                  </a:lnTo>
                  <a:lnTo>
                    <a:pt x="722376" y="0"/>
                  </a:lnTo>
                  <a:close/>
                </a:path>
                <a:path w="969644" h="3175">
                  <a:moveTo>
                    <a:pt x="736092" y="0"/>
                  </a:moveTo>
                  <a:lnTo>
                    <a:pt x="725424" y="0"/>
                  </a:lnTo>
                  <a:lnTo>
                    <a:pt x="725424" y="3048"/>
                  </a:lnTo>
                  <a:lnTo>
                    <a:pt x="736092" y="3048"/>
                  </a:lnTo>
                  <a:lnTo>
                    <a:pt x="736092" y="0"/>
                  </a:lnTo>
                  <a:close/>
                </a:path>
                <a:path w="969644" h="3175">
                  <a:moveTo>
                    <a:pt x="749808" y="0"/>
                  </a:moveTo>
                  <a:lnTo>
                    <a:pt x="739140" y="0"/>
                  </a:lnTo>
                  <a:lnTo>
                    <a:pt x="739140" y="3048"/>
                  </a:lnTo>
                  <a:lnTo>
                    <a:pt x="749808" y="3048"/>
                  </a:lnTo>
                  <a:lnTo>
                    <a:pt x="749808" y="0"/>
                  </a:lnTo>
                  <a:close/>
                </a:path>
                <a:path w="969644" h="3175">
                  <a:moveTo>
                    <a:pt x="763524" y="0"/>
                  </a:moveTo>
                  <a:lnTo>
                    <a:pt x="752856" y="0"/>
                  </a:lnTo>
                  <a:lnTo>
                    <a:pt x="752856" y="3048"/>
                  </a:lnTo>
                  <a:lnTo>
                    <a:pt x="763524" y="3048"/>
                  </a:lnTo>
                  <a:lnTo>
                    <a:pt x="763524" y="0"/>
                  </a:lnTo>
                  <a:close/>
                </a:path>
                <a:path w="969644" h="3175">
                  <a:moveTo>
                    <a:pt x="777240" y="0"/>
                  </a:moveTo>
                  <a:lnTo>
                    <a:pt x="766572" y="0"/>
                  </a:lnTo>
                  <a:lnTo>
                    <a:pt x="766572" y="3048"/>
                  </a:lnTo>
                  <a:lnTo>
                    <a:pt x="777240" y="3048"/>
                  </a:lnTo>
                  <a:lnTo>
                    <a:pt x="777240" y="0"/>
                  </a:lnTo>
                  <a:close/>
                </a:path>
                <a:path w="969644" h="3175">
                  <a:moveTo>
                    <a:pt x="790956" y="0"/>
                  </a:moveTo>
                  <a:lnTo>
                    <a:pt x="780288" y="0"/>
                  </a:lnTo>
                  <a:lnTo>
                    <a:pt x="780288" y="3048"/>
                  </a:lnTo>
                  <a:lnTo>
                    <a:pt x="790956" y="3048"/>
                  </a:lnTo>
                  <a:lnTo>
                    <a:pt x="790956" y="0"/>
                  </a:lnTo>
                  <a:close/>
                </a:path>
                <a:path w="969644" h="3175">
                  <a:moveTo>
                    <a:pt x="804672" y="0"/>
                  </a:moveTo>
                  <a:lnTo>
                    <a:pt x="794004" y="0"/>
                  </a:lnTo>
                  <a:lnTo>
                    <a:pt x="794004" y="3048"/>
                  </a:lnTo>
                  <a:lnTo>
                    <a:pt x="804672" y="3048"/>
                  </a:lnTo>
                  <a:lnTo>
                    <a:pt x="804672" y="0"/>
                  </a:lnTo>
                  <a:close/>
                </a:path>
                <a:path w="969644" h="3175">
                  <a:moveTo>
                    <a:pt x="818388" y="0"/>
                  </a:moveTo>
                  <a:lnTo>
                    <a:pt x="807720" y="0"/>
                  </a:lnTo>
                  <a:lnTo>
                    <a:pt x="807720" y="3048"/>
                  </a:lnTo>
                  <a:lnTo>
                    <a:pt x="818388" y="3048"/>
                  </a:lnTo>
                  <a:lnTo>
                    <a:pt x="818388" y="0"/>
                  </a:lnTo>
                  <a:close/>
                </a:path>
                <a:path w="969644" h="3175">
                  <a:moveTo>
                    <a:pt x="832104" y="0"/>
                  </a:moveTo>
                  <a:lnTo>
                    <a:pt x="821436" y="0"/>
                  </a:lnTo>
                  <a:lnTo>
                    <a:pt x="821436" y="3048"/>
                  </a:lnTo>
                  <a:lnTo>
                    <a:pt x="832104" y="3048"/>
                  </a:lnTo>
                  <a:lnTo>
                    <a:pt x="832104" y="0"/>
                  </a:lnTo>
                  <a:close/>
                </a:path>
                <a:path w="969644" h="3175">
                  <a:moveTo>
                    <a:pt x="845820" y="0"/>
                  </a:moveTo>
                  <a:lnTo>
                    <a:pt x="835152" y="0"/>
                  </a:lnTo>
                  <a:lnTo>
                    <a:pt x="835152" y="3048"/>
                  </a:lnTo>
                  <a:lnTo>
                    <a:pt x="845820" y="3048"/>
                  </a:lnTo>
                  <a:lnTo>
                    <a:pt x="845820" y="0"/>
                  </a:lnTo>
                  <a:close/>
                </a:path>
                <a:path w="969644" h="3175">
                  <a:moveTo>
                    <a:pt x="859536" y="0"/>
                  </a:moveTo>
                  <a:lnTo>
                    <a:pt x="848868" y="0"/>
                  </a:lnTo>
                  <a:lnTo>
                    <a:pt x="848868" y="3048"/>
                  </a:lnTo>
                  <a:lnTo>
                    <a:pt x="859536" y="3048"/>
                  </a:lnTo>
                  <a:lnTo>
                    <a:pt x="859536" y="0"/>
                  </a:lnTo>
                  <a:close/>
                </a:path>
                <a:path w="969644" h="3175">
                  <a:moveTo>
                    <a:pt x="873252" y="0"/>
                  </a:moveTo>
                  <a:lnTo>
                    <a:pt x="862584" y="0"/>
                  </a:lnTo>
                  <a:lnTo>
                    <a:pt x="862584" y="3048"/>
                  </a:lnTo>
                  <a:lnTo>
                    <a:pt x="873252" y="3048"/>
                  </a:lnTo>
                  <a:lnTo>
                    <a:pt x="873252" y="0"/>
                  </a:lnTo>
                  <a:close/>
                </a:path>
                <a:path w="969644" h="3175">
                  <a:moveTo>
                    <a:pt x="886968" y="0"/>
                  </a:moveTo>
                  <a:lnTo>
                    <a:pt x="876300" y="0"/>
                  </a:lnTo>
                  <a:lnTo>
                    <a:pt x="876300" y="3048"/>
                  </a:lnTo>
                  <a:lnTo>
                    <a:pt x="886968" y="3048"/>
                  </a:lnTo>
                  <a:lnTo>
                    <a:pt x="886968" y="0"/>
                  </a:lnTo>
                  <a:close/>
                </a:path>
                <a:path w="969644" h="3175">
                  <a:moveTo>
                    <a:pt x="900684" y="0"/>
                  </a:moveTo>
                  <a:lnTo>
                    <a:pt x="890016" y="0"/>
                  </a:lnTo>
                  <a:lnTo>
                    <a:pt x="890016" y="3048"/>
                  </a:lnTo>
                  <a:lnTo>
                    <a:pt x="900684" y="3048"/>
                  </a:lnTo>
                  <a:lnTo>
                    <a:pt x="900684" y="0"/>
                  </a:lnTo>
                  <a:close/>
                </a:path>
                <a:path w="969644" h="3175">
                  <a:moveTo>
                    <a:pt x="914400" y="0"/>
                  </a:moveTo>
                  <a:lnTo>
                    <a:pt x="903732" y="0"/>
                  </a:lnTo>
                  <a:lnTo>
                    <a:pt x="903732" y="3048"/>
                  </a:lnTo>
                  <a:lnTo>
                    <a:pt x="914400" y="3048"/>
                  </a:lnTo>
                  <a:lnTo>
                    <a:pt x="914400" y="0"/>
                  </a:lnTo>
                  <a:close/>
                </a:path>
                <a:path w="969644" h="3175">
                  <a:moveTo>
                    <a:pt x="928116" y="0"/>
                  </a:moveTo>
                  <a:lnTo>
                    <a:pt x="917448" y="0"/>
                  </a:lnTo>
                  <a:lnTo>
                    <a:pt x="917448" y="3048"/>
                  </a:lnTo>
                  <a:lnTo>
                    <a:pt x="928116" y="3048"/>
                  </a:lnTo>
                  <a:lnTo>
                    <a:pt x="928116" y="0"/>
                  </a:lnTo>
                  <a:close/>
                </a:path>
                <a:path w="969644" h="3175">
                  <a:moveTo>
                    <a:pt x="941832" y="0"/>
                  </a:moveTo>
                  <a:lnTo>
                    <a:pt x="931164" y="0"/>
                  </a:lnTo>
                  <a:lnTo>
                    <a:pt x="931164" y="3048"/>
                  </a:lnTo>
                  <a:lnTo>
                    <a:pt x="941832" y="3048"/>
                  </a:lnTo>
                  <a:lnTo>
                    <a:pt x="941832" y="0"/>
                  </a:lnTo>
                  <a:close/>
                </a:path>
                <a:path w="969644" h="3175">
                  <a:moveTo>
                    <a:pt x="955548" y="0"/>
                  </a:moveTo>
                  <a:lnTo>
                    <a:pt x="944880" y="0"/>
                  </a:lnTo>
                  <a:lnTo>
                    <a:pt x="944880" y="3048"/>
                  </a:lnTo>
                  <a:lnTo>
                    <a:pt x="955548" y="3048"/>
                  </a:lnTo>
                  <a:lnTo>
                    <a:pt x="955548" y="0"/>
                  </a:lnTo>
                  <a:close/>
                </a:path>
                <a:path w="969644" h="3175">
                  <a:moveTo>
                    <a:pt x="969264" y="0"/>
                  </a:moveTo>
                  <a:lnTo>
                    <a:pt x="958596" y="0"/>
                  </a:lnTo>
                  <a:lnTo>
                    <a:pt x="958596" y="3048"/>
                  </a:lnTo>
                  <a:lnTo>
                    <a:pt x="969264" y="3048"/>
                  </a:lnTo>
                  <a:lnTo>
                    <a:pt x="969264" y="0"/>
                  </a:lnTo>
                  <a:close/>
                </a:path>
              </a:pathLst>
            </a:custGeom>
            <a:solidFill>
              <a:srgbClr val="000000"/>
            </a:solidFill>
          </p:spPr>
          <p:txBody>
            <a:bodyPr wrap="square" lIns="0" tIns="0" rIns="0" bIns="0" rtlCol="0"/>
            <a:lstStyle/>
            <a:p>
              <a:endParaRPr sz="1539"/>
            </a:p>
          </p:txBody>
        </p:sp>
        <p:sp>
          <p:nvSpPr>
            <p:cNvPr id="89" name="object 89"/>
            <p:cNvSpPr/>
            <p:nvPr/>
          </p:nvSpPr>
          <p:spPr>
            <a:xfrm>
              <a:off x="2764536" y="2139695"/>
              <a:ext cx="970915" cy="3175"/>
            </a:xfrm>
            <a:custGeom>
              <a:avLst/>
              <a:gdLst/>
              <a:ahLst/>
              <a:cxnLst/>
              <a:rect l="l" t="t" r="r" b="b"/>
              <a:pathLst>
                <a:path w="970914" h="3175">
                  <a:moveTo>
                    <a:pt x="10668" y="0"/>
                  </a:moveTo>
                  <a:lnTo>
                    <a:pt x="0" y="0"/>
                  </a:lnTo>
                  <a:lnTo>
                    <a:pt x="0" y="3048"/>
                  </a:lnTo>
                  <a:lnTo>
                    <a:pt x="10668" y="3048"/>
                  </a:lnTo>
                  <a:lnTo>
                    <a:pt x="10668" y="0"/>
                  </a:lnTo>
                  <a:close/>
                </a:path>
                <a:path w="970914" h="3175">
                  <a:moveTo>
                    <a:pt x="24384" y="0"/>
                  </a:moveTo>
                  <a:lnTo>
                    <a:pt x="13716" y="0"/>
                  </a:lnTo>
                  <a:lnTo>
                    <a:pt x="13716" y="3048"/>
                  </a:lnTo>
                  <a:lnTo>
                    <a:pt x="24384" y="3048"/>
                  </a:lnTo>
                  <a:lnTo>
                    <a:pt x="24384" y="0"/>
                  </a:lnTo>
                  <a:close/>
                </a:path>
                <a:path w="970914" h="3175">
                  <a:moveTo>
                    <a:pt x="38100" y="0"/>
                  </a:moveTo>
                  <a:lnTo>
                    <a:pt x="27432" y="0"/>
                  </a:lnTo>
                  <a:lnTo>
                    <a:pt x="27432" y="3048"/>
                  </a:lnTo>
                  <a:lnTo>
                    <a:pt x="38100" y="3048"/>
                  </a:lnTo>
                  <a:lnTo>
                    <a:pt x="38100" y="0"/>
                  </a:lnTo>
                  <a:close/>
                </a:path>
                <a:path w="970914" h="3175">
                  <a:moveTo>
                    <a:pt x="51816" y="0"/>
                  </a:moveTo>
                  <a:lnTo>
                    <a:pt x="41148" y="0"/>
                  </a:lnTo>
                  <a:lnTo>
                    <a:pt x="41148" y="3048"/>
                  </a:lnTo>
                  <a:lnTo>
                    <a:pt x="51816" y="3048"/>
                  </a:lnTo>
                  <a:lnTo>
                    <a:pt x="51816" y="0"/>
                  </a:lnTo>
                  <a:close/>
                </a:path>
                <a:path w="970914" h="3175">
                  <a:moveTo>
                    <a:pt x="65532" y="0"/>
                  </a:moveTo>
                  <a:lnTo>
                    <a:pt x="54864" y="0"/>
                  </a:lnTo>
                  <a:lnTo>
                    <a:pt x="54864" y="3048"/>
                  </a:lnTo>
                  <a:lnTo>
                    <a:pt x="65532" y="3048"/>
                  </a:lnTo>
                  <a:lnTo>
                    <a:pt x="65532" y="0"/>
                  </a:lnTo>
                  <a:close/>
                </a:path>
                <a:path w="970914" h="3175">
                  <a:moveTo>
                    <a:pt x="79248" y="0"/>
                  </a:moveTo>
                  <a:lnTo>
                    <a:pt x="68580" y="0"/>
                  </a:lnTo>
                  <a:lnTo>
                    <a:pt x="68580" y="3048"/>
                  </a:lnTo>
                  <a:lnTo>
                    <a:pt x="79248" y="3048"/>
                  </a:lnTo>
                  <a:lnTo>
                    <a:pt x="79248" y="0"/>
                  </a:lnTo>
                  <a:close/>
                </a:path>
                <a:path w="970914" h="3175">
                  <a:moveTo>
                    <a:pt x="92964" y="0"/>
                  </a:moveTo>
                  <a:lnTo>
                    <a:pt x="82296" y="0"/>
                  </a:lnTo>
                  <a:lnTo>
                    <a:pt x="82296" y="3048"/>
                  </a:lnTo>
                  <a:lnTo>
                    <a:pt x="92964" y="3048"/>
                  </a:lnTo>
                  <a:lnTo>
                    <a:pt x="92964" y="0"/>
                  </a:lnTo>
                  <a:close/>
                </a:path>
                <a:path w="970914" h="3175">
                  <a:moveTo>
                    <a:pt x="106680" y="0"/>
                  </a:moveTo>
                  <a:lnTo>
                    <a:pt x="96012" y="0"/>
                  </a:lnTo>
                  <a:lnTo>
                    <a:pt x="96012" y="3048"/>
                  </a:lnTo>
                  <a:lnTo>
                    <a:pt x="106680" y="3048"/>
                  </a:lnTo>
                  <a:lnTo>
                    <a:pt x="106680" y="0"/>
                  </a:lnTo>
                  <a:close/>
                </a:path>
                <a:path w="970914" h="3175">
                  <a:moveTo>
                    <a:pt x="120396" y="0"/>
                  </a:moveTo>
                  <a:lnTo>
                    <a:pt x="109728" y="0"/>
                  </a:lnTo>
                  <a:lnTo>
                    <a:pt x="109728" y="3048"/>
                  </a:lnTo>
                  <a:lnTo>
                    <a:pt x="120396" y="3048"/>
                  </a:lnTo>
                  <a:lnTo>
                    <a:pt x="120396" y="0"/>
                  </a:lnTo>
                  <a:close/>
                </a:path>
                <a:path w="970914" h="3175">
                  <a:moveTo>
                    <a:pt x="134112" y="0"/>
                  </a:moveTo>
                  <a:lnTo>
                    <a:pt x="123444" y="0"/>
                  </a:lnTo>
                  <a:lnTo>
                    <a:pt x="123444" y="3048"/>
                  </a:lnTo>
                  <a:lnTo>
                    <a:pt x="134112" y="3048"/>
                  </a:lnTo>
                  <a:lnTo>
                    <a:pt x="134112" y="0"/>
                  </a:lnTo>
                  <a:close/>
                </a:path>
                <a:path w="970914" h="3175">
                  <a:moveTo>
                    <a:pt x="147828" y="0"/>
                  </a:moveTo>
                  <a:lnTo>
                    <a:pt x="137160" y="0"/>
                  </a:lnTo>
                  <a:lnTo>
                    <a:pt x="137160" y="3048"/>
                  </a:lnTo>
                  <a:lnTo>
                    <a:pt x="147828" y="3048"/>
                  </a:lnTo>
                  <a:lnTo>
                    <a:pt x="147828" y="0"/>
                  </a:lnTo>
                  <a:close/>
                </a:path>
                <a:path w="970914" h="3175">
                  <a:moveTo>
                    <a:pt x="161544" y="0"/>
                  </a:moveTo>
                  <a:lnTo>
                    <a:pt x="150876" y="0"/>
                  </a:lnTo>
                  <a:lnTo>
                    <a:pt x="150876" y="3048"/>
                  </a:lnTo>
                  <a:lnTo>
                    <a:pt x="161544" y="3048"/>
                  </a:lnTo>
                  <a:lnTo>
                    <a:pt x="161544" y="0"/>
                  </a:lnTo>
                  <a:close/>
                </a:path>
                <a:path w="970914" h="3175">
                  <a:moveTo>
                    <a:pt x="175260" y="0"/>
                  </a:moveTo>
                  <a:lnTo>
                    <a:pt x="164592" y="0"/>
                  </a:lnTo>
                  <a:lnTo>
                    <a:pt x="164592" y="3048"/>
                  </a:lnTo>
                  <a:lnTo>
                    <a:pt x="175260" y="3048"/>
                  </a:lnTo>
                  <a:lnTo>
                    <a:pt x="175260" y="0"/>
                  </a:lnTo>
                  <a:close/>
                </a:path>
                <a:path w="970914" h="3175">
                  <a:moveTo>
                    <a:pt x="188976" y="0"/>
                  </a:moveTo>
                  <a:lnTo>
                    <a:pt x="178308" y="0"/>
                  </a:lnTo>
                  <a:lnTo>
                    <a:pt x="178308" y="3048"/>
                  </a:lnTo>
                  <a:lnTo>
                    <a:pt x="188976" y="3048"/>
                  </a:lnTo>
                  <a:lnTo>
                    <a:pt x="188976" y="0"/>
                  </a:lnTo>
                  <a:close/>
                </a:path>
                <a:path w="970914" h="3175">
                  <a:moveTo>
                    <a:pt x="202692" y="0"/>
                  </a:moveTo>
                  <a:lnTo>
                    <a:pt x="192024" y="0"/>
                  </a:lnTo>
                  <a:lnTo>
                    <a:pt x="192024" y="3048"/>
                  </a:lnTo>
                  <a:lnTo>
                    <a:pt x="202692" y="3048"/>
                  </a:lnTo>
                  <a:lnTo>
                    <a:pt x="202692" y="0"/>
                  </a:lnTo>
                  <a:close/>
                </a:path>
                <a:path w="970914" h="3175">
                  <a:moveTo>
                    <a:pt x="216408" y="0"/>
                  </a:moveTo>
                  <a:lnTo>
                    <a:pt x="205740" y="0"/>
                  </a:lnTo>
                  <a:lnTo>
                    <a:pt x="205740" y="3048"/>
                  </a:lnTo>
                  <a:lnTo>
                    <a:pt x="216408" y="3048"/>
                  </a:lnTo>
                  <a:lnTo>
                    <a:pt x="216408" y="0"/>
                  </a:lnTo>
                  <a:close/>
                </a:path>
                <a:path w="970914" h="3175">
                  <a:moveTo>
                    <a:pt x="230124" y="0"/>
                  </a:moveTo>
                  <a:lnTo>
                    <a:pt x="219456" y="0"/>
                  </a:lnTo>
                  <a:lnTo>
                    <a:pt x="219456" y="3048"/>
                  </a:lnTo>
                  <a:lnTo>
                    <a:pt x="230124" y="3048"/>
                  </a:lnTo>
                  <a:lnTo>
                    <a:pt x="230124" y="0"/>
                  </a:lnTo>
                  <a:close/>
                </a:path>
                <a:path w="970914" h="3175">
                  <a:moveTo>
                    <a:pt x="243840" y="0"/>
                  </a:moveTo>
                  <a:lnTo>
                    <a:pt x="233172" y="0"/>
                  </a:lnTo>
                  <a:lnTo>
                    <a:pt x="233172" y="3048"/>
                  </a:lnTo>
                  <a:lnTo>
                    <a:pt x="243840" y="3048"/>
                  </a:lnTo>
                  <a:lnTo>
                    <a:pt x="243840" y="0"/>
                  </a:lnTo>
                  <a:close/>
                </a:path>
                <a:path w="970914" h="3175">
                  <a:moveTo>
                    <a:pt x="257556" y="0"/>
                  </a:moveTo>
                  <a:lnTo>
                    <a:pt x="246888" y="0"/>
                  </a:lnTo>
                  <a:lnTo>
                    <a:pt x="246888" y="3048"/>
                  </a:lnTo>
                  <a:lnTo>
                    <a:pt x="257556" y="3048"/>
                  </a:lnTo>
                  <a:lnTo>
                    <a:pt x="257556" y="0"/>
                  </a:lnTo>
                  <a:close/>
                </a:path>
                <a:path w="970914" h="3175">
                  <a:moveTo>
                    <a:pt x="271272" y="0"/>
                  </a:moveTo>
                  <a:lnTo>
                    <a:pt x="260604" y="0"/>
                  </a:lnTo>
                  <a:lnTo>
                    <a:pt x="260604" y="3048"/>
                  </a:lnTo>
                  <a:lnTo>
                    <a:pt x="271272" y="3048"/>
                  </a:lnTo>
                  <a:lnTo>
                    <a:pt x="271272" y="0"/>
                  </a:lnTo>
                  <a:close/>
                </a:path>
                <a:path w="970914" h="3175">
                  <a:moveTo>
                    <a:pt x="284988" y="0"/>
                  </a:moveTo>
                  <a:lnTo>
                    <a:pt x="274320" y="0"/>
                  </a:lnTo>
                  <a:lnTo>
                    <a:pt x="274320" y="3048"/>
                  </a:lnTo>
                  <a:lnTo>
                    <a:pt x="284988" y="3048"/>
                  </a:lnTo>
                  <a:lnTo>
                    <a:pt x="284988" y="0"/>
                  </a:lnTo>
                  <a:close/>
                </a:path>
                <a:path w="970914" h="3175">
                  <a:moveTo>
                    <a:pt x="298704" y="0"/>
                  </a:moveTo>
                  <a:lnTo>
                    <a:pt x="288036" y="0"/>
                  </a:lnTo>
                  <a:lnTo>
                    <a:pt x="288036" y="3048"/>
                  </a:lnTo>
                  <a:lnTo>
                    <a:pt x="298704" y="3048"/>
                  </a:lnTo>
                  <a:lnTo>
                    <a:pt x="298704" y="0"/>
                  </a:lnTo>
                  <a:close/>
                </a:path>
                <a:path w="970914" h="3175">
                  <a:moveTo>
                    <a:pt x="312420" y="0"/>
                  </a:moveTo>
                  <a:lnTo>
                    <a:pt x="301752" y="0"/>
                  </a:lnTo>
                  <a:lnTo>
                    <a:pt x="301752" y="3048"/>
                  </a:lnTo>
                  <a:lnTo>
                    <a:pt x="312420" y="3048"/>
                  </a:lnTo>
                  <a:lnTo>
                    <a:pt x="312420" y="0"/>
                  </a:lnTo>
                  <a:close/>
                </a:path>
                <a:path w="970914" h="3175">
                  <a:moveTo>
                    <a:pt x="326136" y="0"/>
                  </a:moveTo>
                  <a:lnTo>
                    <a:pt x="315468" y="0"/>
                  </a:lnTo>
                  <a:lnTo>
                    <a:pt x="315468" y="3048"/>
                  </a:lnTo>
                  <a:lnTo>
                    <a:pt x="326136" y="3048"/>
                  </a:lnTo>
                  <a:lnTo>
                    <a:pt x="326136" y="0"/>
                  </a:lnTo>
                  <a:close/>
                </a:path>
                <a:path w="970914" h="3175">
                  <a:moveTo>
                    <a:pt x="339852" y="0"/>
                  </a:moveTo>
                  <a:lnTo>
                    <a:pt x="329184" y="0"/>
                  </a:lnTo>
                  <a:lnTo>
                    <a:pt x="329184" y="3048"/>
                  </a:lnTo>
                  <a:lnTo>
                    <a:pt x="339852" y="3048"/>
                  </a:lnTo>
                  <a:lnTo>
                    <a:pt x="339852" y="0"/>
                  </a:lnTo>
                  <a:close/>
                </a:path>
                <a:path w="970914" h="3175">
                  <a:moveTo>
                    <a:pt x="353568" y="0"/>
                  </a:moveTo>
                  <a:lnTo>
                    <a:pt x="342900" y="0"/>
                  </a:lnTo>
                  <a:lnTo>
                    <a:pt x="342900" y="3048"/>
                  </a:lnTo>
                  <a:lnTo>
                    <a:pt x="353568" y="3048"/>
                  </a:lnTo>
                  <a:lnTo>
                    <a:pt x="353568" y="0"/>
                  </a:lnTo>
                  <a:close/>
                </a:path>
                <a:path w="970914" h="3175">
                  <a:moveTo>
                    <a:pt x="367284" y="0"/>
                  </a:moveTo>
                  <a:lnTo>
                    <a:pt x="356616" y="0"/>
                  </a:lnTo>
                  <a:lnTo>
                    <a:pt x="356616" y="3048"/>
                  </a:lnTo>
                  <a:lnTo>
                    <a:pt x="367284" y="3048"/>
                  </a:lnTo>
                  <a:lnTo>
                    <a:pt x="367284" y="0"/>
                  </a:lnTo>
                  <a:close/>
                </a:path>
                <a:path w="970914" h="3175">
                  <a:moveTo>
                    <a:pt x="381000" y="0"/>
                  </a:moveTo>
                  <a:lnTo>
                    <a:pt x="370332" y="0"/>
                  </a:lnTo>
                  <a:lnTo>
                    <a:pt x="370332" y="3048"/>
                  </a:lnTo>
                  <a:lnTo>
                    <a:pt x="381000" y="3048"/>
                  </a:lnTo>
                  <a:lnTo>
                    <a:pt x="381000" y="0"/>
                  </a:lnTo>
                  <a:close/>
                </a:path>
                <a:path w="970914" h="3175">
                  <a:moveTo>
                    <a:pt x="394716" y="0"/>
                  </a:moveTo>
                  <a:lnTo>
                    <a:pt x="384048" y="0"/>
                  </a:lnTo>
                  <a:lnTo>
                    <a:pt x="384048" y="3048"/>
                  </a:lnTo>
                  <a:lnTo>
                    <a:pt x="394716" y="3048"/>
                  </a:lnTo>
                  <a:lnTo>
                    <a:pt x="394716" y="0"/>
                  </a:lnTo>
                  <a:close/>
                </a:path>
                <a:path w="970914" h="3175">
                  <a:moveTo>
                    <a:pt x="408432" y="0"/>
                  </a:moveTo>
                  <a:lnTo>
                    <a:pt x="397764" y="0"/>
                  </a:lnTo>
                  <a:lnTo>
                    <a:pt x="397764" y="3048"/>
                  </a:lnTo>
                  <a:lnTo>
                    <a:pt x="408432" y="3048"/>
                  </a:lnTo>
                  <a:lnTo>
                    <a:pt x="408432" y="0"/>
                  </a:lnTo>
                  <a:close/>
                </a:path>
                <a:path w="970914" h="3175">
                  <a:moveTo>
                    <a:pt x="422148" y="0"/>
                  </a:moveTo>
                  <a:lnTo>
                    <a:pt x="411480" y="0"/>
                  </a:lnTo>
                  <a:lnTo>
                    <a:pt x="411480" y="3048"/>
                  </a:lnTo>
                  <a:lnTo>
                    <a:pt x="422148" y="3048"/>
                  </a:lnTo>
                  <a:lnTo>
                    <a:pt x="422148" y="0"/>
                  </a:lnTo>
                  <a:close/>
                </a:path>
                <a:path w="970914" h="3175">
                  <a:moveTo>
                    <a:pt x="435864" y="0"/>
                  </a:moveTo>
                  <a:lnTo>
                    <a:pt x="425196" y="0"/>
                  </a:lnTo>
                  <a:lnTo>
                    <a:pt x="425196" y="3048"/>
                  </a:lnTo>
                  <a:lnTo>
                    <a:pt x="435864" y="3048"/>
                  </a:lnTo>
                  <a:lnTo>
                    <a:pt x="435864" y="0"/>
                  </a:lnTo>
                  <a:close/>
                </a:path>
                <a:path w="970914" h="3175">
                  <a:moveTo>
                    <a:pt x="449580" y="0"/>
                  </a:moveTo>
                  <a:lnTo>
                    <a:pt x="438912" y="0"/>
                  </a:lnTo>
                  <a:lnTo>
                    <a:pt x="438912" y="3048"/>
                  </a:lnTo>
                  <a:lnTo>
                    <a:pt x="449580" y="3048"/>
                  </a:lnTo>
                  <a:lnTo>
                    <a:pt x="449580" y="0"/>
                  </a:lnTo>
                  <a:close/>
                </a:path>
                <a:path w="970914" h="3175">
                  <a:moveTo>
                    <a:pt x="463296" y="0"/>
                  </a:moveTo>
                  <a:lnTo>
                    <a:pt x="452628" y="0"/>
                  </a:lnTo>
                  <a:lnTo>
                    <a:pt x="452628" y="3048"/>
                  </a:lnTo>
                  <a:lnTo>
                    <a:pt x="463296" y="3048"/>
                  </a:lnTo>
                  <a:lnTo>
                    <a:pt x="463296" y="0"/>
                  </a:lnTo>
                  <a:close/>
                </a:path>
                <a:path w="970914" h="3175">
                  <a:moveTo>
                    <a:pt x="477012" y="0"/>
                  </a:moveTo>
                  <a:lnTo>
                    <a:pt x="466344" y="0"/>
                  </a:lnTo>
                  <a:lnTo>
                    <a:pt x="466344" y="3048"/>
                  </a:lnTo>
                  <a:lnTo>
                    <a:pt x="477012" y="3048"/>
                  </a:lnTo>
                  <a:lnTo>
                    <a:pt x="477012" y="0"/>
                  </a:lnTo>
                  <a:close/>
                </a:path>
                <a:path w="970914" h="3175">
                  <a:moveTo>
                    <a:pt x="490728" y="0"/>
                  </a:moveTo>
                  <a:lnTo>
                    <a:pt x="480060" y="0"/>
                  </a:lnTo>
                  <a:lnTo>
                    <a:pt x="480060" y="3048"/>
                  </a:lnTo>
                  <a:lnTo>
                    <a:pt x="490728" y="3048"/>
                  </a:lnTo>
                  <a:lnTo>
                    <a:pt x="490728" y="0"/>
                  </a:lnTo>
                  <a:close/>
                </a:path>
                <a:path w="970914" h="3175">
                  <a:moveTo>
                    <a:pt x="504431" y="0"/>
                  </a:moveTo>
                  <a:lnTo>
                    <a:pt x="493776" y="0"/>
                  </a:lnTo>
                  <a:lnTo>
                    <a:pt x="493776" y="3048"/>
                  </a:lnTo>
                  <a:lnTo>
                    <a:pt x="504431" y="3048"/>
                  </a:lnTo>
                  <a:lnTo>
                    <a:pt x="504431" y="0"/>
                  </a:lnTo>
                  <a:close/>
                </a:path>
                <a:path w="970914" h="3175">
                  <a:moveTo>
                    <a:pt x="518160" y="0"/>
                  </a:moveTo>
                  <a:lnTo>
                    <a:pt x="507492" y="0"/>
                  </a:lnTo>
                  <a:lnTo>
                    <a:pt x="507492" y="3048"/>
                  </a:lnTo>
                  <a:lnTo>
                    <a:pt x="518160" y="3048"/>
                  </a:lnTo>
                  <a:lnTo>
                    <a:pt x="518160" y="0"/>
                  </a:lnTo>
                  <a:close/>
                </a:path>
                <a:path w="970914" h="3175">
                  <a:moveTo>
                    <a:pt x="531876" y="0"/>
                  </a:moveTo>
                  <a:lnTo>
                    <a:pt x="521208" y="0"/>
                  </a:lnTo>
                  <a:lnTo>
                    <a:pt x="521208" y="3048"/>
                  </a:lnTo>
                  <a:lnTo>
                    <a:pt x="531876" y="3048"/>
                  </a:lnTo>
                  <a:lnTo>
                    <a:pt x="531876" y="0"/>
                  </a:lnTo>
                  <a:close/>
                </a:path>
                <a:path w="970914" h="3175">
                  <a:moveTo>
                    <a:pt x="545592" y="0"/>
                  </a:moveTo>
                  <a:lnTo>
                    <a:pt x="534924" y="0"/>
                  </a:lnTo>
                  <a:lnTo>
                    <a:pt x="534924" y="3048"/>
                  </a:lnTo>
                  <a:lnTo>
                    <a:pt x="545592" y="3048"/>
                  </a:lnTo>
                  <a:lnTo>
                    <a:pt x="545592" y="0"/>
                  </a:lnTo>
                  <a:close/>
                </a:path>
                <a:path w="970914" h="3175">
                  <a:moveTo>
                    <a:pt x="559308" y="0"/>
                  </a:moveTo>
                  <a:lnTo>
                    <a:pt x="548640" y="0"/>
                  </a:lnTo>
                  <a:lnTo>
                    <a:pt x="548640" y="3048"/>
                  </a:lnTo>
                  <a:lnTo>
                    <a:pt x="559308" y="3048"/>
                  </a:lnTo>
                  <a:lnTo>
                    <a:pt x="559308" y="0"/>
                  </a:lnTo>
                  <a:close/>
                </a:path>
                <a:path w="970914" h="3175">
                  <a:moveTo>
                    <a:pt x="573024" y="0"/>
                  </a:moveTo>
                  <a:lnTo>
                    <a:pt x="562343" y="0"/>
                  </a:lnTo>
                  <a:lnTo>
                    <a:pt x="562343" y="3048"/>
                  </a:lnTo>
                  <a:lnTo>
                    <a:pt x="573024" y="3048"/>
                  </a:lnTo>
                  <a:lnTo>
                    <a:pt x="573024" y="0"/>
                  </a:lnTo>
                  <a:close/>
                </a:path>
                <a:path w="970914" h="3175">
                  <a:moveTo>
                    <a:pt x="586740" y="0"/>
                  </a:moveTo>
                  <a:lnTo>
                    <a:pt x="576072" y="0"/>
                  </a:lnTo>
                  <a:lnTo>
                    <a:pt x="576072" y="3048"/>
                  </a:lnTo>
                  <a:lnTo>
                    <a:pt x="586740" y="3048"/>
                  </a:lnTo>
                  <a:lnTo>
                    <a:pt x="586740" y="0"/>
                  </a:lnTo>
                  <a:close/>
                </a:path>
                <a:path w="970914" h="3175">
                  <a:moveTo>
                    <a:pt x="600456" y="0"/>
                  </a:moveTo>
                  <a:lnTo>
                    <a:pt x="589788" y="0"/>
                  </a:lnTo>
                  <a:lnTo>
                    <a:pt x="589788" y="3048"/>
                  </a:lnTo>
                  <a:lnTo>
                    <a:pt x="600456" y="3048"/>
                  </a:lnTo>
                  <a:lnTo>
                    <a:pt x="600456" y="0"/>
                  </a:lnTo>
                  <a:close/>
                </a:path>
                <a:path w="970914" h="3175">
                  <a:moveTo>
                    <a:pt x="614172" y="0"/>
                  </a:moveTo>
                  <a:lnTo>
                    <a:pt x="603504" y="0"/>
                  </a:lnTo>
                  <a:lnTo>
                    <a:pt x="603504" y="3048"/>
                  </a:lnTo>
                  <a:lnTo>
                    <a:pt x="614172" y="3048"/>
                  </a:lnTo>
                  <a:lnTo>
                    <a:pt x="614172" y="0"/>
                  </a:lnTo>
                  <a:close/>
                </a:path>
                <a:path w="970914" h="3175">
                  <a:moveTo>
                    <a:pt x="627888" y="0"/>
                  </a:moveTo>
                  <a:lnTo>
                    <a:pt x="617220" y="0"/>
                  </a:lnTo>
                  <a:lnTo>
                    <a:pt x="617220" y="3048"/>
                  </a:lnTo>
                  <a:lnTo>
                    <a:pt x="627888" y="3048"/>
                  </a:lnTo>
                  <a:lnTo>
                    <a:pt x="627888" y="0"/>
                  </a:lnTo>
                  <a:close/>
                </a:path>
                <a:path w="970914" h="3175">
                  <a:moveTo>
                    <a:pt x="641604" y="0"/>
                  </a:moveTo>
                  <a:lnTo>
                    <a:pt x="630936" y="0"/>
                  </a:lnTo>
                  <a:lnTo>
                    <a:pt x="630936" y="3048"/>
                  </a:lnTo>
                  <a:lnTo>
                    <a:pt x="641604" y="3048"/>
                  </a:lnTo>
                  <a:lnTo>
                    <a:pt x="641604" y="0"/>
                  </a:lnTo>
                  <a:close/>
                </a:path>
                <a:path w="970914" h="3175">
                  <a:moveTo>
                    <a:pt x="655320" y="0"/>
                  </a:moveTo>
                  <a:lnTo>
                    <a:pt x="644652" y="0"/>
                  </a:lnTo>
                  <a:lnTo>
                    <a:pt x="644652" y="3048"/>
                  </a:lnTo>
                  <a:lnTo>
                    <a:pt x="655320" y="3048"/>
                  </a:lnTo>
                  <a:lnTo>
                    <a:pt x="655320" y="0"/>
                  </a:lnTo>
                  <a:close/>
                </a:path>
                <a:path w="970914" h="3175">
                  <a:moveTo>
                    <a:pt x="669036" y="0"/>
                  </a:moveTo>
                  <a:lnTo>
                    <a:pt x="658368" y="0"/>
                  </a:lnTo>
                  <a:lnTo>
                    <a:pt x="658368" y="3048"/>
                  </a:lnTo>
                  <a:lnTo>
                    <a:pt x="669036" y="3048"/>
                  </a:lnTo>
                  <a:lnTo>
                    <a:pt x="669036" y="0"/>
                  </a:lnTo>
                  <a:close/>
                </a:path>
                <a:path w="970914" h="3175">
                  <a:moveTo>
                    <a:pt x="682752" y="0"/>
                  </a:moveTo>
                  <a:lnTo>
                    <a:pt x="672084" y="0"/>
                  </a:lnTo>
                  <a:lnTo>
                    <a:pt x="672084" y="3048"/>
                  </a:lnTo>
                  <a:lnTo>
                    <a:pt x="682752" y="3048"/>
                  </a:lnTo>
                  <a:lnTo>
                    <a:pt x="682752" y="0"/>
                  </a:lnTo>
                  <a:close/>
                </a:path>
                <a:path w="970914" h="3175">
                  <a:moveTo>
                    <a:pt x="696468" y="0"/>
                  </a:moveTo>
                  <a:lnTo>
                    <a:pt x="685800" y="0"/>
                  </a:lnTo>
                  <a:lnTo>
                    <a:pt x="685800" y="3048"/>
                  </a:lnTo>
                  <a:lnTo>
                    <a:pt x="696468" y="3048"/>
                  </a:lnTo>
                  <a:lnTo>
                    <a:pt x="696468" y="0"/>
                  </a:lnTo>
                  <a:close/>
                </a:path>
                <a:path w="970914" h="3175">
                  <a:moveTo>
                    <a:pt x="710184" y="0"/>
                  </a:moveTo>
                  <a:lnTo>
                    <a:pt x="699516" y="0"/>
                  </a:lnTo>
                  <a:lnTo>
                    <a:pt x="699516" y="3048"/>
                  </a:lnTo>
                  <a:lnTo>
                    <a:pt x="710184" y="3048"/>
                  </a:lnTo>
                  <a:lnTo>
                    <a:pt x="710184" y="0"/>
                  </a:lnTo>
                  <a:close/>
                </a:path>
                <a:path w="970914" h="3175">
                  <a:moveTo>
                    <a:pt x="723900" y="0"/>
                  </a:moveTo>
                  <a:lnTo>
                    <a:pt x="713232" y="0"/>
                  </a:lnTo>
                  <a:lnTo>
                    <a:pt x="713232" y="3048"/>
                  </a:lnTo>
                  <a:lnTo>
                    <a:pt x="723900" y="3048"/>
                  </a:lnTo>
                  <a:lnTo>
                    <a:pt x="723900" y="0"/>
                  </a:lnTo>
                  <a:close/>
                </a:path>
                <a:path w="970914" h="3175">
                  <a:moveTo>
                    <a:pt x="737616" y="0"/>
                  </a:moveTo>
                  <a:lnTo>
                    <a:pt x="726948" y="0"/>
                  </a:lnTo>
                  <a:lnTo>
                    <a:pt x="726948" y="3048"/>
                  </a:lnTo>
                  <a:lnTo>
                    <a:pt x="737616" y="3048"/>
                  </a:lnTo>
                  <a:lnTo>
                    <a:pt x="737616" y="0"/>
                  </a:lnTo>
                  <a:close/>
                </a:path>
                <a:path w="970914" h="3175">
                  <a:moveTo>
                    <a:pt x="751332" y="0"/>
                  </a:moveTo>
                  <a:lnTo>
                    <a:pt x="740664" y="0"/>
                  </a:lnTo>
                  <a:lnTo>
                    <a:pt x="740664" y="3048"/>
                  </a:lnTo>
                  <a:lnTo>
                    <a:pt x="751332" y="3048"/>
                  </a:lnTo>
                  <a:lnTo>
                    <a:pt x="751332" y="0"/>
                  </a:lnTo>
                  <a:close/>
                </a:path>
                <a:path w="970914" h="3175">
                  <a:moveTo>
                    <a:pt x="765048" y="0"/>
                  </a:moveTo>
                  <a:lnTo>
                    <a:pt x="754380" y="0"/>
                  </a:lnTo>
                  <a:lnTo>
                    <a:pt x="754380" y="3048"/>
                  </a:lnTo>
                  <a:lnTo>
                    <a:pt x="765048" y="3048"/>
                  </a:lnTo>
                  <a:lnTo>
                    <a:pt x="765048" y="0"/>
                  </a:lnTo>
                  <a:close/>
                </a:path>
                <a:path w="970914" h="3175">
                  <a:moveTo>
                    <a:pt x="778764" y="0"/>
                  </a:moveTo>
                  <a:lnTo>
                    <a:pt x="768096" y="0"/>
                  </a:lnTo>
                  <a:lnTo>
                    <a:pt x="768096" y="3048"/>
                  </a:lnTo>
                  <a:lnTo>
                    <a:pt x="778764" y="3048"/>
                  </a:lnTo>
                  <a:lnTo>
                    <a:pt x="778764" y="0"/>
                  </a:lnTo>
                  <a:close/>
                </a:path>
                <a:path w="970914" h="3175">
                  <a:moveTo>
                    <a:pt x="792480" y="0"/>
                  </a:moveTo>
                  <a:lnTo>
                    <a:pt x="781812" y="0"/>
                  </a:lnTo>
                  <a:lnTo>
                    <a:pt x="781812" y="3048"/>
                  </a:lnTo>
                  <a:lnTo>
                    <a:pt x="792480" y="3048"/>
                  </a:lnTo>
                  <a:lnTo>
                    <a:pt x="792480" y="0"/>
                  </a:lnTo>
                  <a:close/>
                </a:path>
                <a:path w="970914" h="3175">
                  <a:moveTo>
                    <a:pt x="806196" y="0"/>
                  </a:moveTo>
                  <a:lnTo>
                    <a:pt x="795528" y="0"/>
                  </a:lnTo>
                  <a:lnTo>
                    <a:pt x="795528" y="3048"/>
                  </a:lnTo>
                  <a:lnTo>
                    <a:pt x="806196" y="3048"/>
                  </a:lnTo>
                  <a:lnTo>
                    <a:pt x="806196" y="0"/>
                  </a:lnTo>
                  <a:close/>
                </a:path>
                <a:path w="970914" h="3175">
                  <a:moveTo>
                    <a:pt x="819912" y="0"/>
                  </a:moveTo>
                  <a:lnTo>
                    <a:pt x="809244" y="0"/>
                  </a:lnTo>
                  <a:lnTo>
                    <a:pt x="809244" y="3048"/>
                  </a:lnTo>
                  <a:lnTo>
                    <a:pt x="819912" y="3048"/>
                  </a:lnTo>
                  <a:lnTo>
                    <a:pt x="819912" y="0"/>
                  </a:lnTo>
                  <a:close/>
                </a:path>
                <a:path w="970914" h="3175">
                  <a:moveTo>
                    <a:pt x="833628" y="0"/>
                  </a:moveTo>
                  <a:lnTo>
                    <a:pt x="822960" y="0"/>
                  </a:lnTo>
                  <a:lnTo>
                    <a:pt x="822960" y="3048"/>
                  </a:lnTo>
                  <a:lnTo>
                    <a:pt x="833628" y="3048"/>
                  </a:lnTo>
                  <a:lnTo>
                    <a:pt x="833628" y="0"/>
                  </a:lnTo>
                  <a:close/>
                </a:path>
                <a:path w="970914" h="3175">
                  <a:moveTo>
                    <a:pt x="847344" y="0"/>
                  </a:moveTo>
                  <a:lnTo>
                    <a:pt x="836676" y="0"/>
                  </a:lnTo>
                  <a:lnTo>
                    <a:pt x="836676" y="3048"/>
                  </a:lnTo>
                  <a:lnTo>
                    <a:pt x="847344" y="3048"/>
                  </a:lnTo>
                  <a:lnTo>
                    <a:pt x="847344" y="0"/>
                  </a:lnTo>
                  <a:close/>
                </a:path>
                <a:path w="970914" h="3175">
                  <a:moveTo>
                    <a:pt x="861060" y="0"/>
                  </a:moveTo>
                  <a:lnTo>
                    <a:pt x="850392" y="0"/>
                  </a:lnTo>
                  <a:lnTo>
                    <a:pt x="850392" y="3048"/>
                  </a:lnTo>
                  <a:lnTo>
                    <a:pt x="861060" y="3048"/>
                  </a:lnTo>
                  <a:lnTo>
                    <a:pt x="861060" y="0"/>
                  </a:lnTo>
                  <a:close/>
                </a:path>
                <a:path w="970914" h="3175">
                  <a:moveTo>
                    <a:pt x="874776" y="0"/>
                  </a:moveTo>
                  <a:lnTo>
                    <a:pt x="864108" y="0"/>
                  </a:lnTo>
                  <a:lnTo>
                    <a:pt x="864108" y="3048"/>
                  </a:lnTo>
                  <a:lnTo>
                    <a:pt x="874776" y="3048"/>
                  </a:lnTo>
                  <a:lnTo>
                    <a:pt x="874776" y="0"/>
                  </a:lnTo>
                  <a:close/>
                </a:path>
                <a:path w="970914" h="3175">
                  <a:moveTo>
                    <a:pt x="888492" y="0"/>
                  </a:moveTo>
                  <a:lnTo>
                    <a:pt x="877824" y="0"/>
                  </a:lnTo>
                  <a:lnTo>
                    <a:pt x="877824" y="3048"/>
                  </a:lnTo>
                  <a:lnTo>
                    <a:pt x="888492" y="3048"/>
                  </a:lnTo>
                  <a:lnTo>
                    <a:pt x="888492" y="0"/>
                  </a:lnTo>
                  <a:close/>
                </a:path>
                <a:path w="970914" h="3175">
                  <a:moveTo>
                    <a:pt x="902208" y="0"/>
                  </a:moveTo>
                  <a:lnTo>
                    <a:pt x="891540" y="0"/>
                  </a:lnTo>
                  <a:lnTo>
                    <a:pt x="891540" y="3048"/>
                  </a:lnTo>
                  <a:lnTo>
                    <a:pt x="902208" y="3048"/>
                  </a:lnTo>
                  <a:lnTo>
                    <a:pt x="902208" y="0"/>
                  </a:lnTo>
                  <a:close/>
                </a:path>
                <a:path w="970914" h="3175">
                  <a:moveTo>
                    <a:pt x="915924" y="0"/>
                  </a:moveTo>
                  <a:lnTo>
                    <a:pt x="905256" y="0"/>
                  </a:lnTo>
                  <a:lnTo>
                    <a:pt x="905256" y="3048"/>
                  </a:lnTo>
                  <a:lnTo>
                    <a:pt x="915924" y="3048"/>
                  </a:lnTo>
                  <a:lnTo>
                    <a:pt x="915924" y="0"/>
                  </a:lnTo>
                  <a:close/>
                </a:path>
                <a:path w="970914" h="3175">
                  <a:moveTo>
                    <a:pt x="929640" y="0"/>
                  </a:moveTo>
                  <a:lnTo>
                    <a:pt x="918972" y="0"/>
                  </a:lnTo>
                  <a:lnTo>
                    <a:pt x="918972" y="3048"/>
                  </a:lnTo>
                  <a:lnTo>
                    <a:pt x="929640" y="3048"/>
                  </a:lnTo>
                  <a:lnTo>
                    <a:pt x="929640" y="0"/>
                  </a:lnTo>
                  <a:close/>
                </a:path>
                <a:path w="970914" h="3175">
                  <a:moveTo>
                    <a:pt x="943356" y="0"/>
                  </a:moveTo>
                  <a:lnTo>
                    <a:pt x="932688" y="0"/>
                  </a:lnTo>
                  <a:lnTo>
                    <a:pt x="932688" y="3048"/>
                  </a:lnTo>
                  <a:lnTo>
                    <a:pt x="943356" y="3048"/>
                  </a:lnTo>
                  <a:lnTo>
                    <a:pt x="943356" y="0"/>
                  </a:lnTo>
                  <a:close/>
                </a:path>
                <a:path w="970914" h="3175">
                  <a:moveTo>
                    <a:pt x="957072" y="0"/>
                  </a:moveTo>
                  <a:lnTo>
                    <a:pt x="946404" y="0"/>
                  </a:lnTo>
                  <a:lnTo>
                    <a:pt x="946404" y="3048"/>
                  </a:lnTo>
                  <a:lnTo>
                    <a:pt x="957072" y="3048"/>
                  </a:lnTo>
                  <a:lnTo>
                    <a:pt x="957072" y="0"/>
                  </a:lnTo>
                  <a:close/>
                </a:path>
                <a:path w="970914" h="3175">
                  <a:moveTo>
                    <a:pt x="970788" y="0"/>
                  </a:moveTo>
                  <a:lnTo>
                    <a:pt x="960120" y="0"/>
                  </a:lnTo>
                  <a:lnTo>
                    <a:pt x="960120" y="3048"/>
                  </a:lnTo>
                  <a:lnTo>
                    <a:pt x="970788" y="3048"/>
                  </a:lnTo>
                  <a:lnTo>
                    <a:pt x="970788" y="0"/>
                  </a:lnTo>
                  <a:close/>
                </a:path>
              </a:pathLst>
            </a:custGeom>
            <a:solidFill>
              <a:srgbClr val="000000"/>
            </a:solidFill>
          </p:spPr>
          <p:txBody>
            <a:bodyPr wrap="square" lIns="0" tIns="0" rIns="0" bIns="0" rtlCol="0"/>
            <a:lstStyle/>
            <a:p>
              <a:endParaRPr sz="1539"/>
            </a:p>
          </p:txBody>
        </p:sp>
        <p:sp>
          <p:nvSpPr>
            <p:cNvPr id="90" name="object 90"/>
            <p:cNvSpPr/>
            <p:nvPr/>
          </p:nvSpPr>
          <p:spPr>
            <a:xfrm>
              <a:off x="3724656" y="2139695"/>
              <a:ext cx="969644" cy="3175"/>
            </a:xfrm>
            <a:custGeom>
              <a:avLst/>
              <a:gdLst/>
              <a:ahLst/>
              <a:cxnLst/>
              <a:rect l="l" t="t" r="r" b="b"/>
              <a:pathLst>
                <a:path w="969645" h="3175">
                  <a:moveTo>
                    <a:pt x="10668" y="0"/>
                  </a:moveTo>
                  <a:lnTo>
                    <a:pt x="0" y="0"/>
                  </a:lnTo>
                  <a:lnTo>
                    <a:pt x="0" y="3048"/>
                  </a:lnTo>
                  <a:lnTo>
                    <a:pt x="10668" y="3048"/>
                  </a:lnTo>
                  <a:lnTo>
                    <a:pt x="10668" y="0"/>
                  </a:lnTo>
                  <a:close/>
                </a:path>
                <a:path w="969645" h="3175">
                  <a:moveTo>
                    <a:pt x="24384" y="0"/>
                  </a:moveTo>
                  <a:lnTo>
                    <a:pt x="13716" y="0"/>
                  </a:lnTo>
                  <a:lnTo>
                    <a:pt x="13716" y="3048"/>
                  </a:lnTo>
                  <a:lnTo>
                    <a:pt x="24384" y="3048"/>
                  </a:lnTo>
                  <a:lnTo>
                    <a:pt x="24384" y="0"/>
                  </a:lnTo>
                  <a:close/>
                </a:path>
                <a:path w="969645" h="3175">
                  <a:moveTo>
                    <a:pt x="38100" y="0"/>
                  </a:moveTo>
                  <a:lnTo>
                    <a:pt x="27432" y="0"/>
                  </a:lnTo>
                  <a:lnTo>
                    <a:pt x="27432" y="3048"/>
                  </a:lnTo>
                  <a:lnTo>
                    <a:pt x="38100" y="3048"/>
                  </a:lnTo>
                  <a:lnTo>
                    <a:pt x="38100" y="0"/>
                  </a:lnTo>
                  <a:close/>
                </a:path>
                <a:path w="969645" h="3175">
                  <a:moveTo>
                    <a:pt x="51816" y="0"/>
                  </a:moveTo>
                  <a:lnTo>
                    <a:pt x="41148" y="0"/>
                  </a:lnTo>
                  <a:lnTo>
                    <a:pt x="41148" y="3048"/>
                  </a:lnTo>
                  <a:lnTo>
                    <a:pt x="51816" y="3048"/>
                  </a:lnTo>
                  <a:lnTo>
                    <a:pt x="51816" y="0"/>
                  </a:lnTo>
                  <a:close/>
                </a:path>
                <a:path w="969645" h="3175">
                  <a:moveTo>
                    <a:pt x="65532" y="0"/>
                  </a:moveTo>
                  <a:lnTo>
                    <a:pt x="54864" y="0"/>
                  </a:lnTo>
                  <a:lnTo>
                    <a:pt x="54864" y="3048"/>
                  </a:lnTo>
                  <a:lnTo>
                    <a:pt x="65532" y="3048"/>
                  </a:lnTo>
                  <a:lnTo>
                    <a:pt x="65532" y="0"/>
                  </a:lnTo>
                  <a:close/>
                </a:path>
                <a:path w="969645" h="3175">
                  <a:moveTo>
                    <a:pt x="79248" y="0"/>
                  </a:moveTo>
                  <a:lnTo>
                    <a:pt x="68580" y="0"/>
                  </a:lnTo>
                  <a:lnTo>
                    <a:pt x="68580" y="3048"/>
                  </a:lnTo>
                  <a:lnTo>
                    <a:pt x="79248" y="3048"/>
                  </a:lnTo>
                  <a:lnTo>
                    <a:pt x="79248" y="0"/>
                  </a:lnTo>
                  <a:close/>
                </a:path>
                <a:path w="969645" h="3175">
                  <a:moveTo>
                    <a:pt x="92964" y="0"/>
                  </a:moveTo>
                  <a:lnTo>
                    <a:pt x="82296" y="0"/>
                  </a:lnTo>
                  <a:lnTo>
                    <a:pt x="82296" y="3048"/>
                  </a:lnTo>
                  <a:lnTo>
                    <a:pt x="92964" y="3048"/>
                  </a:lnTo>
                  <a:lnTo>
                    <a:pt x="92964" y="0"/>
                  </a:lnTo>
                  <a:close/>
                </a:path>
                <a:path w="969645" h="3175">
                  <a:moveTo>
                    <a:pt x="106680" y="0"/>
                  </a:moveTo>
                  <a:lnTo>
                    <a:pt x="96012" y="0"/>
                  </a:lnTo>
                  <a:lnTo>
                    <a:pt x="96012" y="3048"/>
                  </a:lnTo>
                  <a:lnTo>
                    <a:pt x="106680" y="3048"/>
                  </a:lnTo>
                  <a:lnTo>
                    <a:pt x="106680" y="0"/>
                  </a:lnTo>
                  <a:close/>
                </a:path>
                <a:path w="969645" h="3175">
                  <a:moveTo>
                    <a:pt x="120396" y="0"/>
                  </a:moveTo>
                  <a:lnTo>
                    <a:pt x="109728" y="0"/>
                  </a:lnTo>
                  <a:lnTo>
                    <a:pt x="109728" y="3048"/>
                  </a:lnTo>
                  <a:lnTo>
                    <a:pt x="120396" y="3048"/>
                  </a:lnTo>
                  <a:lnTo>
                    <a:pt x="120396" y="0"/>
                  </a:lnTo>
                  <a:close/>
                </a:path>
                <a:path w="969645" h="3175">
                  <a:moveTo>
                    <a:pt x="134112" y="0"/>
                  </a:moveTo>
                  <a:lnTo>
                    <a:pt x="123444" y="0"/>
                  </a:lnTo>
                  <a:lnTo>
                    <a:pt x="123444" y="3048"/>
                  </a:lnTo>
                  <a:lnTo>
                    <a:pt x="134112" y="3048"/>
                  </a:lnTo>
                  <a:lnTo>
                    <a:pt x="134112" y="0"/>
                  </a:lnTo>
                  <a:close/>
                </a:path>
                <a:path w="969645" h="3175">
                  <a:moveTo>
                    <a:pt x="147828" y="0"/>
                  </a:moveTo>
                  <a:lnTo>
                    <a:pt x="137160" y="0"/>
                  </a:lnTo>
                  <a:lnTo>
                    <a:pt x="137160" y="3048"/>
                  </a:lnTo>
                  <a:lnTo>
                    <a:pt x="147828" y="3048"/>
                  </a:lnTo>
                  <a:lnTo>
                    <a:pt x="147828" y="0"/>
                  </a:lnTo>
                  <a:close/>
                </a:path>
                <a:path w="969645" h="3175">
                  <a:moveTo>
                    <a:pt x="161544" y="0"/>
                  </a:moveTo>
                  <a:lnTo>
                    <a:pt x="150876" y="0"/>
                  </a:lnTo>
                  <a:lnTo>
                    <a:pt x="150876" y="3048"/>
                  </a:lnTo>
                  <a:lnTo>
                    <a:pt x="161544" y="3048"/>
                  </a:lnTo>
                  <a:lnTo>
                    <a:pt x="161544" y="0"/>
                  </a:lnTo>
                  <a:close/>
                </a:path>
                <a:path w="969645" h="3175">
                  <a:moveTo>
                    <a:pt x="175260" y="0"/>
                  </a:moveTo>
                  <a:lnTo>
                    <a:pt x="164592" y="0"/>
                  </a:lnTo>
                  <a:lnTo>
                    <a:pt x="164592" y="3048"/>
                  </a:lnTo>
                  <a:lnTo>
                    <a:pt x="175260" y="3048"/>
                  </a:lnTo>
                  <a:lnTo>
                    <a:pt x="175260" y="0"/>
                  </a:lnTo>
                  <a:close/>
                </a:path>
                <a:path w="969645" h="3175">
                  <a:moveTo>
                    <a:pt x="188976" y="0"/>
                  </a:moveTo>
                  <a:lnTo>
                    <a:pt x="178308" y="0"/>
                  </a:lnTo>
                  <a:lnTo>
                    <a:pt x="178308" y="3048"/>
                  </a:lnTo>
                  <a:lnTo>
                    <a:pt x="188976" y="3048"/>
                  </a:lnTo>
                  <a:lnTo>
                    <a:pt x="188976" y="0"/>
                  </a:lnTo>
                  <a:close/>
                </a:path>
                <a:path w="969645" h="3175">
                  <a:moveTo>
                    <a:pt x="202692" y="0"/>
                  </a:moveTo>
                  <a:lnTo>
                    <a:pt x="192024" y="0"/>
                  </a:lnTo>
                  <a:lnTo>
                    <a:pt x="192024" y="3048"/>
                  </a:lnTo>
                  <a:lnTo>
                    <a:pt x="202692" y="3048"/>
                  </a:lnTo>
                  <a:lnTo>
                    <a:pt x="202692" y="0"/>
                  </a:lnTo>
                  <a:close/>
                </a:path>
                <a:path w="969645" h="3175">
                  <a:moveTo>
                    <a:pt x="216408" y="0"/>
                  </a:moveTo>
                  <a:lnTo>
                    <a:pt x="205740" y="0"/>
                  </a:lnTo>
                  <a:lnTo>
                    <a:pt x="205740" y="3048"/>
                  </a:lnTo>
                  <a:lnTo>
                    <a:pt x="216408" y="3048"/>
                  </a:lnTo>
                  <a:lnTo>
                    <a:pt x="216408" y="0"/>
                  </a:lnTo>
                  <a:close/>
                </a:path>
                <a:path w="969645" h="3175">
                  <a:moveTo>
                    <a:pt x="230124" y="0"/>
                  </a:moveTo>
                  <a:lnTo>
                    <a:pt x="219456" y="0"/>
                  </a:lnTo>
                  <a:lnTo>
                    <a:pt x="219456" y="3048"/>
                  </a:lnTo>
                  <a:lnTo>
                    <a:pt x="230124" y="3048"/>
                  </a:lnTo>
                  <a:lnTo>
                    <a:pt x="230124" y="0"/>
                  </a:lnTo>
                  <a:close/>
                </a:path>
                <a:path w="969645" h="3175">
                  <a:moveTo>
                    <a:pt x="243840" y="0"/>
                  </a:moveTo>
                  <a:lnTo>
                    <a:pt x="233172" y="0"/>
                  </a:lnTo>
                  <a:lnTo>
                    <a:pt x="233172" y="3048"/>
                  </a:lnTo>
                  <a:lnTo>
                    <a:pt x="243840" y="3048"/>
                  </a:lnTo>
                  <a:lnTo>
                    <a:pt x="243840" y="0"/>
                  </a:lnTo>
                  <a:close/>
                </a:path>
                <a:path w="969645" h="3175">
                  <a:moveTo>
                    <a:pt x="257556" y="0"/>
                  </a:moveTo>
                  <a:lnTo>
                    <a:pt x="246888" y="0"/>
                  </a:lnTo>
                  <a:lnTo>
                    <a:pt x="246888" y="3048"/>
                  </a:lnTo>
                  <a:lnTo>
                    <a:pt x="257556" y="3048"/>
                  </a:lnTo>
                  <a:lnTo>
                    <a:pt x="257556" y="0"/>
                  </a:lnTo>
                  <a:close/>
                </a:path>
                <a:path w="969645" h="3175">
                  <a:moveTo>
                    <a:pt x="269748" y="0"/>
                  </a:moveTo>
                  <a:lnTo>
                    <a:pt x="260604" y="0"/>
                  </a:lnTo>
                  <a:lnTo>
                    <a:pt x="260604" y="3048"/>
                  </a:lnTo>
                  <a:lnTo>
                    <a:pt x="269748" y="3048"/>
                  </a:lnTo>
                  <a:lnTo>
                    <a:pt x="269748" y="0"/>
                  </a:lnTo>
                  <a:close/>
                </a:path>
                <a:path w="969645" h="3175">
                  <a:moveTo>
                    <a:pt x="283464" y="0"/>
                  </a:moveTo>
                  <a:lnTo>
                    <a:pt x="274320" y="0"/>
                  </a:lnTo>
                  <a:lnTo>
                    <a:pt x="274320" y="3048"/>
                  </a:lnTo>
                  <a:lnTo>
                    <a:pt x="283464" y="3048"/>
                  </a:lnTo>
                  <a:lnTo>
                    <a:pt x="283464" y="0"/>
                  </a:lnTo>
                  <a:close/>
                </a:path>
                <a:path w="969645" h="3175">
                  <a:moveTo>
                    <a:pt x="297180" y="0"/>
                  </a:moveTo>
                  <a:lnTo>
                    <a:pt x="288036" y="0"/>
                  </a:lnTo>
                  <a:lnTo>
                    <a:pt x="288036" y="3048"/>
                  </a:lnTo>
                  <a:lnTo>
                    <a:pt x="297180" y="3048"/>
                  </a:lnTo>
                  <a:lnTo>
                    <a:pt x="297180" y="0"/>
                  </a:lnTo>
                  <a:close/>
                </a:path>
                <a:path w="969645" h="3175">
                  <a:moveTo>
                    <a:pt x="310896" y="0"/>
                  </a:moveTo>
                  <a:lnTo>
                    <a:pt x="301752" y="0"/>
                  </a:lnTo>
                  <a:lnTo>
                    <a:pt x="301752" y="3048"/>
                  </a:lnTo>
                  <a:lnTo>
                    <a:pt x="310896" y="3048"/>
                  </a:lnTo>
                  <a:lnTo>
                    <a:pt x="310896" y="0"/>
                  </a:lnTo>
                  <a:close/>
                </a:path>
                <a:path w="969645" h="3175">
                  <a:moveTo>
                    <a:pt x="324612" y="0"/>
                  </a:moveTo>
                  <a:lnTo>
                    <a:pt x="315468" y="0"/>
                  </a:lnTo>
                  <a:lnTo>
                    <a:pt x="315468" y="3048"/>
                  </a:lnTo>
                  <a:lnTo>
                    <a:pt x="324612" y="3048"/>
                  </a:lnTo>
                  <a:lnTo>
                    <a:pt x="324612" y="0"/>
                  </a:lnTo>
                  <a:close/>
                </a:path>
                <a:path w="969645" h="3175">
                  <a:moveTo>
                    <a:pt x="338328" y="0"/>
                  </a:moveTo>
                  <a:lnTo>
                    <a:pt x="329184" y="0"/>
                  </a:lnTo>
                  <a:lnTo>
                    <a:pt x="329184" y="3048"/>
                  </a:lnTo>
                  <a:lnTo>
                    <a:pt x="338328" y="3048"/>
                  </a:lnTo>
                  <a:lnTo>
                    <a:pt x="338328" y="0"/>
                  </a:lnTo>
                  <a:close/>
                </a:path>
                <a:path w="969645" h="3175">
                  <a:moveTo>
                    <a:pt x="352044" y="0"/>
                  </a:moveTo>
                  <a:lnTo>
                    <a:pt x="342900" y="0"/>
                  </a:lnTo>
                  <a:lnTo>
                    <a:pt x="342900" y="3048"/>
                  </a:lnTo>
                  <a:lnTo>
                    <a:pt x="352044" y="3048"/>
                  </a:lnTo>
                  <a:lnTo>
                    <a:pt x="352044" y="0"/>
                  </a:lnTo>
                  <a:close/>
                </a:path>
                <a:path w="969645" h="3175">
                  <a:moveTo>
                    <a:pt x="365760" y="0"/>
                  </a:moveTo>
                  <a:lnTo>
                    <a:pt x="356616" y="0"/>
                  </a:lnTo>
                  <a:lnTo>
                    <a:pt x="356616" y="3048"/>
                  </a:lnTo>
                  <a:lnTo>
                    <a:pt x="365760" y="3048"/>
                  </a:lnTo>
                  <a:lnTo>
                    <a:pt x="365760" y="0"/>
                  </a:lnTo>
                  <a:close/>
                </a:path>
                <a:path w="969645" h="3175">
                  <a:moveTo>
                    <a:pt x="379476" y="0"/>
                  </a:moveTo>
                  <a:lnTo>
                    <a:pt x="370332" y="0"/>
                  </a:lnTo>
                  <a:lnTo>
                    <a:pt x="370332" y="3048"/>
                  </a:lnTo>
                  <a:lnTo>
                    <a:pt x="379476" y="3048"/>
                  </a:lnTo>
                  <a:lnTo>
                    <a:pt x="379476" y="0"/>
                  </a:lnTo>
                  <a:close/>
                </a:path>
                <a:path w="969645" h="3175">
                  <a:moveTo>
                    <a:pt x="393192" y="0"/>
                  </a:moveTo>
                  <a:lnTo>
                    <a:pt x="384048" y="0"/>
                  </a:lnTo>
                  <a:lnTo>
                    <a:pt x="384048" y="3048"/>
                  </a:lnTo>
                  <a:lnTo>
                    <a:pt x="393192" y="3048"/>
                  </a:lnTo>
                  <a:lnTo>
                    <a:pt x="393192" y="0"/>
                  </a:lnTo>
                  <a:close/>
                </a:path>
                <a:path w="969645" h="3175">
                  <a:moveTo>
                    <a:pt x="406908" y="0"/>
                  </a:moveTo>
                  <a:lnTo>
                    <a:pt x="397764" y="0"/>
                  </a:lnTo>
                  <a:lnTo>
                    <a:pt x="397764" y="3048"/>
                  </a:lnTo>
                  <a:lnTo>
                    <a:pt x="406908" y="3048"/>
                  </a:lnTo>
                  <a:lnTo>
                    <a:pt x="406908" y="0"/>
                  </a:lnTo>
                  <a:close/>
                </a:path>
                <a:path w="969645" h="3175">
                  <a:moveTo>
                    <a:pt x="420624" y="0"/>
                  </a:moveTo>
                  <a:lnTo>
                    <a:pt x="411480" y="0"/>
                  </a:lnTo>
                  <a:lnTo>
                    <a:pt x="411480" y="3048"/>
                  </a:lnTo>
                  <a:lnTo>
                    <a:pt x="420624" y="3048"/>
                  </a:lnTo>
                  <a:lnTo>
                    <a:pt x="420624" y="0"/>
                  </a:lnTo>
                  <a:close/>
                </a:path>
                <a:path w="969645" h="3175">
                  <a:moveTo>
                    <a:pt x="434340" y="0"/>
                  </a:moveTo>
                  <a:lnTo>
                    <a:pt x="425196" y="0"/>
                  </a:lnTo>
                  <a:lnTo>
                    <a:pt x="425196" y="3048"/>
                  </a:lnTo>
                  <a:lnTo>
                    <a:pt x="434340" y="3048"/>
                  </a:lnTo>
                  <a:lnTo>
                    <a:pt x="434340" y="0"/>
                  </a:lnTo>
                  <a:close/>
                </a:path>
                <a:path w="969645" h="3175">
                  <a:moveTo>
                    <a:pt x="448056" y="0"/>
                  </a:moveTo>
                  <a:lnTo>
                    <a:pt x="438912" y="0"/>
                  </a:lnTo>
                  <a:lnTo>
                    <a:pt x="438912" y="3048"/>
                  </a:lnTo>
                  <a:lnTo>
                    <a:pt x="448056" y="3048"/>
                  </a:lnTo>
                  <a:lnTo>
                    <a:pt x="448056" y="0"/>
                  </a:lnTo>
                  <a:close/>
                </a:path>
                <a:path w="969645" h="3175">
                  <a:moveTo>
                    <a:pt x="461772" y="0"/>
                  </a:moveTo>
                  <a:lnTo>
                    <a:pt x="452628" y="0"/>
                  </a:lnTo>
                  <a:lnTo>
                    <a:pt x="452628" y="3048"/>
                  </a:lnTo>
                  <a:lnTo>
                    <a:pt x="461772" y="3048"/>
                  </a:lnTo>
                  <a:lnTo>
                    <a:pt x="461772" y="0"/>
                  </a:lnTo>
                  <a:close/>
                </a:path>
                <a:path w="969645" h="3175">
                  <a:moveTo>
                    <a:pt x="475488" y="0"/>
                  </a:moveTo>
                  <a:lnTo>
                    <a:pt x="466344" y="0"/>
                  </a:lnTo>
                  <a:lnTo>
                    <a:pt x="466344" y="3048"/>
                  </a:lnTo>
                  <a:lnTo>
                    <a:pt x="475488" y="3048"/>
                  </a:lnTo>
                  <a:lnTo>
                    <a:pt x="475488" y="0"/>
                  </a:lnTo>
                  <a:close/>
                </a:path>
                <a:path w="969645" h="3175">
                  <a:moveTo>
                    <a:pt x="489204" y="0"/>
                  </a:moveTo>
                  <a:lnTo>
                    <a:pt x="480060" y="0"/>
                  </a:lnTo>
                  <a:lnTo>
                    <a:pt x="480060" y="3048"/>
                  </a:lnTo>
                  <a:lnTo>
                    <a:pt x="489204" y="3048"/>
                  </a:lnTo>
                  <a:lnTo>
                    <a:pt x="489204" y="0"/>
                  </a:lnTo>
                  <a:close/>
                </a:path>
                <a:path w="969645" h="3175">
                  <a:moveTo>
                    <a:pt x="502920" y="0"/>
                  </a:moveTo>
                  <a:lnTo>
                    <a:pt x="493776" y="0"/>
                  </a:lnTo>
                  <a:lnTo>
                    <a:pt x="493776" y="3048"/>
                  </a:lnTo>
                  <a:lnTo>
                    <a:pt x="502920" y="3048"/>
                  </a:lnTo>
                  <a:lnTo>
                    <a:pt x="502920" y="0"/>
                  </a:lnTo>
                  <a:close/>
                </a:path>
                <a:path w="969645" h="3175">
                  <a:moveTo>
                    <a:pt x="516636" y="0"/>
                  </a:moveTo>
                  <a:lnTo>
                    <a:pt x="507492" y="0"/>
                  </a:lnTo>
                  <a:lnTo>
                    <a:pt x="507492" y="3048"/>
                  </a:lnTo>
                  <a:lnTo>
                    <a:pt x="516636" y="3048"/>
                  </a:lnTo>
                  <a:lnTo>
                    <a:pt x="516636" y="0"/>
                  </a:lnTo>
                  <a:close/>
                </a:path>
                <a:path w="969645" h="3175">
                  <a:moveTo>
                    <a:pt x="530352" y="0"/>
                  </a:moveTo>
                  <a:lnTo>
                    <a:pt x="521208" y="0"/>
                  </a:lnTo>
                  <a:lnTo>
                    <a:pt x="521208" y="3048"/>
                  </a:lnTo>
                  <a:lnTo>
                    <a:pt x="530352" y="3048"/>
                  </a:lnTo>
                  <a:lnTo>
                    <a:pt x="530352" y="0"/>
                  </a:lnTo>
                  <a:close/>
                </a:path>
                <a:path w="969645" h="3175">
                  <a:moveTo>
                    <a:pt x="544068" y="0"/>
                  </a:moveTo>
                  <a:lnTo>
                    <a:pt x="534924" y="0"/>
                  </a:lnTo>
                  <a:lnTo>
                    <a:pt x="534924" y="3048"/>
                  </a:lnTo>
                  <a:lnTo>
                    <a:pt x="544068" y="3048"/>
                  </a:lnTo>
                  <a:lnTo>
                    <a:pt x="544068" y="0"/>
                  </a:lnTo>
                  <a:close/>
                </a:path>
                <a:path w="969645" h="3175">
                  <a:moveTo>
                    <a:pt x="557784" y="0"/>
                  </a:moveTo>
                  <a:lnTo>
                    <a:pt x="548640" y="0"/>
                  </a:lnTo>
                  <a:lnTo>
                    <a:pt x="548640" y="3048"/>
                  </a:lnTo>
                  <a:lnTo>
                    <a:pt x="557784" y="3048"/>
                  </a:lnTo>
                  <a:lnTo>
                    <a:pt x="557784" y="0"/>
                  </a:lnTo>
                  <a:close/>
                </a:path>
                <a:path w="969645" h="3175">
                  <a:moveTo>
                    <a:pt x="571500" y="0"/>
                  </a:moveTo>
                  <a:lnTo>
                    <a:pt x="562356" y="0"/>
                  </a:lnTo>
                  <a:lnTo>
                    <a:pt x="562356" y="3048"/>
                  </a:lnTo>
                  <a:lnTo>
                    <a:pt x="571500" y="3048"/>
                  </a:lnTo>
                  <a:lnTo>
                    <a:pt x="571500" y="0"/>
                  </a:lnTo>
                  <a:close/>
                </a:path>
                <a:path w="969645" h="3175">
                  <a:moveTo>
                    <a:pt x="585216" y="0"/>
                  </a:moveTo>
                  <a:lnTo>
                    <a:pt x="576072" y="0"/>
                  </a:lnTo>
                  <a:lnTo>
                    <a:pt x="576072" y="3048"/>
                  </a:lnTo>
                  <a:lnTo>
                    <a:pt x="585216" y="3048"/>
                  </a:lnTo>
                  <a:lnTo>
                    <a:pt x="585216" y="0"/>
                  </a:lnTo>
                  <a:close/>
                </a:path>
                <a:path w="969645" h="3175">
                  <a:moveTo>
                    <a:pt x="598932" y="0"/>
                  </a:moveTo>
                  <a:lnTo>
                    <a:pt x="589788" y="0"/>
                  </a:lnTo>
                  <a:lnTo>
                    <a:pt x="589788" y="3048"/>
                  </a:lnTo>
                  <a:lnTo>
                    <a:pt x="598932" y="3048"/>
                  </a:lnTo>
                  <a:lnTo>
                    <a:pt x="598932" y="0"/>
                  </a:lnTo>
                  <a:close/>
                </a:path>
                <a:path w="969645" h="3175">
                  <a:moveTo>
                    <a:pt x="612648" y="0"/>
                  </a:moveTo>
                  <a:lnTo>
                    <a:pt x="603504" y="0"/>
                  </a:lnTo>
                  <a:lnTo>
                    <a:pt x="603504" y="3048"/>
                  </a:lnTo>
                  <a:lnTo>
                    <a:pt x="612648" y="3048"/>
                  </a:lnTo>
                  <a:lnTo>
                    <a:pt x="612648" y="0"/>
                  </a:lnTo>
                  <a:close/>
                </a:path>
                <a:path w="969645" h="3175">
                  <a:moveTo>
                    <a:pt x="626364" y="0"/>
                  </a:moveTo>
                  <a:lnTo>
                    <a:pt x="617220" y="0"/>
                  </a:lnTo>
                  <a:lnTo>
                    <a:pt x="617220" y="3048"/>
                  </a:lnTo>
                  <a:lnTo>
                    <a:pt x="626364" y="3048"/>
                  </a:lnTo>
                  <a:lnTo>
                    <a:pt x="626364" y="0"/>
                  </a:lnTo>
                  <a:close/>
                </a:path>
                <a:path w="969645" h="3175">
                  <a:moveTo>
                    <a:pt x="640080" y="0"/>
                  </a:moveTo>
                  <a:lnTo>
                    <a:pt x="630936" y="0"/>
                  </a:lnTo>
                  <a:lnTo>
                    <a:pt x="630936" y="3048"/>
                  </a:lnTo>
                  <a:lnTo>
                    <a:pt x="640080" y="3048"/>
                  </a:lnTo>
                  <a:lnTo>
                    <a:pt x="640080" y="0"/>
                  </a:lnTo>
                  <a:close/>
                </a:path>
                <a:path w="969645" h="3175">
                  <a:moveTo>
                    <a:pt x="653796" y="0"/>
                  </a:moveTo>
                  <a:lnTo>
                    <a:pt x="644652" y="0"/>
                  </a:lnTo>
                  <a:lnTo>
                    <a:pt x="644652" y="3048"/>
                  </a:lnTo>
                  <a:lnTo>
                    <a:pt x="653796" y="3048"/>
                  </a:lnTo>
                  <a:lnTo>
                    <a:pt x="653796" y="0"/>
                  </a:lnTo>
                  <a:close/>
                </a:path>
                <a:path w="969645" h="3175">
                  <a:moveTo>
                    <a:pt x="667512" y="0"/>
                  </a:moveTo>
                  <a:lnTo>
                    <a:pt x="658368" y="0"/>
                  </a:lnTo>
                  <a:lnTo>
                    <a:pt x="658368" y="3048"/>
                  </a:lnTo>
                  <a:lnTo>
                    <a:pt x="667512" y="3048"/>
                  </a:lnTo>
                  <a:lnTo>
                    <a:pt x="667512" y="0"/>
                  </a:lnTo>
                  <a:close/>
                </a:path>
                <a:path w="969645" h="3175">
                  <a:moveTo>
                    <a:pt x="681228" y="0"/>
                  </a:moveTo>
                  <a:lnTo>
                    <a:pt x="672084" y="0"/>
                  </a:lnTo>
                  <a:lnTo>
                    <a:pt x="672084" y="3048"/>
                  </a:lnTo>
                  <a:lnTo>
                    <a:pt x="681228" y="3048"/>
                  </a:lnTo>
                  <a:lnTo>
                    <a:pt x="681228" y="0"/>
                  </a:lnTo>
                  <a:close/>
                </a:path>
                <a:path w="969645" h="3175">
                  <a:moveTo>
                    <a:pt x="694944" y="0"/>
                  </a:moveTo>
                  <a:lnTo>
                    <a:pt x="685800" y="0"/>
                  </a:lnTo>
                  <a:lnTo>
                    <a:pt x="685800" y="3048"/>
                  </a:lnTo>
                  <a:lnTo>
                    <a:pt x="694944" y="3048"/>
                  </a:lnTo>
                  <a:lnTo>
                    <a:pt x="694944" y="0"/>
                  </a:lnTo>
                  <a:close/>
                </a:path>
                <a:path w="969645" h="3175">
                  <a:moveTo>
                    <a:pt x="708660" y="0"/>
                  </a:moveTo>
                  <a:lnTo>
                    <a:pt x="699516" y="0"/>
                  </a:lnTo>
                  <a:lnTo>
                    <a:pt x="699516" y="3048"/>
                  </a:lnTo>
                  <a:lnTo>
                    <a:pt x="708660" y="3048"/>
                  </a:lnTo>
                  <a:lnTo>
                    <a:pt x="708660" y="0"/>
                  </a:lnTo>
                  <a:close/>
                </a:path>
                <a:path w="969645" h="3175">
                  <a:moveTo>
                    <a:pt x="722376" y="0"/>
                  </a:moveTo>
                  <a:lnTo>
                    <a:pt x="713232" y="0"/>
                  </a:lnTo>
                  <a:lnTo>
                    <a:pt x="713232" y="3048"/>
                  </a:lnTo>
                  <a:lnTo>
                    <a:pt x="722376" y="3048"/>
                  </a:lnTo>
                  <a:lnTo>
                    <a:pt x="722376" y="0"/>
                  </a:lnTo>
                  <a:close/>
                </a:path>
                <a:path w="969645" h="3175">
                  <a:moveTo>
                    <a:pt x="736092" y="0"/>
                  </a:moveTo>
                  <a:lnTo>
                    <a:pt x="726948" y="0"/>
                  </a:lnTo>
                  <a:lnTo>
                    <a:pt x="726948" y="3048"/>
                  </a:lnTo>
                  <a:lnTo>
                    <a:pt x="736092" y="3048"/>
                  </a:lnTo>
                  <a:lnTo>
                    <a:pt x="736092" y="0"/>
                  </a:lnTo>
                  <a:close/>
                </a:path>
                <a:path w="969645" h="3175">
                  <a:moveTo>
                    <a:pt x="749808" y="0"/>
                  </a:moveTo>
                  <a:lnTo>
                    <a:pt x="740664" y="0"/>
                  </a:lnTo>
                  <a:lnTo>
                    <a:pt x="740664" y="3048"/>
                  </a:lnTo>
                  <a:lnTo>
                    <a:pt x="749808" y="3048"/>
                  </a:lnTo>
                  <a:lnTo>
                    <a:pt x="749808" y="0"/>
                  </a:lnTo>
                  <a:close/>
                </a:path>
                <a:path w="969645" h="3175">
                  <a:moveTo>
                    <a:pt x="763524" y="0"/>
                  </a:moveTo>
                  <a:lnTo>
                    <a:pt x="754380" y="0"/>
                  </a:lnTo>
                  <a:lnTo>
                    <a:pt x="754380" y="3048"/>
                  </a:lnTo>
                  <a:lnTo>
                    <a:pt x="763524" y="3048"/>
                  </a:lnTo>
                  <a:lnTo>
                    <a:pt x="763524" y="0"/>
                  </a:lnTo>
                  <a:close/>
                </a:path>
                <a:path w="969645" h="3175">
                  <a:moveTo>
                    <a:pt x="777240" y="0"/>
                  </a:moveTo>
                  <a:lnTo>
                    <a:pt x="768096" y="0"/>
                  </a:lnTo>
                  <a:lnTo>
                    <a:pt x="768096" y="3048"/>
                  </a:lnTo>
                  <a:lnTo>
                    <a:pt x="777240" y="3048"/>
                  </a:lnTo>
                  <a:lnTo>
                    <a:pt x="777240" y="0"/>
                  </a:lnTo>
                  <a:close/>
                </a:path>
                <a:path w="969645" h="3175">
                  <a:moveTo>
                    <a:pt x="790956" y="0"/>
                  </a:moveTo>
                  <a:lnTo>
                    <a:pt x="781812" y="0"/>
                  </a:lnTo>
                  <a:lnTo>
                    <a:pt x="781812" y="3048"/>
                  </a:lnTo>
                  <a:lnTo>
                    <a:pt x="790956" y="3048"/>
                  </a:lnTo>
                  <a:lnTo>
                    <a:pt x="790956" y="0"/>
                  </a:lnTo>
                  <a:close/>
                </a:path>
                <a:path w="969645" h="3175">
                  <a:moveTo>
                    <a:pt x="804672" y="0"/>
                  </a:moveTo>
                  <a:lnTo>
                    <a:pt x="795528" y="0"/>
                  </a:lnTo>
                  <a:lnTo>
                    <a:pt x="795528" y="3048"/>
                  </a:lnTo>
                  <a:lnTo>
                    <a:pt x="804672" y="3048"/>
                  </a:lnTo>
                  <a:lnTo>
                    <a:pt x="804672" y="0"/>
                  </a:lnTo>
                  <a:close/>
                </a:path>
                <a:path w="969645" h="3175">
                  <a:moveTo>
                    <a:pt x="818388" y="0"/>
                  </a:moveTo>
                  <a:lnTo>
                    <a:pt x="809244" y="0"/>
                  </a:lnTo>
                  <a:lnTo>
                    <a:pt x="809244" y="3048"/>
                  </a:lnTo>
                  <a:lnTo>
                    <a:pt x="818388" y="3048"/>
                  </a:lnTo>
                  <a:lnTo>
                    <a:pt x="818388" y="0"/>
                  </a:lnTo>
                  <a:close/>
                </a:path>
                <a:path w="969645" h="3175">
                  <a:moveTo>
                    <a:pt x="832104" y="0"/>
                  </a:moveTo>
                  <a:lnTo>
                    <a:pt x="822960" y="0"/>
                  </a:lnTo>
                  <a:lnTo>
                    <a:pt x="822960" y="3048"/>
                  </a:lnTo>
                  <a:lnTo>
                    <a:pt x="832104" y="3048"/>
                  </a:lnTo>
                  <a:lnTo>
                    <a:pt x="832104" y="0"/>
                  </a:lnTo>
                  <a:close/>
                </a:path>
                <a:path w="969645" h="3175">
                  <a:moveTo>
                    <a:pt x="845820" y="0"/>
                  </a:moveTo>
                  <a:lnTo>
                    <a:pt x="836676" y="0"/>
                  </a:lnTo>
                  <a:lnTo>
                    <a:pt x="836676" y="3048"/>
                  </a:lnTo>
                  <a:lnTo>
                    <a:pt x="845820" y="3048"/>
                  </a:lnTo>
                  <a:lnTo>
                    <a:pt x="845820" y="0"/>
                  </a:lnTo>
                  <a:close/>
                </a:path>
                <a:path w="969645" h="3175">
                  <a:moveTo>
                    <a:pt x="859536" y="0"/>
                  </a:moveTo>
                  <a:lnTo>
                    <a:pt x="850392" y="0"/>
                  </a:lnTo>
                  <a:lnTo>
                    <a:pt x="850392" y="3048"/>
                  </a:lnTo>
                  <a:lnTo>
                    <a:pt x="859536" y="3048"/>
                  </a:lnTo>
                  <a:lnTo>
                    <a:pt x="859536" y="0"/>
                  </a:lnTo>
                  <a:close/>
                </a:path>
                <a:path w="969645" h="3175">
                  <a:moveTo>
                    <a:pt x="873252" y="0"/>
                  </a:moveTo>
                  <a:lnTo>
                    <a:pt x="864108" y="0"/>
                  </a:lnTo>
                  <a:lnTo>
                    <a:pt x="864108" y="3048"/>
                  </a:lnTo>
                  <a:lnTo>
                    <a:pt x="873252" y="3048"/>
                  </a:lnTo>
                  <a:lnTo>
                    <a:pt x="873252" y="0"/>
                  </a:lnTo>
                  <a:close/>
                </a:path>
                <a:path w="969645" h="3175">
                  <a:moveTo>
                    <a:pt x="886968" y="0"/>
                  </a:moveTo>
                  <a:lnTo>
                    <a:pt x="876300" y="0"/>
                  </a:lnTo>
                  <a:lnTo>
                    <a:pt x="876300" y="3048"/>
                  </a:lnTo>
                  <a:lnTo>
                    <a:pt x="886968" y="3048"/>
                  </a:lnTo>
                  <a:lnTo>
                    <a:pt x="886968" y="0"/>
                  </a:lnTo>
                  <a:close/>
                </a:path>
                <a:path w="969645" h="3175">
                  <a:moveTo>
                    <a:pt x="900684" y="0"/>
                  </a:moveTo>
                  <a:lnTo>
                    <a:pt x="890016" y="0"/>
                  </a:lnTo>
                  <a:lnTo>
                    <a:pt x="890016" y="3048"/>
                  </a:lnTo>
                  <a:lnTo>
                    <a:pt x="900684" y="3048"/>
                  </a:lnTo>
                  <a:lnTo>
                    <a:pt x="900684" y="0"/>
                  </a:lnTo>
                  <a:close/>
                </a:path>
                <a:path w="969645" h="3175">
                  <a:moveTo>
                    <a:pt x="914400" y="0"/>
                  </a:moveTo>
                  <a:lnTo>
                    <a:pt x="903732" y="0"/>
                  </a:lnTo>
                  <a:lnTo>
                    <a:pt x="903732" y="3048"/>
                  </a:lnTo>
                  <a:lnTo>
                    <a:pt x="914400" y="3048"/>
                  </a:lnTo>
                  <a:lnTo>
                    <a:pt x="914400" y="0"/>
                  </a:lnTo>
                  <a:close/>
                </a:path>
                <a:path w="969645" h="3175">
                  <a:moveTo>
                    <a:pt x="928116" y="0"/>
                  </a:moveTo>
                  <a:lnTo>
                    <a:pt x="917448" y="0"/>
                  </a:lnTo>
                  <a:lnTo>
                    <a:pt x="917448" y="3048"/>
                  </a:lnTo>
                  <a:lnTo>
                    <a:pt x="928116" y="3048"/>
                  </a:lnTo>
                  <a:lnTo>
                    <a:pt x="928116" y="0"/>
                  </a:lnTo>
                  <a:close/>
                </a:path>
                <a:path w="969645" h="3175">
                  <a:moveTo>
                    <a:pt x="941832" y="0"/>
                  </a:moveTo>
                  <a:lnTo>
                    <a:pt x="931164" y="0"/>
                  </a:lnTo>
                  <a:lnTo>
                    <a:pt x="931164" y="3048"/>
                  </a:lnTo>
                  <a:lnTo>
                    <a:pt x="941832" y="3048"/>
                  </a:lnTo>
                  <a:lnTo>
                    <a:pt x="941832" y="0"/>
                  </a:lnTo>
                  <a:close/>
                </a:path>
                <a:path w="969645" h="3175">
                  <a:moveTo>
                    <a:pt x="955548" y="0"/>
                  </a:moveTo>
                  <a:lnTo>
                    <a:pt x="944880" y="0"/>
                  </a:lnTo>
                  <a:lnTo>
                    <a:pt x="944880" y="3048"/>
                  </a:lnTo>
                  <a:lnTo>
                    <a:pt x="955548" y="3048"/>
                  </a:lnTo>
                  <a:lnTo>
                    <a:pt x="955548" y="0"/>
                  </a:lnTo>
                  <a:close/>
                </a:path>
                <a:path w="969645" h="3175">
                  <a:moveTo>
                    <a:pt x="969264" y="0"/>
                  </a:moveTo>
                  <a:lnTo>
                    <a:pt x="958596" y="0"/>
                  </a:lnTo>
                  <a:lnTo>
                    <a:pt x="958596" y="3048"/>
                  </a:lnTo>
                  <a:lnTo>
                    <a:pt x="969264" y="3048"/>
                  </a:lnTo>
                  <a:lnTo>
                    <a:pt x="969264" y="0"/>
                  </a:lnTo>
                  <a:close/>
                </a:path>
              </a:pathLst>
            </a:custGeom>
            <a:solidFill>
              <a:srgbClr val="000000"/>
            </a:solidFill>
          </p:spPr>
          <p:txBody>
            <a:bodyPr wrap="square" lIns="0" tIns="0" rIns="0" bIns="0" rtlCol="0"/>
            <a:lstStyle/>
            <a:p>
              <a:endParaRPr sz="1539"/>
            </a:p>
          </p:txBody>
        </p:sp>
        <p:sp>
          <p:nvSpPr>
            <p:cNvPr id="91" name="object 91"/>
            <p:cNvSpPr/>
            <p:nvPr/>
          </p:nvSpPr>
          <p:spPr>
            <a:xfrm>
              <a:off x="4683252" y="2139695"/>
              <a:ext cx="970915" cy="3175"/>
            </a:xfrm>
            <a:custGeom>
              <a:avLst/>
              <a:gdLst/>
              <a:ahLst/>
              <a:cxnLst/>
              <a:rect l="l" t="t" r="r" b="b"/>
              <a:pathLst>
                <a:path w="970914" h="3175">
                  <a:moveTo>
                    <a:pt x="10668" y="0"/>
                  </a:moveTo>
                  <a:lnTo>
                    <a:pt x="0" y="0"/>
                  </a:lnTo>
                  <a:lnTo>
                    <a:pt x="0" y="3048"/>
                  </a:lnTo>
                  <a:lnTo>
                    <a:pt x="10668" y="3048"/>
                  </a:lnTo>
                  <a:lnTo>
                    <a:pt x="10668" y="0"/>
                  </a:lnTo>
                  <a:close/>
                </a:path>
                <a:path w="970914" h="3175">
                  <a:moveTo>
                    <a:pt x="24384" y="0"/>
                  </a:moveTo>
                  <a:lnTo>
                    <a:pt x="13716" y="0"/>
                  </a:lnTo>
                  <a:lnTo>
                    <a:pt x="13716" y="3048"/>
                  </a:lnTo>
                  <a:lnTo>
                    <a:pt x="24384" y="3048"/>
                  </a:lnTo>
                  <a:lnTo>
                    <a:pt x="24384" y="0"/>
                  </a:lnTo>
                  <a:close/>
                </a:path>
                <a:path w="970914" h="3175">
                  <a:moveTo>
                    <a:pt x="38100" y="0"/>
                  </a:moveTo>
                  <a:lnTo>
                    <a:pt x="27432" y="0"/>
                  </a:lnTo>
                  <a:lnTo>
                    <a:pt x="27432" y="3048"/>
                  </a:lnTo>
                  <a:lnTo>
                    <a:pt x="38100" y="3048"/>
                  </a:lnTo>
                  <a:lnTo>
                    <a:pt x="38100" y="0"/>
                  </a:lnTo>
                  <a:close/>
                </a:path>
                <a:path w="970914" h="3175">
                  <a:moveTo>
                    <a:pt x="51816" y="0"/>
                  </a:moveTo>
                  <a:lnTo>
                    <a:pt x="41148" y="0"/>
                  </a:lnTo>
                  <a:lnTo>
                    <a:pt x="41148" y="3048"/>
                  </a:lnTo>
                  <a:lnTo>
                    <a:pt x="51816" y="3048"/>
                  </a:lnTo>
                  <a:lnTo>
                    <a:pt x="51816" y="0"/>
                  </a:lnTo>
                  <a:close/>
                </a:path>
                <a:path w="970914" h="3175">
                  <a:moveTo>
                    <a:pt x="65532" y="0"/>
                  </a:moveTo>
                  <a:lnTo>
                    <a:pt x="54864" y="0"/>
                  </a:lnTo>
                  <a:lnTo>
                    <a:pt x="54864" y="3048"/>
                  </a:lnTo>
                  <a:lnTo>
                    <a:pt x="65532" y="3048"/>
                  </a:lnTo>
                  <a:lnTo>
                    <a:pt x="65532" y="0"/>
                  </a:lnTo>
                  <a:close/>
                </a:path>
                <a:path w="970914" h="3175">
                  <a:moveTo>
                    <a:pt x="79248" y="0"/>
                  </a:moveTo>
                  <a:lnTo>
                    <a:pt x="68580" y="0"/>
                  </a:lnTo>
                  <a:lnTo>
                    <a:pt x="68580" y="3048"/>
                  </a:lnTo>
                  <a:lnTo>
                    <a:pt x="79248" y="3048"/>
                  </a:lnTo>
                  <a:lnTo>
                    <a:pt x="79248" y="0"/>
                  </a:lnTo>
                  <a:close/>
                </a:path>
                <a:path w="970914" h="3175">
                  <a:moveTo>
                    <a:pt x="92964" y="0"/>
                  </a:moveTo>
                  <a:lnTo>
                    <a:pt x="82296" y="0"/>
                  </a:lnTo>
                  <a:lnTo>
                    <a:pt x="82296" y="3048"/>
                  </a:lnTo>
                  <a:lnTo>
                    <a:pt x="92964" y="3048"/>
                  </a:lnTo>
                  <a:lnTo>
                    <a:pt x="92964" y="0"/>
                  </a:lnTo>
                  <a:close/>
                </a:path>
                <a:path w="970914" h="3175">
                  <a:moveTo>
                    <a:pt x="106680" y="0"/>
                  </a:moveTo>
                  <a:lnTo>
                    <a:pt x="96012" y="0"/>
                  </a:lnTo>
                  <a:lnTo>
                    <a:pt x="96012" y="3048"/>
                  </a:lnTo>
                  <a:lnTo>
                    <a:pt x="106680" y="3048"/>
                  </a:lnTo>
                  <a:lnTo>
                    <a:pt x="106680" y="0"/>
                  </a:lnTo>
                  <a:close/>
                </a:path>
                <a:path w="970914" h="3175">
                  <a:moveTo>
                    <a:pt x="120396" y="0"/>
                  </a:moveTo>
                  <a:lnTo>
                    <a:pt x="109728" y="0"/>
                  </a:lnTo>
                  <a:lnTo>
                    <a:pt x="109728" y="3048"/>
                  </a:lnTo>
                  <a:lnTo>
                    <a:pt x="120396" y="3048"/>
                  </a:lnTo>
                  <a:lnTo>
                    <a:pt x="120396" y="0"/>
                  </a:lnTo>
                  <a:close/>
                </a:path>
                <a:path w="970914" h="3175">
                  <a:moveTo>
                    <a:pt x="134112" y="0"/>
                  </a:moveTo>
                  <a:lnTo>
                    <a:pt x="123444" y="0"/>
                  </a:lnTo>
                  <a:lnTo>
                    <a:pt x="123444" y="3048"/>
                  </a:lnTo>
                  <a:lnTo>
                    <a:pt x="134112" y="3048"/>
                  </a:lnTo>
                  <a:lnTo>
                    <a:pt x="134112" y="0"/>
                  </a:lnTo>
                  <a:close/>
                </a:path>
                <a:path w="970914" h="3175">
                  <a:moveTo>
                    <a:pt x="147828" y="0"/>
                  </a:moveTo>
                  <a:lnTo>
                    <a:pt x="137160" y="0"/>
                  </a:lnTo>
                  <a:lnTo>
                    <a:pt x="137160" y="3048"/>
                  </a:lnTo>
                  <a:lnTo>
                    <a:pt x="147828" y="3048"/>
                  </a:lnTo>
                  <a:lnTo>
                    <a:pt x="147828" y="0"/>
                  </a:lnTo>
                  <a:close/>
                </a:path>
                <a:path w="970914" h="3175">
                  <a:moveTo>
                    <a:pt x="161544" y="0"/>
                  </a:moveTo>
                  <a:lnTo>
                    <a:pt x="150876" y="0"/>
                  </a:lnTo>
                  <a:lnTo>
                    <a:pt x="150876" y="3048"/>
                  </a:lnTo>
                  <a:lnTo>
                    <a:pt x="161544" y="3048"/>
                  </a:lnTo>
                  <a:lnTo>
                    <a:pt x="161544" y="0"/>
                  </a:lnTo>
                  <a:close/>
                </a:path>
                <a:path w="970914" h="3175">
                  <a:moveTo>
                    <a:pt x="175260" y="0"/>
                  </a:moveTo>
                  <a:lnTo>
                    <a:pt x="164592" y="0"/>
                  </a:lnTo>
                  <a:lnTo>
                    <a:pt x="164592" y="3048"/>
                  </a:lnTo>
                  <a:lnTo>
                    <a:pt x="175260" y="3048"/>
                  </a:lnTo>
                  <a:lnTo>
                    <a:pt x="175260" y="0"/>
                  </a:lnTo>
                  <a:close/>
                </a:path>
                <a:path w="970914" h="3175">
                  <a:moveTo>
                    <a:pt x="188976" y="0"/>
                  </a:moveTo>
                  <a:lnTo>
                    <a:pt x="178308" y="0"/>
                  </a:lnTo>
                  <a:lnTo>
                    <a:pt x="178308" y="3048"/>
                  </a:lnTo>
                  <a:lnTo>
                    <a:pt x="188976" y="3048"/>
                  </a:lnTo>
                  <a:lnTo>
                    <a:pt x="188976" y="0"/>
                  </a:lnTo>
                  <a:close/>
                </a:path>
                <a:path w="970914" h="3175">
                  <a:moveTo>
                    <a:pt x="202692" y="0"/>
                  </a:moveTo>
                  <a:lnTo>
                    <a:pt x="192024" y="0"/>
                  </a:lnTo>
                  <a:lnTo>
                    <a:pt x="192024" y="3048"/>
                  </a:lnTo>
                  <a:lnTo>
                    <a:pt x="202692" y="3048"/>
                  </a:lnTo>
                  <a:lnTo>
                    <a:pt x="202692" y="0"/>
                  </a:lnTo>
                  <a:close/>
                </a:path>
                <a:path w="970914" h="3175">
                  <a:moveTo>
                    <a:pt x="216408" y="0"/>
                  </a:moveTo>
                  <a:lnTo>
                    <a:pt x="205740" y="0"/>
                  </a:lnTo>
                  <a:lnTo>
                    <a:pt x="205740" y="3048"/>
                  </a:lnTo>
                  <a:lnTo>
                    <a:pt x="216408" y="3048"/>
                  </a:lnTo>
                  <a:lnTo>
                    <a:pt x="216408" y="0"/>
                  </a:lnTo>
                  <a:close/>
                </a:path>
                <a:path w="970914" h="3175">
                  <a:moveTo>
                    <a:pt x="230124" y="0"/>
                  </a:moveTo>
                  <a:lnTo>
                    <a:pt x="219456" y="0"/>
                  </a:lnTo>
                  <a:lnTo>
                    <a:pt x="219456" y="3048"/>
                  </a:lnTo>
                  <a:lnTo>
                    <a:pt x="230124" y="3048"/>
                  </a:lnTo>
                  <a:lnTo>
                    <a:pt x="230124" y="0"/>
                  </a:lnTo>
                  <a:close/>
                </a:path>
                <a:path w="970914" h="3175">
                  <a:moveTo>
                    <a:pt x="243840" y="0"/>
                  </a:moveTo>
                  <a:lnTo>
                    <a:pt x="233172" y="0"/>
                  </a:lnTo>
                  <a:lnTo>
                    <a:pt x="233172" y="3048"/>
                  </a:lnTo>
                  <a:lnTo>
                    <a:pt x="243840" y="3048"/>
                  </a:lnTo>
                  <a:lnTo>
                    <a:pt x="243840" y="0"/>
                  </a:lnTo>
                  <a:close/>
                </a:path>
                <a:path w="970914" h="3175">
                  <a:moveTo>
                    <a:pt x="257556" y="0"/>
                  </a:moveTo>
                  <a:lnTo>
                    <a:pt x="246888" y="0"/>
                  </a:lnTo>
                  <a:lnTo>
                    <a:pt x="246888" y="3048"/>
                  </a:lnTo>
                  <a:lnTo>
                    <a:pt x="257556" y="3048"/>
                  </a:lnTo>
                  <a:lnTo>
                    <a:pt x="257556" y="0"/>
                  </a:lnTo>
                  <a:close/>
                </a:path>
                <a:path w="970914" h="3175">
                  <a:moveTo>
                    <a:pt x="271272" y="0"/>
                  </a:moveTo>
                  <a:lnTo>
                    <a:pt x="260604" y="0"/>
                  </a:lnTo>
                  <a:lnTo>
                    <a:pt x="260604" y="3048"/>
                  </a:lnTo>
                  <a:lnTo>
                    <a:pt x="271272" y="3048"/>
                  </a:lnTo>
                  <a:lnTo>
                    <a:pt x="271272" y="0"/>
                  </a:lnTo>
                  <a:close/>
                </a:path>
                <a:path w="970914" h="3175">
                  <a:moveTo>
                    <a:pt x="284988" y="0"/>
                  </a:moveTo>
                  <a:lnTo>
                    <a:pt x="274320" y="0"/>
                  </a:lnTo>
                  <a:lnTo>
                    <a:pt x="274320" y="3048"/>
                  </a:lnTo>
                  <a:lnTo>
                    <a:pt x="284988" y="3048"/>
                  </a:lnTo>
                  <a:lnTo>
                    <a:pt x="284988" y="0"/>
                  </a:lnTo>
                  <a:close/>
                </a:path>
                <a:path w="970914" h="3175">
                  <a:moveTo>
                    <a:pt x="298704" y="0"/>
                  </a:moveTo>
                  <a:lnTo>
                    <a:pt x="288036" y="0"/>
                  </a:lnTo>
                  <a:lnTo>
                    <a:pt x="288036" y="3048"/>
                  </a:lnTo>
                  <a:lnTo>
                    <a:pt x="298704" y="3048"/>
                  </a:lnTo>
                  <a:lnTo>
                    <a:pt x="298704" y="0"/>
                  </a:lnTo>
                  <a:close/>
                </a:path>
                <a:path w="970914" h="3175">
                  <a:moveTo>
                    <a:pt x="312420" y="0"/>
                  </a:moveTo>
                  <a:lnTo>
                    <a:pt x="301752" y="0"/>
                  </a:lnTo>
                  <a:lnTo>
                    <a:pt x="301752" y="3048"/>
                  </a:lnTo>
                  <a:lnTo>
                    <a:pt x="312420" y="3048"/>
                  </a:lnTo>
                  <a:lnTo>
                    <a:pt x="312420" y="0"/>
                  </a:lnTo>
                  <a:close/>
                </a:path>
                <a:path w="970914" h="3175">
                  <a:moveTo>
                    <a:pt x="326136" y="0"/>
                  </a:moveTo>
                  <a:lnTo>
                    <a:pt x="315468" y="0"/>
                  </a:lnTo>
                  <a:lnTo>
                    <a:pt x="315468" y="3048"/>
                  </a:lnTo>
                  <a:lnTo>
                    <a:pt x="326136" y="3048"/>
                  </a:lnTo>
                  <a:lnTo>
                    <a:pt x="326136" y="0"/>
                  </a:lnTo>
                  <a:close/>
                </a:path>
                <a:path w="970914" h="3175">
                  <a:moveTo>
                    <a:pt x="339852" y="0"/>
                  </a:moveTo>
                  <a:lnTo>
                    <a:pt x="329184" y="0"/>
                  </a:lnTo>
                  <a:lnTo>
                    <a:pt x="329184" y="3048"/>
                  </a:lnTo>
                  <a:lnTo>
                    <a:pt x="339852" y="3048"/>
                  </a:lnTo>
                  <a:lnTo>
                    <a:pt x="339852" y="0"/>
                  </a:lnTo>
                  <a:close/>
                </a:path>
                <a:path w="970914" h="3175">
                  <a:moveTo>
                    <a:pt x="353568" y="0"/>
                  </a:moveTo>
                  <a:lnTo>
                    <a:pt x="342900" y="0"/>
                  </a:lnTo>
                  <a:lnTo>
                    <a:pt x="342900" y="3048"/>
                  </a:lnTo>
                  <a:lnTo>
                    <a:pt x="353568" y="3048"/>
                  </a:lnTo>
                  <a:lnTo>
                    <a:pt x="353568" y="0"/>
                  </a:lnTo>
                  <a:close/>
                </a:path>
                <a:path w="970914" h="3175">
                  <a:moveTo>
                    <a:pt x="367284" y="0"/>
                  </a:moveTo>
                  <a:lnTo>
                    <a:pt x="356616" y="0"/>
                  </a:lnTo>
                  <a:lnTo>
                    <a:pt x="356616" y="3048"/>
                  </a:lnTo>
                  <a:lnTo>
                    <a:pt x="367284" y="3048"/>
                  </a:lnTo>
                  <a:lnTo>
                    <a:pt x="367284" y="0"/>
                  </a:lnTo>
                  <a:close/>
                </a:path>
                <a:path w="970914" h="3175">
                  <a:moveTo>
                    <a:pt x="381000" y="0"/>
                  </a:moveTo>
                  <a:lnTo>
                    <a:pt x="370332" y="0"/>
                  </a:lnTo>
                  <a:lnTo>
                    <a:pt x="370332" y="3048"/>
                  </a:lnTo>
                  <a:lnTo>
                    <a:pt x="381000" y="3048"/>
                  </a:lnTo>
                  <a:lnTo>
                    <a:pt x="381000" y="0"/>
                  </a:lnTo>
                  <a:close/>
                </a:path>
                <a:path w="970914" h="3175">
                  <a:moveTo>
                    <a:pt x="394716" y="0"/>
                  </a:moveTo>
                  <a:lnTo>
                    <a:pt x="384048" y="0"/>
                  </a:lnTo>
                  <a:lnTo>
                    <a:pt x="384048" y="3048"/>
                  </a:lnTo>
                  <a:lnTo>
                    <a:pt x="394716" y="3048"/>
                  </a:lnTo>
                  <a:lnTo>
                    <a:pt x="394716" y="0"/>
                  </a:lnTo>
                  <a:close/>
                </a:path>
                <a:path w="970914" h="3175">
                  <a:moveTo>
                    <a:pt x="408432" y="0"/>
                  </a:moveTo>
                  <a:lnTo>
                    <a:pt x="397764" y="0"/>
                  </a:lnTo>
                  <a:lnTo>
                    <a:pt x="397764" y="3048"/>
                  </a:lnTo>
                  <a:lnTo>
                    <a:pt x="408432" y="3048"/>
                  </a:lnTo>
                  <a:lnTo>
                    <a:pt x="408432" y="0"/>
                  </a:lnTo>
                  <a:close/>
                </a:path>
                <a:path w="970914" h="3175">
                  <a:moveTo>
                    <a:pt x="422148" y="0"/>
                  </a:moveTo>
                  <a:lnTo>
                    <a:pt x="411480" y="0"/>
                  </a:lnTo>
                  <a:lnTo>
                    <a:pt x="411480" y="3048"/>
                  </a:lnTo>
                  <a:lnTo>
                    <a:pt x="422148" y="3048"/>
                  </a:lnTo>
                  <a:lnTo>
                    <a:pt x="422148" y="0"/>
                  </a:lnTo>
                  <a:close/>
                </a:path>
                <a:path w="970914" h="3175">
                  <a:moveTo>
                    <a:pt x="435864" y="0"/>
                  </a:moveTo>
                  <a:lnTo>
                    <a:pt x="425196" y="0"/>
                  </a:lnTo>
                  <a:lnTo>
                    <a:pt x="425196" y="3048"/>
                  </a:lnTo>
                  <a:lnTo>
                    <a:pt x="435864" y="3048"/>
                  </a:lnTo>
                  <a:lnTo>
                    <a:pt x="435864" y="0"/>
                  </a:lnTo>
                  <a:close/>
                </a:path>
                <a:path w="970914" h="3175">
                  <a:moveTo>
                    <a:pt x="449580" y="0"/>
                  </a:moveTo>
                  <a:lnTo>
                    <a:pt x="438912" y="0"/>
                  </a:lnTo>
                  <a:lnTo>
                    <a:pt x="438912" y="3048"/>
                  </a:lnTo>
                  <a:lnTo>
                    <a:pt x="449580" y="3048"/>
                  </a:lnTo>
                  <a:lnTo>
                    <a:pt x="449580" y="0"/>
                  </a:lnTo>
                  <a:close/>
                </a:path>
                <a:path w="970914" h="3175">
                  <a:moveTo>
                    <a:pt x="463296" y="0"/>
                  </a:moveTo>
                  <a:lnTo>
                    <a:pt x="452628" y="0"/>
                  </a:lnTo>
                  <a:lnTo>
                    <a:pt x="452628" y="3048"/>
                  </a:lnTo>
                  <a:lnTo>
                    <a:pt x="463296" y="3048"/>
                  </a:lnTo>
                  <a:lnTo>
                    <a:pt x="463296" y="0"/>
                  </a:lnTo>
                  <a:close/>
                </a:path>
                <a:path w="970914" h="3175">
                  <a:moveTo>
                    <a:pt x="477012" y="0"/>
                  </a:moveTo>
                  <a:lnTo>
                    <a:pt x="466344" y="0"/>
                  </a:lnTo>
                  <a:lnTo>
                    <a:pt x="466344" y="3048"/>
                  </a:lnTo>
                  <a:lnTo>
                    <a:pt x="477012" y="3048"/>
                  </a:lnTo>
                  <a:lnTo>
                    <a:pt x="477012" y="0"/>
                  </a:lnTo>
                  <a:close/>
                </a:path>
                <a:path w="970914" h="3175">
                  <a:moveTo>
                    <a:pt x="490728" y="0"/>
                  </a:moveTo>
                  <a:lnTo>
                    <a:pt x="480060" y="0"/>
                  </a:lnTo>
                  <a:lnTo>
                    <a:pt x="480060" y="3048"/>
                  </a:lnTo>
                  <a:lnTo>
                    <a:pt x="490728" y="3048"/>
                  </a:lnTo>
                  <a:lnTo>
                    <a:pt x="490728" y="0"/>
                  </a:lnTo>
                  <a:close/>
                </a:path>
                <a:path w="970914" h="3175">
                  <a:moveTo>
                    <a:pt x="504444" y="0"/>
                  </a:moveTo>
                  <a:lnTo>
                    <a:pt x="493776" y="0"/>
                  </a:lnTo>
                  <a:lnTo>
                    <a:pt x="493776" y="3048"/>
                  </a:lnTo>
                  <a:lnTo>
                    <a:pt x="504444" y="3048"/>
                  </a:lnTo>
                  <a:lnTo>
                    <a:pt x="504444" y="0"/>
                  </a:lnTo>
                  <a:close/>
                </a:path>
                <a:path w="970914" h="3175">
                  <a:moveTo>
                    <a:pt x="518160" y="0"/>
                  </a:moveTo>
                  <a:lnTo>
                    <a:pt x="507492" y="0"/>
                  </a:lnTo>
                  <a:lnTo>
                    <a:pt x="507492" y="3048"/>
                  </a:lnTo>
                  <a:lnTo>
                    <a:pt x="518160" y="3048"/>
                  </a:lnTo>
                  <a:lnTo>
                    <a:pt x="518160" y="0"/>
                  </a:lnTo>
                  <a:close/>
                </a:path>
                <a:path w="970914" h="3175">
                  <a:moveTo>
                    <a:pt x="531876" y="0"/>
                  </a:moveTo>
                  <a:lnTo>
                    <a:pt x="521208" y="0"/>
                  </a:lnTo>
                  <a:lnTo>
                    <a:pt x="521208" y="3048"/>
                  </a:lnTo>
                  <a:lnTo>
                    <a:pt x="531876" y="3048"/>
                  </a:lnTo>
                  <a:lnTo>
                    <a:pt x="531876" y="0"/>
                  </a:lnTo>
                  <a:close/>
                </a:path>
                <a:path w="970914" h="3175">
                  <a:moveTo>
                    <a:pt x="545592" y="0"/>
                  </a:moveTo>
                  <a:lnTo>
                    <a:pt x="534924" y="0"/>
                  </a:lnTo>
                  <a:lnTo>
                    <a:pt x="534924" y="3048"/>
                  </a:lnTo>
                  <a:lnTo>
                    <a:pt x="545592" y="3048"/>
                  </a:lnTo>
                  <a:lnTo>
                    <a:pt x="545592" y="0"/>
                  </a:lnTo>
                  <a:close/>
                </a:path>
                <a:path w="970914" h="3175">
                  <a:moveTo>
                    <a:pt x="559308" y="0"/>
                  </a:moveTo>
                  <a:lnTo>
                    <a:pt x="548640" y="0"/>
                  </a:lnTo>
                  <a:lnTo>
                    <a:pt x="548640" y="3048"/>
                  </a:lnTo>
                  <a:lnTo>
                    <a:pt x="559308" y="3048"/>
                  </a:lnTo>
                  <a:lnTo>
                    <a:pt x="559308" y="0"/>
                  </a:lnTo>
                  <a:close/>
                </a:path>
                <a:path w="970914" h="3175">
                  <a:moveTo>
                    <a:pt x="573024" y="0"/>
                  </a:moveTo>
                  <a:lnTo>
                    <a:pt x="562356" y="0"/>
                  </a:lnTo>
                  <a:lnTo>
                    <a:pt x="562356" y="3048"/>
                  </a:lnTo>
                  <a:lnTo>
                    <a:pt x="573024" y="3048"/>
                  </a:lnTo>
                  <a:lnTo>
                    <a:pt x="573024" y="0"/>
                  </a:lnTo>
                  <a:close/>
                </a:path>
                <a:path w="970914" h="3175">
                  <a:moveTo>
                    <a:pt x="586740" y="0"/>
                  </a:moveTo>
                  <a:lnTo>
                    <a:pt x="576072" y="0"/>
                  </a:lnTo>
                  <a:lnTo>
                    <a:pt x="576072" y="3048"/>
                  </a:lnTo>
                  <a:lnTo>
                    <a:pt x="586740" y="3048"/>
                  </a:lnTo>
                  <a:lnTo>
                    <a:pt x="586740" y="0"/>
                  </a:lnTo>
                  <a:close/>
                </a:path>
                <a:path w="970914" h="3175">
                  <a:moveTo>
                    <a:pt x="600456" y="0"/>
                  </a:moveTo>
                  <a:lnTo>
                    <a:pt x="589788" y="0"/>
                  </a:lnTo>
                  <a:lnTo>
                    <a:pt x="589788" y="3048"/>
                  </a:lnTo>
                  <a:lnTo>
                    <a:pt x="600456" y="3048"/>
                  </a:lnTo>
                  <a:lnTo>
                    <a:pt x="600456" y="0"/>
                  </a:lnTo>
                  <a:close/>
                </a:path>
                <a:path w="970914" h="3175">
                  <a:moveTo>
                    <a:pt x="614172" y="0"/>
                  </a:moveTo>
                  <a:lnTo>
                    <a:pt x="603504" y="0"/>
                  </a:lnTo>
                  <a:lnTo>
                    <a:pt x="603504" y="3048"/>
                  </a:lnTo>
                  <a:lnTo>
                    <a:pt x="614172" y="3048"/>
                  </a:lnTo>
                  <a:lnTo>
                    <a:pt x="614172" y="0"/>
                  </a:lnTo>
                  <a:close/>
                </a:path>
                <a:path w="970914" h="3175">
                  <a:moveTo>
                    <a:pt x="627888" y="0"/>
                  </a:moveTo>
                  <a:lnTo>
                    <a:pt x="617220" y="0"/>
                  </a:lnTo>
                  <a:lnTo>
                    <a:pt x="617220" y="3048"/>
                  </a:lnTo>
                  <a:lnTo>
                    <a:pt x="627888" y="3048"/>
                  </a:lnTo>
                  <a:lnTo>
                    <a:pt x="627888" y="0"/>
                  </a:lnTo>
                  <a:close/>
                </a:path>
                <a:path w="970914" h="3175">
                  <a:moveTo>
                    <a:pt x="641604" y="0"/>
                  </a:moveTo>
                  <a:lnTo>
                    <a:pt x="630936" y="0"/>
                  </a:lnTo>
                  <a:lnTo>
                    <a:pt x="630936" y="3048"/>
                  </a:lnTo>
                  <a:lnTo>
                    <a:pt x="641604" y="3048"/>
                  </a:lnTo>
                  <a:lnTo>
                    <a:pt x="641604" y="0"/>
                  </a:lnTo>
                  <a:close/>
                </a:path>
                <a:path w="970914" h="3175">
                  <a:moveTo>
                    <a:pt x="655320" y="0"/>
                  </a:moveTo>
                  <a:lnTo>
                    <a:pt x="644652" y="0"/>
                  </a:lnTo>
                  <a:lnTo>
                    <a:pt x="644652" y="3048"/>
                  </a:lnTo>
                  <a:lnTo>
                    <a:pt x="655320" y="3048"/>
                  </a:lnTo>
                  <a:lnTo>
                    <a:pt x="655320" y="0"/>
                  </a:lnTo>
                  <a:close/>
                </a:path>
                <a:path w="970914" h="3175">
                  <a:moveTo>
                    <a:pt x="669036" y="0"/>
                  </a:moveTo>
                  <a:lnTo>
                    <a:pt x="658368" y="0"/>
                  </a:lnTo>
                  <a:lnTo>
                    <a:pt x="658368" y="3048"/>
                  </a:lnTo>
                  <a:lnTo>
                    <a:pt x="669036" y="3048"/>
                  </a:lnTo>
                  <a:lnTo>
                    <a:pt x="669036" y="0"/>
                  </a:lnTo>
                  <a:close/>
                </a:path>
                <a:path w="970914" h="3175">
                  <a:moveTo>
                    <a:pt x="682752" y="0"/>
                  </a:moveTo>
                  <a:lnTo>
                    <a:pt x="672084" y="0"/>
                  </a:lnTo>
                  <a:lnTo>
                    <a:pt x="672084" y="3048"/>
                  </a:lnTo>
                  <a:lnTo>
                    <a:pt x="682752" y="3048"/>
                  </a:lnTo>
                  <a:lnTo>
                    <a:pt x="682752" y="0"/>
                  </a:lnTo>
                  <a:close/>
                </a:path>
                <a:path w="970914" h="3175">
                  <a:moveTo>
                    <a:pt x="696468" y="0"/>
                  </a:moveTo>
                  <a:lnTo>
                    <a:pt x="685800" y="0"/>
                  </a:lnTo>
                  <a:lnTo>
                    <a:pt x="685800" y="3048"/>
                  </a:lnTo>
                  <a:lnTo>
                    <a:pt x="696468" y="3048"/>
                  </a:lnTo>
                  <a:lnTo>
                    <a:pt x="696468" y="0"/>
                  </a:lnTo>
                  <a:close/>
                </a:path>
                <a:path w="970914" h="3175">
                  <a:moveTo>
                    <a:pt x="710184" y="0"/>
                  </a:moveTo>
                  <a:lnTo>
                    <a:pt x="699516" y="0"/>
                  </a:lnTo>
                  <a:lnTo>
                    <a:pt x="699516" y="3048"/>
                  </a:lnTo>
                  <a:lnTo>
                    <a:pt x="710184" y="3048"/>
                  </a:lnTo>
                  <a:lnTo>
                    <a:pt x="710184" y="0"/>
                  </a:lnTo>
                  <a:close/>
                </a:path>
                <a:path w="970914" h="3175">
                  <a:moveTo>
                    <a:pt x="723900" y="0"/>
                  </a:moveTo>
                  <a:lnTo>
                    <a:pt x="713232" y="0"/>
                  </a:lnTo>
                  <a:lnTo>
                    <a:pt x="713232" y="3048"/>
                  </a:lnTo>
                  <a:lnTo>
                    <a:pt x="723900" y="3048"/>
                  </a:lnTo>
                  <a:lnTo>
                    <a:pt x="723900" y="0"/>
                  </a:lnTo>
                  <a:close/>
                </a:path>
                <a:path w="970914" h="3175">
                  <a:moveTo>
                    <a:pt x="737616" y="0"/>
                  </a:moveTo>
                  <a:lnTo>
                    <a:pt x="726948" y="0"/>
                  </a:lnTo>
                  <a:lnTo>
                    <a:pt x="726948" y="3048"/>
                  </a:lnTo>
                  <a:lnTo>
                    <a:pt x="737616" y="3048"/>
                  </a:lnTo>
                  <a:lnTo>
                    <a:pt x="737616" y="0"/>
                  </a:lnTo>
                  <a:close/>
                </a:path>
                <a:path w="970914" h="3175">
                  <a:moveTo>
                    <a:pt x="751332" y="0"/>
                  </a:moveTo>
                  <a:lnTo>
                    <a:pt x="740664" y="0"/>
                  </a:lnTo>
                  <a:lnTo>
                    <a:pt x="740664" y="3048"/>
                  </a:lnTo>
                  <a:lnTo>
                    <a:pt x="751332" y="3048"/>
                  </a:lnTo>
                  <a:lnTo>
                    <a:pt x="751332" y="0"/>
                  </a:lnTo>
                  <a:close/>
                </a:path>
                <a:path w="970914" h="3175">
                  <a:moveTo>
                    <a:pt x="765048" y="0"/>
                  </a:moveTo>
                  <a:lnTo>
                    <a:pt x="754380" y="0"/>
                  </a:lnTo>
                  <a:lnTo>
                    <a:pt x="754380" y="3048"/>
                  </a:lnTo>
                  <a:lnTo>
                    <a:pt x="765048" y="3048"/>
                  </a:lnTo>
                  <a:lnTo>
                    <a:pt x="765048" y="0"/>
                  </a:lnTo>
                  <a:close/>
                </a:path>
                <a:path w="970914" h="3175">
                  <a:moveTo>
                    <a:pt x="778764" y="0"/>
                  </a:moveTo>
                  <a:lnTo>
                    <a:pt x="768096" y="0"/>
                  </a:lnTo>
                  <a:lnTo>
                    <a:pt x="768096" y="3048"/>
                  </a:lnTo>
                  <a:lnTo>
                    <a:pt x="778764" y="3048"/>
                  </a:lnTo>
                  <a:lnTo>
                    <a:pt x="778764" y="0"/>
                  </a:lnTo>
                  <a:close/>
                </a:path>
                <a:path w="970914" h="3175">
                  <a:moveTo>
                    <a:pt x="792480" y="0"/>
                  </a:moveTo>
                  <a:lnTo>
                    <a:pt x="781812" y="0"/>
                  </a:lnTo>
                  <a:lnTo>
                    <a:pt x="781812" y="3048"/>
                  </a:lnTo>
                  <a:lnTo>
                    <a:pt x="792480" y="3048"/>
                  </a:lnTo>
                  <a:lnTo>
                    <a:pt x="792480" y="0"/>
                  </a:lnTo>
                  <a:close/>
                </a:path>
                <a:path w="970914" h="3175">
                  <a:moveTo>
                    <a:pt x="806196" y="0"/>
                  </a:moveTo>
                  <a:lnTo>
                    <a:pt x="795528" y="0"/>
                  </a:lnTo>
                  <a:lnTo>
                    <a:pt x="795528" y="3048"/>
                  </a:lnTo>
                  <a:lnTo>
                    <a:pt x="806196" y="3048"/>
                  </a:lnTo>
                  <a:lnTo>
                    <a:pt x="806196" y="0"/>
                  </a:lnTo>
                  <a:close/>
                </a:path>
                <a:path w="970914" h="3175">
                  <a:moveTo>
                    <a:pt x="819912" y="0"/>
                  </a:moveTo>
                  <a:lnTo>
                    <a:pt x="809244" y="0"/>
                  </a:lnTo>
                  <a:lnTo>
                    <a:pt x="809244" y="3048"/>
                  </a:lnTo>
                  <a:lnTo>
                    <a:pt x="819912" y="3048"/>
                  </a:lnTo>
                  <a:lnTo>
                    <a:pt x="819912" y="0"/>
                  </a:lnTo>
                  <a:close/>
                </a:path>
                <a:path w="970914" h="3175">
                  <a:moveTo>
                    <a:pt x="833628" y="0"/>
                  </a:moveTo>
                  <a:lnTo>
                    <a:pt x="822960" y="0"/>
                  </a:lnTo>
                  <a:lnTo>
                    <a:pt x="822960" y="3048"/>
                  </a:lnTo>
                  <a:lnTo>
                    <a:pt x="833628" y="3048"/>
                  </a:lnTo>
                  <a:lnTo>
                    <a:pt x="833628" y="0"/>
                  </a:lnTo>
                  <a:close/>
                </a:path>
                <a:path w="970914" h="3175">
                  <a:moveTo>
                    <a:pt x="847344" y="0"/>
                  </a:moveTo>
                  <a:lnTo>
                    <a:pt x="836676" y="0"/>
                  </a:lnTo>
                  <a:lnTo>
                    <a:pt x="836676" y="3048"/>
                  </a:lnTo>
                  <a:lnTo>
                    <a:pt x="847344" y="3048"/>
                  </a:lnTo>
                  <a:lnTo>
                    <a:pt x="847344" y="0"/>
                  </a:lnTo>
                  <a:close/>
                </a:path>
                <a:path w="970914" h="3175">
                  <a:moveTo>
                    <a:pt x="861060" y="0"/>
                  </a:moveTo>
                  <a:lnTo>
                    <a:pt x="850392" y="0"/>
                  </a:lnTo>
                  <a:lnTo>
                    <a:pt x="850392" y="3048"/>
                  </a:lnTo>
                  <a:lnTo>
                    <a:pt x="861060" y="3048"/>
                  </a:lnTo>
                  <a:lnTo>
                    <a:pt x="861060" y="0"/>
                  </a:lnTo>
                  <a:close/>
                </a:path>
                <a:path w="970914" h="3175">
                  <a:moveTo>
                    <a:pt x="874776" y="0"/>
                  </a:moveTo>
                  <a:lnTo>
                    <a:pt x="864108" y="0"/>
                  </a:lnTo>
                  <a:lnTo>
                    <a:pt x="864108" y="3048"/>
                  </a:lnTo>
                  <a:lnTo>
                    <a:pt x="874776" y="3048"/>
                  </a:lnTo>
                  <a:lnTo>
                    <a:pt x="874776" y="0"/>
                  </a:lnTo>
                  <a:close/>
                </a:path>
                <a:path w="970914" h="3175">
                  <a:moveTo>
                    <a:pt x="888492" y="0"/>
                  </a:moveTo>
                  <a:lnTo>
                    <a:pt x="877824" y="0"/>
                  </a:lnTo>
                  <a:lnTo>
                    <a:pt x="877824" y="3048"/>
                  </a:lnTo>
                  <a:lnTo>
                    <a:pt x="888492" y="3048"/>
                  </a:lnTo>
                  <a:lnTo>
                    <a:pt x="888492" y="0"/>
                  </a:lnTo>
                  <a:close/>
                </a:path>
                <a:path w="970914" h="3175">
                  <a:moveTo>
                    <a:pt x="902208" y="0"/>
                  </a:moveTo>
                  <a:lnTo>
                    <a:pt x="891540" y="0"/>
                  </a:lnTo>
                  <a:lnTo>
                    <a:pt x="891540" y="3048"/>
                  </a:lnTo>
                  <a:lnTo>
                    <a:pt x="902208" y="3048"/>
                  </a:lnTo>
                  <a:lnTo>
                    <a:pt x="902208" y="0"/>
                  </a:lnTo>
                  <a:close/>
                </a:path>
                <a:path w="970914" h="3175">
                  <a:moveTo>
                    <a:pt x="915924" y="0"/>
                  </a:moveTo>
                  <a:lnTo>
                    <a:pt x="905256" y="0"/>
                  </a:lnTo>
                  <a:lnTo>
                    <a:pt x="905256" y="3048"/>
                  </a:lnTo>
                  <a:lnTo>
                    <a:pt x="915924" y="3048"/>
                  </a:lnTo>
                  <a:lnTo>
                    <a:pt x="915924" y="0"/>
                  </a:lnTo>
                  <a:close/>
                </a:path>
                <a:path w="970914" h="3175">
                  <a:moveTo>
                    <a:pt x="929640" y="0"/>
                  </a:moveTo>
                  <a:lnTo>
                    <a:pt x="918972" y="0"/>
                  </a:lnTo>
                  <a:lnTo>
                    <a:pt x="918972" y="3048"/>
                  </a:lnTo>
                  <a:lnTo>
                    <a:pt x="929640" y="3048"/>
                  </a:lnTo>
                  <a:lnTo>
                    <a:pt x="929640" y="0"/>
                  </a:lnTo>
                  <a:close/>
                </a:path>
                <a:path w="970914" h="3175">
                  <a:moveTo>
                    <a:pt x="943356" y="0"/>
                  </a:moveTo>
                  <a:lnTo>
                    <a:pt x="932688" y="0"/>
                  </a:lnTo>
                  <a:lnTo>
                    <a:pt x="932688" y="3048"/>
                  </a:lnTo>
                  <a:lnTo>
                    <a:pt x="943356" y="3048"/>
                  </a:lnTo>
                  <a:lnTo>
                    <a:pt x="943356" y="0"/>
                  </a:lnTo>
                  <a:close/>
                </a:path>
                <a:path w="970914" h="3175">
                  <a:moveTo>
                    <a:pt x="957072" y="0"/>
                  </a:moveTo>
                  <a:lnTo>
                    <a:pt x="946404" y="0"/>
                  </a:lnTo>
                  <a:lnTo>
                    <a:pt x="946404" y="3048"/>
                  </a:lnTo>
                  <a:lnTo>
                    <a:pt x="957072" y="3048"/>
                  </a:lnTo>
                  <a:lnTo>
                    <a:pt x="957072" y="0"/>
                  </a:lnTo>
                  <a:close/>
                </a:path>
                <a:path w="970914" h="3175">
                  <a:moveTo>
                    <a:pt x="970788" y="0"/>
                  </a:moveTo>
                  <a:lnTo>
                    <a:pt x="960120" y="0"/>
                  </a:lnTo>
                  <a:lnTo>
                    <a:pt x="960120" y="3048"/>
                  </a:lnTo>
                  <a:lnTo>
                    <a:pt x="970788" y="3048"/>
                  </a:lnTo>
                  <a:lnTo>
                    <a:pt x="970788" y="0"/>
                  </a:lnTo>
                  <a:close/>
                </a:path>
              </a:pathLst>
            </a:custGeom>
            <a:solidFill>
              <a:srgbClr val="000000"/>
            </a:solidFill>
          </p:spPr>
          <p:txBody>
            <a:bodyPr wrap="square" lIns="0" tIns="0" rIns="0" bIns="0" rtlCol="0"/>
            <a:lstStyle/>
            <a:p>
              <a:endParaRPr sz="1539"/>
            </a:p>
          </p:txBody>
        </p:sp>
        <p:sp>
          <p:nvSpPr>
            <p:cNvPr id="92" name="object 92"/>
            <p:cNvSpPr/>
            <p:nvPr/>
          </p:nvSpPr>
          <p:spPr>
            <a:xfrm>
              <a:off x="5643372" y="2139695"/>
              <a:ext cx="969644" cy="3175"/>
            </a:xfrm>
            <a:custGeom>
              <a:avLst/>
              <a:gdLst/>
              <a:ahLst/>
              <a:cxnLst/>
              <a:rect l="l" t="t" r="r" b="b"/>
              <a:pathLst>
                <a:path w="969645" h="3175">
                  <a:moveTo>
                    <a:pt x="10668" y="0"/>
                  </a:moveTo>
                  <a:lnTo>
                    <a:pt x="0" y="0"/>
                  </a:lnTo>
                  <a:lnTo>
                    <a:pt x="0" y="3048"/>
                  </a:lnTo>
                  <a:lnTo>
                    <a:pt x="10668" y="3048"/>
                  </a:lnTo>
                  <a:lnTo>
                    <a:pt x="10668" y="0"/>
                  </a:lnTo>
                  <a:close/>
                </a:path>
                <a:path w="969645" h="3175">
                  <a:moveTo>
                    <a:pt x="24384" y="0"/>
                  </a:moveTo>
                  <a:lnTo>
                    <a:pt x="13716" y="0"/>
                  </a:lnTo>
                  <a:lnTo>
                    <a:pt x="13716" y="3048"/>
                  </a:lnTo>
                  <a:lnTo>
                    <a:pt x="24384" y="3048"/>
                  </a:lnTo>
                  <a:lnTo>
                    <a:pt x="24384" y="0"/>
                  </a:lnTo>
                  <a:close/>
                </a:path>
                <a:path w="969645" h="3175">
                  <a:moveTo>
                    <a:pt x="38100" y="0"/>
                  </a:moveTo>
                  <a:lnTo>
                    <a:pt x="27432" y="0"/>
                  </a:lnTo>
                  <a:lnTo>
                    <a:pt x="27432" y="3048"/>
                  </a:lnTo>
                  <a:lnTo>
                    <a:pt x="38100" y="3048"/>
                  </a:lnTo>
                  <a:lnTo>
                    <a:pt x="38100" y="0"/>
                  </a:lnTo>
                  <a:close/>
                </a:path>
                <a:path w="969645" h="3175">
                  <a:moveTo>
                    <a:pt x="51816" y="0"/>
                  </a:moveTo>
                  <a:lnTo>
                    <a:pt x="41148" y="0"/>
                  </a:lnTo>
                  <a:lnTo>
                    <a:pt x="41148" y="3048"/>
                  </a:lnTo>
                  <a:lnTo>
                    <a:pt x="51816" y="3048"/>
                  </a:lnTo>
                  <a:lnTo>
                    <a:pt x="51816" y="0"/>
                  </a:lnTo>
                  <a:close/>
                </a:path>
                <a:path w="969645" h="3175">
                  <a:moveTo>
                    <a:pt x="65532" y="0"/>
                  </a:moveTo>
                  <a:lnTo>
                    <a:pt x="54864" y="0"/>
                  </a:lnTo>
                  <a:lnTo>
                    <a:pt x="54864" y="3048"/>
                  </a:lnTo>
                  <a:lnTo>
                    <a:pt x="65532" y="3048"/>
                  </a:lnTo>
                  <a:lnTo>
                    <a:pt x="65532" y="0"/>
                  </a:lnTo>
                  <a:close/>
                </a:path>
                <a:path w="969645" h="3175">
                  <a:moveTo>
                    <a:pt x="79248" y="0"/>
                  </a:moveTo>
                  <a:lnTo>
                    <a:pt x="68580" y="0"/>
                  </a:lnTo>
                  <a:lnTo>
                    <a:pt x="68580" y="3048"/>
                  </a:lnTo>
                  <a:lnTo>
                    <a:pt x="79248" y="3048"/>
                  </a:lnTo>
                  <a:lnTo>
                    <a:pt x="79248" y="0"/>
                  </a:lnTo>
                  <a:close/>
                </a:path>
                <a:path w="969645" h="3175">
                  <a:moveTo>
                    <a:pt x="92964" y="0"/>
                  </a:moveTo>
                  <a:lnTo>
                    <a:pt x="82296" y="0"/>
                  </a:lnTo>
                  <a:lnTo>
                    <a:pt x="82296" y="3048"/>
                  </a:lnTo>
                  <a:lnTo>
                    <a:pt x="92964" y="3048"/>
                  </a:lnTo>
                  <a:lnTo>
                    <a:pt x="92964" y="0"/>
                  </a:lnTo>
                  <a:close/>
                </a:path>
                <a:path w="969645" h="3175">
                  <a:moveTo>
                    <a:pt x="106680" y="0"/>
                  </a:moveTo>
                  <a:lnTo>
                    <a:pt x="96012" y="0"/>
                  </a:lnTo>
                  <a:lnTo>
                    <a:pt x="96012" y="3048"/>
                  </a:lnTo>
                  <a:lnTo>
                    <a:pt x="106680" y="3048"/>
                  </a:lnTo>
                  <a:lnTo>
                    <a:pt x="106680" y="0"/>
                  </a:lnTo>
                  <a:close/>
                </a:path>
                <a:path w="969645" h="3175">
                  <a:moveTo>
                    <a:pt x="120396" y="0"/>
                  </a:moveTo>
                  <a:lnTo>
                    <a:pt x="109728" y="0"/>
                  </a:lnTo>
                  <a:lnTo>
                    <a:pt x="109728" y="3048"/>
                  </a:lnTo>
                  <a:lnTo>
                    <a:pt x="120396" y="3048"/>
                  </a:lnTo>
                  <a:lnTo>
                    <a:pt x="120396" y="0"/>
                  </a:lnTo>
                  <a:close/>
                </a:path>
                <a:path w="969645" h="3175">
                  <a:moveTo>
                    <a:pt x="134112" y="0"/>
                  </a:moveTo>
                  <a:lnTo>
                    <a:pt x="123444" y="0"/>
                  </a:lnTo>
                  <a:lnTo>
                    <a:pt x="123444" y="3048"/>
                  </a:lnTo>
                  <a:lnTo>
                    <a:pt x="134112" y="3048"/>
                  </a:lnTo>
                  <a:lnTo>
                    <a:pt x="134112" y="0"/>
                  </a:lnTo>
                  <a:close/>
                </a:path>
                <a:path w="969645" h="3175">
                  <a:moveTo>
                    <a:pt x="147828" y="0"/>
                  </a:moveTo>
                  <a:lnTo>
                    <a:pt x="137160" y="0"/>
                  </a:lnTo>
                  <a:lnTo>
                    <a:pt x="137160" y="3048"/>
                  </a:lnTo>
                  <a:lnTo>
                    <a:pt x="147828" y="3048"/>
                  </a:lnTo>
                  <a:lnTo>
                    <a:pt x="147828" y="0"/>
                  </a:lnTo>
                  <a:close/>
                </a:path>
                <a:path w="969645" h="3175">
                  <a:moveTo>
                    <a:pt x="161544" y="0"/>
                  </a:moveTo>
                  <a:lnTo>
                    <a:pt x="150876" y="0"/>
                  </a:lnTo>
                  <a:lnTo>
                    <a:pt x="150876" y="3048"/>
                  </a:lnTo>
                  <a:lnTo>
                    <a:pt x="161544" y="3048"/>
                  </a:lnTo>
                  <a:lnTo>
                    <a:pt x="161544" y="0"/>
                  </a:lnTo>
                  <a:close/>
                </a:path>
                <a:path w="969645" h="3175">
                  <a:moveTo>
                    <a:pt x="175260" y="0"/>
                  </a:moveTo>
                  <a:lnTo>
                    <a:pt x="164592" y="0"/>
                  </a:lnTo>
                  <a:lnTo>
                    <a:pt x="164592" y="3048"/>
                  </a:lnTo>
                  <a:lnTo>
                    <a:pt x="175260" y="3048"/>
                  </a:lnTo>
                  <a:lnTo>
                    <a:pt x="175260" y="0"/>
                  </a:lnTo>
                  <a:close/>
                </a:path>
                <a:path w="969645" h="3175">
                  <a:moveTo>
                    <a:pt x="188976" y="0"/>
                  </a:moveTo>
                  <a:lnTo>
                    <a:pt x="178308" y="0"/>
                  </a:lnTo>
                  <a:lnTo>
                    <a:pt x="178308" y="3048"/>
                  </a:lnTo>
                  <a:lnTo>
                    <a:pt x="188976" y="3048"/>
                  </a:lnTo>
                  <a:lnTo>
                    <a:pt x="188976" y="0"/>
                  </a:lnTo>
                  <a:close/>
                </a:path>
                <a:path w="969645" h="3175">
                  <a:moveTo>
                    <a:pt x="202692" y="0"/>
                  </a:moveTo>
                  <a:lnTo>
                    <a:pt x="192024" y="0"/>
                  </a:lnTo>
                  <a:lnTo>
                    <a:pt x="192024" y="3048"/>
                  </a:lnTo>
                  <a:lnTo>
                    <a:pt x="202692" y="3048"/>
                  </a:lnTo>
                  <a:lnTo>
                    <a:pt x="202692" y="0"/>
                  </a:lnTo>
                  <a:close/>
                </a:path>
                <a:path w="969645" h="3175">
                  <a:moveTo>
                    <a:pt x="216408" y="0"/>
                  </a:moveTo>
                  <a:lnTo>
                    <a:pt x="205740" y="0"/>
                  </a:lnTo>
                  <a:lnTo>
                    <a:pt x="205740" y="3048"/>
                  </a:lnTo>
                  <a:lnTo>
                    <a:pt x="216408" y="3048"/>
                  </a:lnTo>
                  <a:lnTo>
                    <a:pt x="216408" y="0"/>
                  </a:lnTo>
                  <a:close/>
                </a:path>
                <a:path w="969645" h="3175">
                  <a:moveTo>
                    <a:pt x="230124" y="0"/>
                  </a:moveTo>
                  <a:lnTo>
                    <a:pt x="219456" y="0"/>
                  </a:lnTo>
                  <a:lnTo>
                    <a:pt x="219456" y="3048"/>
                  </a:lnTo>
                  <a:lnTo>
                    <a:pt x="230124" y="3048"/>
                  </a:lnTo>
                  <a:lnTo>
                    <a:pt x="230124" y="0"/>
                  </a:lnTo>
                  <a:close/>
                </a:path>
                <a:path w="969645" h="3175">
                  <a:moveTo>
                    <a:pt x="243840" y="0"/>
                  </a:moveTo>
                  <a:lnTo>
                    <a:pt x="233172" y="0"/>
                  </a:lnTo>
                  <a:lnTo>
                    <a:pt x="233172" y="3048"/>
                  </a:lnTo>
                  <a:lnTo>
                    <a:pt x="243840" y="3048"/>
                  </a:lnTo>
                  <a:lnTo>
                    <a:pt x="243840" y="0"/>
                  </a:lnTo>
                  <a:close/>
                </a:path>
                <a:path w="969645" h="3175">
                  <a:moveTo>
                    <a:pt x="257556" y="0"/>
                  </a:moveTo>
                  <a:lnTo>
                    <a:pt x="246888" y="0"/>
                  </a:lnTo>
                  <a:lnTo>
                    <a:pt x="246888" y="3048"/>
                  </a:lnTo>
                  <a:lnTo>
                    <a:pt x="257556" y="3048"/>
                  </a:lnTo>
                  <a:lnTo>
                    <a:pt x="257556" y="0"/>
                  </a:lnTo>
                  <a:close/>
                </a:path>
                <a:path w="969645" h="3175">
                  <a:moveTo>
                    <a:pt x="271272" y="0"/>
                  </a:moveTo>
                  <a:lnTo>
                    <a:pt x="260604" y="0"/>
                  </a:lnTo>
                  <a:lnTo>
                    <a:pt x="260604" y="3048"/>
                  </a:lnTo>
                  <a:lnTo>
                    <a:pt x="271272" y="3048"/>
                  </a:lnTo>
                  <a:lnTo>
                    <a:pt x="271272" y="0"/>
                  </a:lnTo>
                  <a:close/>
                </a:path>
                <a:path w="969645" h="3175">
                  <a:moveTo>
                    <a:pt x="284988" y="0"/>
                  </a:moveTo>
                  <a:lnTo>
                    <a:pt x="274320" y="0"/>
                  </a:lnTo>
                  <a:lnTo>
                    <a:pt x="274320" y="3048"/>
                  </a:lnTo>
                  <a:lnTo>
                    <a:pt x="284988" y="3048"/>
                  </a:lnTo>
                  <a:lnTo>
                    <a:pt x="284988" y="0"/>
                  </a:lnTo>
                  <a:close/>
                </a:path>
                <a:path w="969645" h="3175">
                  <a:moveTo>
                    <a:pt x="298704" y="0"/>
                  </a:moveTo>
                  <a:lnTo>
                    <a:pt x="288036" y="0"/>
                  </a:lnTo>
                  <a:lnTo>
                    <a:pt x="288036" y="3048"/>
                  </a:lnTo>
                  <a:lnTo>
                    <a:pt x="298704" y="3048"/>
                  </a:lnTo>
                  <a:lnTo>
                    <a:pt x="298704" y="0"/>
                  </a:lnTo>
                  <a:close/>
                </a:path>
                <a:path w="969645" h="3175">
                  <a:moveTo>
                    <a:pt x="312420" y="0"/>
                  </a:moveTo>
                  <a:lnTo>
                    <a:pt x="301752" y="0"/>
                  </a:lnTo>
                  <a:lnTo>
                    <a:pt x="301752" y="3048"/>
                  </a:lnTo>
                  <a:lnTo>
                    <a:pt x="312420" y="3048"/>
                  </a:lnTo>
                  <a:lnTo>
                    <a:pt x="312420" y="0"/>
                  </a:lnTo>
                  <a:close/>
                </a:path>
                <a:path w="969645" h="3175">
                  <a:moveTo>
                    <a:pt x="326136" y="0"/>
                  </a:moveTo>
                  <a:lnTo>
                    <a:pt x="315468" y="0"/>
                  </a:lnTo>
                  <a:lnTo>
                    <a:pt x="315468" y="3048"/>
                  </a:lnTo>
                  <a:lnTo>
                    <a:pt x="326136" y="3048"/>
                  </a:lnTo>
                  <a:lnTo>
                    <a:pt x="326136" y="0"/>
                  </a:lnTo>
                  <a:close/>
                </a:path>
                <a:path w="969645" h="3175">
                  <a:moveTo>
                    <a:pt x="339852" y="0"/>
                  </a:moveTo>
                  <a:lnTo>
                    <a:pt x="329184" y="0"/>
                  </a:lnTo>
                  <a:lnTo>
                    <a:pt x="329184" y="3048"/>
                  </a:lnTo>
                  <a:lnTo>
                    <a:pt x="339852" y="3048"/>
                  </a:lnTo>
                  <a:lnTo>
                    <a:pt x="339852" y="0"/>
                  </a:lnTo>
                  <a:close/>
                </a:path>
                <a:path w="969645" h="3175">
                  <a:moveTo>
                    <a:pt x="353568" y="0"/>
                  </a:moveTo>
                  <a:lnTo>
                    <a:pt x="342900" y="0"/>
                  </a:lnTo>
                  <a:lnTo>
                    <a:pt x="342900" y="3048"/>
                  </a:lnTo>
                  <a:lnTo>
                    <a:pt x="353568" y="3048"/>
                  </a:lnTo>
                  <a:lnTo>
                    <a:pt x="353568" y="0"/>
                  </a:lnTo>
                  <a:close/>
                </a:path>
                <a:path w="969645" h="3175">
                  <a:moveTo>
                    <a:pt x="367284" y="0"/>
                  </a:moveTo>
                  <a:lnTo>
                    <a:pt x="356616" y="0"/>
                  </a:lnTo>
                  <a:lnTo>
                    <a:pt x="356616" y="3048"/>
                  </a:lnTo>
                  <a:lnTo>
                    <a:pt x="367284" y="3048"/>
                  </a:lnTo>
                  <a:lnTo>
                    <a:pt x="367284" y="0"/>
                  </a:lnTo>
                  <a:close/>
                </a:path>
                <a:path w="969645" h="3175">
                  <a:moveTo>
                    <a:pt x="381000" y="0"/>
                  </a:moveTo>
                  <a:lnTo>
                    <a:pt x="370332" y="0"/>
                  </a:lnTo>
                  <a:lnTo>
                    <a:pt x="370332" y="3048"/>
                  </a:lnTo>
                  <a:lnTo>
                    <a:pt x="381000" y="3048"/>
                  </a:lnTo>
                  <a:lnTo>
                    <a:pt x="381000" y="0"/>
                  </a:lnTo>
                  <a:close/>
                </a:path>
                <a:path w="969645" h="3175">
                  <a:moveTo>
                    <a:pt x="394716" y="0"/>
                  </a:moveTo>
                  <a:lnTo>
                    <a:pt x="384048" y="0"/>
                  </a:lnTo>
                  <a:lnTo>
                    <a:pt x="384048" y="3048"/>
                  </a:lnTo>
                  <a:lnTo>
                    <a:pt x="394716" y="3048"/>
                  </a:lnTo>
                  <a:lnTo>
                    <a:pt x="394716" y="0"/>
                  </a:lnTo>
                  <a:close/>
                </a:path>
                <a:path w="969645" h="3175">
                  <a:moveTo>
                    <a:pt x="408432" y="0"/>
                  </a:moveTo>
                  <a:lnTo>
                    <a:pt x="397764" y="0"/>
                  </a:lnTo>
                  <a:lnTo>
                    <a:pt x="397764" y="3048"/>
                  </a:lnTo>
                  <a:lnTo>
                    <a:pt x="408432" y="3048"/>
                  </a:lnTo>
                  <a:lnTo>
                    <a:pt x="408432" y="0"/>
                  </a:lnTo>
                  <a:close/>
                </a:path>
                <a:path w="969645" h="3175">
                  <a:moveTo>
                    <a:pt x="422148" y="0"/>
                  </a:moveTo>
                  <a:lnTo>
                    <a:pt x="411480" y="0"/>
                  </a:lnTo>
                  <a:lnTo>
                    <a:pt x="411480" y="3048"/>
                  </a:lnTo>
                  <a:lnTo>
                    <a:pt x="422148" y="3048"/>
                  </a:lnTo>
                  <a:lnTo>
                    <a:pt x="422148" y="0"/>
                  </a:lnTo>
                  <a:close/>
                </a:path>
                <a:path w="969645" h="3175">
                  <a:moveTo>
                    <a:pt x="435864" y="0"/>
                  </a:moveTo>
                  <a:lnTo>
                    <a:pt x="425196" y="0"/>
                  </a:lnTo>
                  <a:lnTo>
                    <a:pt x="425196" y="3048"/>
                  </a:lnTo>
                  <a:lnTo>
                    <a:pt x="435864" y="3048"/>
                  </a:lnTo>
                  <a:lnTo>
                    <a:pt x="435864" y="0"/>
                  </a:lnTo>
                  <a:close/>
                </a:path>
                <a:path w="969645" h="3175">
                  <a:moveTo>
                    <a:pt x="449580" y="0"/>
                  </a:moveTo>
                  <a:lnTo>
                    <a:pt x="438912" y="0"/>
                  </a:lnTo>
                  <a:lnTo>
                    <a:pt x="438912" y="3048"/>
                  </a:lnTo>
                  <a:lnTo>
                    <a:pt x="449580" y="3048"/>
                  </a:lnTo>
                  <a:lnTo>
                    <a:pt x="449580" y="0"/>
                  </a:lnTo>
                  <a:close/>
                </a:path>
                <a:path w="969645" h="3175">
                  <a:moveTo>
                    <a:pt x="463296" y="0"/>
                  </a:moveTo>
                  <a:lnTo>
                    <a:pt x="452628" y="0"/>
                  </a:lnTo>
                  <a:lnTo>
                    <a:pt x="452628" y="3048"/>
                  </a:lnTo>
                  <a:lnTo>
                    <a:pt x="463296" y="3048"/>
                  </a:lnTo>
                  <a:lnTo>
                    <a:pt x="463296" y="0"/>
                  </a:lnTo>
                  <a:close/>
                </a:path>
                <a:path w="969645" h="3175">
                  <a:moveTo>
                    <a:pt x="477012" y="0"/>
                  </a:moveTo>
                  <a:lnTo>
                    <a:pt x="466344" y="0"/>
                  </a:lnTo>
                  <a:lnTo>
                    <a:pt x="466344" y="3048"/>
                  </a:lnTo>
                  <a:lnTo>
                    <a:pt x="477012" y="3048"/>
                  </a:lnTo>
                  <a:lnTo>
                    <a:pt x="477012" y="0"/>
                  </a:lnTo>
                  <a:close/>
                </a:path>
                <a:path w="969645" h="3175">
                  <a:moveTo>
                    <a:pt x="490728" y="0"/>
                  </a:moveTo>
                  <a:lnTo>
                    <a:pt x="480060" y="0"/>
                  </a:lnTo>
                  <a:lnTo>
                    <a:pt x="480060" y="3048"/>
                  </a:lnTo>
                  <a:lnTo>
                    <a:pt x="490728" y="3048"/>
                  </a:lnTo>
                  <a:lnTo>
                    <a:pt x="490728" y="0"/>
                  </a:lnTo>
                  <a:close/>
                </a:path>
                <a:path w="969645" h="3175">
                  <a:moveTo>
                    <a:pt x="504444" y="0"/>
                  </a:moveTo>
                  <a:lnTo>
                    <a:pt x="493776" y="0"/>
                  </a:lnTo>
                  <a:lnTo>
                    <a:pt x="493776" y="3048"/>
                  </a:lnTo>
                  <a:lnTo>
                    <a:pt x="504444" y="3048"/>
                  </a:lnTo>
                  <a:lnTo>
                    <a:pt x="504444" y="0"/>
                  </a:lnTo>
                  <a:close/>
                </a:path>
                <a:path w="969645" h="3175">
                  <a:moveTo>
                    <a:pt x="518160" y="0"/>
                  </a:moveTo>
                  <a:lnTo>
                    <a:pt x="507492" y="0"/>
                  </a:lnTo>
                  <a:lnTo>
                    <a:pt x="507492" y="3048"/>
                  </a:lnTo>
                  <a:lnTo>
                    <a:pt x="518160" y="3048"/>
                  </a:lnTo>
                  <a:lnTo>
                    <a:pt x="518160" y="0"/>
                  </a:lnTo>
                  <a:close/>
                </a:path>
                <a:path w="969645" h="3175">
                  <a:moveTo>
                    <a:pt x="531876" y="0"/>
                  </a:moveTo>
                  <a:lnTo>
                    <a:pt x="521208" y="0"/>
                  </a:lnTo>
                  <a:lnTo>
                    <a:pt x="521208" y="3048"/>
                  </a:lnTo>
                  <a:lnTo>
                    <a:pt x="531876" y="3048"/>
                  </a:lnTo>
                  <a:lnTo>
                    <a:pt x="531876" y="0"/>
                  </a:lnTo>
                  <a:close/>
                </a:path>
                <a:path w="969645" h="3175">
                  <a:moveTo>
                    <a:pt x="545592" y="0"/>
                  </a:moveTo>
                  <a:lnTo>
                    <a:pt x="534924" y="0"/>
                  </a:lnTo>
                  <a:lnTo>
                    <a:pt x="534924" y="3048"/>
                  </a:lnTo>
                  <a:lnTo>
                    <a:pt x="545592" y="3048"/>
                  </a:lnTo>
                  <a:lnTo>
                    <a:pt x="545592" y="0"/>
                  </a:lnTo>
                  <a:close/>
                </a:path>
                <a:path w="969645" h="3175">
                  <a:moveTo>
                    <a:pt x="559308" y="0"/>
                  </a:moveTo>
                  <a:lnTo>
                    <a:pt x="548640" y="0"/>
                  </a:lnTo>
                  <a:lnTo>
                    <a:pt x="548640" y="3048"/>
                  </a:lnTo>
                  <a:lnTo>
                    <a:pt x="559308" y="3048"/>
                  </a:lnTo>
                  <a:lnTo>
                    <a:pt x="559308" y="0"/>
                  </a:lnTo>
                  <a:close/>
                </a:path>
                <a:path w="969645" h="3175">
                  <a:moveTo>
                    <a:pt x="573024" y="0"/>
                  </a:moveTo>
                  <a:lnTo>
                    <a:pt x="562356" y="0"/>
                  </a:lnTo>
                  <a:lnTo>
                    <a:pt x="562356" y="3048"/>
                  </a:lnTo>
                  <a:lnTo>
                    <a:pt x="573024" y="3048"/>
                  </a:lnTo>
                  <a:lnTo>
                    <a:pt x="573024" y="0"/>
                  </a:lnTo>
                  <a:close/>
                </a:path>
                <a:path w="969645" h="3175">
                  <a:moveTo>
                    <a:pt x="586740" y="0"/>
                  </a:moveTo>
                  <a:lnTo>
                    <a:pt x="576072" y="0"/>
                  </a:lnTo>
                  <a:lnTo>
                    <a:pt x="576072" y="3048"/>
                  </a:lnTo>
                  <a:lnTo>
                    <a:pt x="586740" y="3048"/>
                  </a:lnTo>
                  <a:lnTo>
                    <a:pt x="586740" y="0"/>
                  </a:lnTo>
                  <a:close/>
                </a:path>
                <a:path w="969645" h="3175">
                  <a:moveTo>
                    <a:pt x="600456" y="0"/>
                  </a:moveTo>
                  <a:lnTo>
                    <a:pt x="589788" y="0"/>
                  </a:lnTo>
                  <a:lnTo>
                    <a:pt x="589788" y="3048"/>
                  </a:lnTo>
                  <a:lnTo>
                    <a:pt x="600456" y="3048"/>
                  </a:lnTo>
                  <a:lnTo>
                    <a:pt x="600456" y="0"/>
                  </a:lnTo>
                  <a:close/>
                </a:path>
                <a:path w="969645" h="3175">
                  <a:moveTo>
                    <a:pt x="614172" y="0"/>
                  </a:moveTo>
                  <a:lnTo>
                    <a:pt x="603504" y="0"/>
                  </a:lnTo>
                  <a:lnTo>
                    <a:pt x="603504" y="3048"/>
                  </a:lnTo>
                  <a:lnTo>
                    <a:pt x="614172" y="3048"/>
                  </a:lnTo>
                  <a:lnTo>
                    <a:pt x="614172" y="0"/>
                  </a:lnTo>
                  <a:close/>
                </a:path>
                <a:path w="969645" h="3175">
                  <a:moveTo>
                    <a:pt x="627888" y="0"/>
                  </a:moveTo>
                  <a:lnTo>
                    <a:pt x="617220" y="0"/>
                  </a:lnTo>
                  <a:lnTo>
                    <a:pt x="617220" y="3048"/>
                  </a:lnTo>
                  <a:lnTo>
                    <a:pt x="627888" y="3048"/>
                  </a:lnTo>
                  <a:lnTo>
                    <a:pt x="627888" y="0"/>
                  </a:lnTo>
                  <a:close/>
                </a:path>
                <a:path w="969645" h="3175">
                  <a:moveTo>
                    <a:pt x="641604" y="0"/>
                  </a:moveTo>
                  <a:lnTo>
                    <a:pt x="630936" y="0"/>
                  </a:lnTo>
                  <a:lnTo>
                    <a:pt x="630936" y="3048"/>
                  </a:lnTo>
                  <a:lnTo>
                    <a:pt x="641604" y="3048"/>
                  </a:lnTo>
                  <a:lnTo>
                    <a:pt x="641604" y="0"/>
                  </a:lnTo>
                  <a:close/>
                </a:path>
                <a:path w="969645" h="3175">
                  <a:moveTo>
                    <a:pt x="655320" y="0"/>
                  </a:moveTo>
                  <a:lnTo>
                    <a:pt x="644652" y="0"/>
                  </a:lnTo>
                  <a:lnTo>
                    <a:pt x="644652" y="3048"/>
                  </a:lnTo>
                  <a:lnTo>
                    <a:pt x="655320" y="3048"/>
                  </a:lnTo>
                  <a:lnTo>
                    <a:pt x="655320" y="0"/>
                  </a:lnTo>
                  <a:close/>
                </a:path>
                <a:path w="969645" h="3175">
                  <a:moveTo>
                    <a:pt x="669036" y="0"/>
                  </a:moveTo>
                  <a:lnTo>
                    <a:pt x="658368" y="0"/>
                  </a:lnTo>
                  <a:lnTo>
                    <a:pt x="658368" y="3048"/>
                  </a:lnTo>
                  <a:lnTo>
                    <a:pt x="669036" y="3048"/>
                  </a:lnTo>
                  <a:lnTo>
                    <a:pt x="669036" y="0"/>
                  </a:lnTo>
                  <a:close/>
                </a:path>
                <a:path w="969645" h="3175">
                  <a:moveTo>
                    <a:pt x="682752" y="0"/>
                  </a:moveTo>
                  <a:lnTo>
                    <a:pt x="672084" y="0"/>
                  </a:lnTo>
                  <a:lnTo>
                    <a:pt x="672084" y="3048"/>
                  </a:lnTo>
                  <a:lnTo>
                    <a:pt x="682752" y="3048"/>
                  </a:lnTo>
                  <a:lnTo>
                    <a:pt x="682752" y="0"/>
                  </a:lnTo>
                  <a:close/>
                </a:path>
                <a:path w="969645" h="3175">
                  <a:moveTo>
                    <a:pt x="696468" y="0"/>
                  </a:moveTo>
                  <a:lnTo>
                    <a:pt x="685800" y="0"/>
                  </a:lnTo>
                  <a:lnTo>
                    <a:pt x="685800" y="3048"/>
                  </a:lnTo>
                  <a:lnTo>
                    <a:pt x="696468" y="3048"/>
                  </a:lnTo>
                  <a:lnTo>
                    <a:pt x="696468" y="0"/>
                  </a:lnTo>
                  <a:close/>
                </a:path>
                <a:path w="969645" h="3175">
                  <a:moveTo>
                    <a:pt x="710184" y="0"/>
                  </a:moveTo>
                  <a:lnTo>
                    <a:pt x="699516" y="0"/>
                  </a:lnTo>
                  <a:lnTo>
                    <a:pt x="699516" y="3048"/>
                  </a:lnTo>
                  <a:lnTo>
                    <a:pt x="710184" y="3048"/>
                  </a:lnTo>
                  <a:lnTo>
                    <a:pt x="710184" y="0"/>
                  </a:lnTo>
                  <a:close/>
                </a:path>
                <a:path w="969645" h="3175">
                  <a:moveTo>
                    <a:pt x="723900" y="0"/>
                  </a:moveTo>
                  <a:lnTo>
                    <a:pt x="713232" y="0"/>
                  </a:lnTo>
                  <a:lnTo>
                    <a:pt x="713232" y="3048"/>
                  </a:lnTo>
                  <a:lnTo>
                    <a:pt x="723900" y="3048"/>
                  </a:lnTo>
                  <a:lnTo>
                    <a:pt x="723900" y="0"/>
                  </a:lnTo>
                  <a:close/>
                </a:path>
                <a:path w="969645" h="3175">
                  <a:moveTo>
                    <a:pt x="737616" y="0"/>
                  </a:moveTo>
                  <a:lnTo>
                    <a:pt x="726948" y="0"/>
                  </a:lnTo>
                  <a:lnTo>
                    <a:pt x="726948" y="3048"/>
                  </a:lnTo>
                  <a:lnTo>
                    <a:pt x="737616" y="3048"/>
                  </a:lnTo>
                  <a:lnTo>
                    <a:pt x="737616" y="0"/>
                  </a:lnTo>
                  <a:close/>
                </a:path>
                <a:path w="969645" h="3175">
                  <a:moveTo>
                    <a:pt x="751332" y="0"/>
                  </a:moveTo>
                  <a:lnTo>
                    <a:pt x="740664" y="0"/>
                  </a:lnTo>
                  <a:lnTo>
                    <a:pt x="740664" y="3048"/>
                  </a:lnTo>
                  <a:lnTo>
                    <a:pt x="751332" y="3048"/>
                  </a:lnTo>
                  <a:lnTo>
                    <a:pt x="751332" y="0"/>
                  </a:lnTo>
                  <a:close/>
                </a:path>
                <a:path w="969645" h="3175">
                  <a:moveTo>
                    <a:pt x="765048" y="0"/>
                  </a:moveTo>
                  <a:lnTo>
                    <a:pt x="754380" y="0"/>
                  </a:lnTo>
                  <a:lnTo>
                    <a:pt x="754380" y="3048"/>
                  </a:lnTo>
                  <a:lnTo>
                    <a:pt x="765048" y="3048"/>
                  </a:lnTo>
                  <a:lnTo>
                    <a:pt x="765048" y="0"/>
                  </a:lnTo>
                  <a:close/>
                </a:path>
                <a:path w="969645" h="3175">
                  <a:moveTo>
                    <a:pt x="778764" y="0"/>
                  </a:moveTo>
                  <a:lnTo>
                    <a:pt x="768096" y="0"/>
                  </a:lnTo>
                  <a:lnTo>
                    <a:pt x="768096" y="3048"/>
                  </a:lnTo>
                  <a:lnTo>
                    <a:pt x="778764" y="3048"/>
                  </a:lnTo>
                  <a:lnTo>
                    <a:pt x="778764" y="0"/>
                  </a:lnTo>
                  <a:close/>
                </a:path>
                <a:path w="969645" h="3175">
                  <a:moveTo>
                    <a:pt x="790956" y="0"/>
                  </a:moveTo>
                  <a:lnTo>
                    <a:pt x="781812" y="0"/>
                  </a:lnTo>
                  <a:lnTo>
                    <a:pt x="781812" y="3048"/>
                  </a:lnTo>
                  <a:lnTo>
                    <a:pt x="790956" y="3048"/>
                  </a:lnTo>
                  <a:lnTo>
                    <a:pt x="790956" y="0"/>
                  </a:lnTo>
                  <a:close/>
                </a:path>
                <a:path w="969645" h="3175">
                  <a:moveTo>
                    <a:pt x="804672" y="0"/>
                  </a:moveTo>
                  <a:lnTo>
                    <a:pt x="795528" y="0"/>
                  </a:lnTo>
                  <a:lnTo>
                    <a:pt x="795528" y="3048"/>
                  </a:lnTo>
                  <a:lnTo>
                    <a:pt x="804672" y="3048"/>
                  </a:lnTo>
                  <a:lnTo>
                    <a:pt x="804672" y="0"/>
                  </a:lnTo>
                  <a:close/>
                </a:path>
                <a:path w="969645" h="3175">
                  <a:moveTo>
                    <a:pt x="818388" y="0"/>
                  </a:moveTo>
                  <a:lnTo>
                    <a:pt x="809244" y="0"/>
                  </a:lnTo>
                  <a:lnTo>
                    <a:pt x="809244" y="3048"/>
                  </a:lnTo>
                  <a:lnTo>
                    <a:pt x="818388" y="3048"/>
                  </a:lnTo>
                  <a:lnTo>
                    <a:pt x="818388" y="0"/>
                  </a:lnTo>
                  <a:close/>
                </a:path>
                <a:path w="969645" h="3175">
                  <a:moveTo>
                    <a:pt x="832104" y="0"/>
                  </a:moveTo>
                  <a:lnTo>
                    <a:pt x="822960" y="0"/>
                  </a:lnTo>
                  <a:lnTo>
                    <a:pt x="822960" y="3048"/>
                  </a:lnTo>
                  <a:lnTo>
                    <a:pt x="832104" y="3048"/>
                  </a:lnTo>
                  <a:lnTo>
                    <a:pt x="832104" y="0"/>
                  </a:lnTo>
                  <a:close/>
                </a:path>
                <a:path w="969645" h="3175">
                  <a:moveTo>
                    <a:pt x="845820" y="0"/>
                  </a:moveTo>
                  <a:lnTo>
                    <a:pt x="836676" y="0"/>
                  </a:lnTo>
                  <a:lnTo>
                    <a:pt x="836676" y="3048"/>
                  </a:lnTo>
                  <a:lnTo>
                    <a:pt x="845820" y="3048"/>
                  </a:lnTo>
                  <a:lnTo>
                    <a:pt x="845820" y="0"/>
                  </a:lnTo>
                  <a:close/>
                </a:path>
                <a:path w="969645" h="3175">
                  <a:moveTo>
                    <a:pt x="859523" y="0"/>
                  </a:moveTo>
                  <a:lnTo>
                    <a:pt x="850392" y="0"/>
                  </a:lnTo>
                  <a:lnTo>
                    <a:pt x="850392" y="3048"/>
                  </a:lnTo>
                  <a:lnTo>
                    <a:pt x="859523" y="3048"/>
                  </a:lnTo>
                  <a:lnTo>
                    <a:pt x="859523" y="0"/>
                  </a:lnTo>
                  <a:close/>
                </a:path>
                <a:path w="969645" h="3175">
                  <a:moveTo>
                    <a:pt x="873252" y="0"/>
                  </a:moveTo>
                  <a:lnTo>
                    <a:pt x="864108" y="0"/>
                  </a:lnTo>
                  <a:lnTo>
                    <a:pt x="864108" y="3048"/>
                  </a:lnTo>
                  <a:lnTo>
                    <a:pt x="873252" y="3048"/>
                  </a:lnTo>
                  <a:lnTo>
                    <a:pt x="873252" y="0"/>
                  </a:lnTo>
                  <a:close/>
                </a:path>
                <a:path w="969645" h="3175">
                  <a:moveTo>
                    <a:pt x="886968" y="0"/>
                  </a:moveTo>
                  <a:lnTo>
                    <a:pt x="877824" y="0"/>
                  </a:lnTo>
                  <a:lnTo>
                    <a:pt x="877824" y="3048"/>
                  </a:lnTo>
                  <a:lnTo>
                    <a:pt x="886968" y="3048"/>
                  </a:lnTo>
                  <a:lnTo>
                    <a:pt x="886968" y="0"/>
                  </a:lnTo>
                  <a:close/>
                </a:path>
                <a:path w="969645" h="3175">
                  <a:moveTo>
                    <a:pt x="900684" y="0"/>
                  </a:moveTo>
                  <a:lnTo>
                    <a:pt x="891527" y="0"/>
                  </a:lnTo>
                  <a:lnTo>
                    <a:pt x="891527" y="3048"/>
                  </a:lnTo>
                  <a:lnTo>
                    <a:pt x="900684" y="3048"/>
                  </a:lnTo>
                  <a:lnTo>
                    <a:pt x="900684" y="0"/>
                  </a:lnTo>
                  <a:close/>
                </a:path>
                <a:path w="969645" h="3175">
                  <a:moveTo>
                    <a:pt x="914400" y="0"/>
                  </a:moveTo>
                  <a:lnTo>
                    <a:pt x="905256" y="0"/>
                  </a:lnTo>
                  <a:lnTo>
                    <a:pt x="905256" y="3048"/>
                  </a:lnTo>
                  <a:lnTo>
                    <a:pt x="914400" y="3048"/>
                  </a:lnTo>
                  <a:lnTo>
                    <a:pt x="914400" y="0"/>
                  </a:lnTo>
                  <a:close/>
                </a:path>
                <a:path w="969645" h="3175">
                  <a:moveTo>
                    <a:pt x="928116" y="0"/>
                  </a:moveTo>
                  <a:lnTo>
                    <a:pt x="918972" y="0"/>
                  </a:lnTo>
                  <a:lnTo>
                    <a:pt x="918972" y="3048"/>
                  </a:lnTo>
                  <a:lnTo>
                    <a:pt x="928116" y="3048"/>
                  </a:lnTo>
                  <a:lnTo>
                    <a:pt x="928116" y="0"/>
                  </a:lnTo>
                  <a:close/>
                </a:path>
                <a:path w="969645" h="3175">
                  <a:moveTo>
                    <a:pt x="941832" y="0"/>
                  </a:moveTo>
                  <a:lnTo>
                    <a:pt x="932675" y="0"/>
                  </a:lnTo>
                  <a:lnTo>
                    <a:pt x="932675" y="3048"/>
                  </a:lnTo>
                  <a:lnTo>
                    <a:pt x="941832" y="3048"/>
                  </a:lnTo>
                  <a:lnTo>
                    <a:pt x="941832" y="0"/>
                  </a:lnTo>
                  <a:close/>
                </a:path>
                <a:path w="969645" h="3175">
                  <a:moveTo>
                    <a:pt x="955548" y="0"/>
                  </a:moveTo>
                  <a:lnTo>
                    <a:pt x="946404" y="0"/>
                  </a:lnTo>
                  <a:lnTo>
                    <a:pt x="946404" y="3048"/>
                  </a:lnTo>
                  <a:lnTo>
                    <a:pt x="955548" y="3048"/>
                  </a:lnTo>
                  <a:lnTo>
                    <a:pt x="955548" y="0"/>
                  </a:lnTo>
                  <a:close/>
                </a:path>
                <a:path w="969645" h="3175">
                  <a:moveTo>
                    <a:pt x="969251" y="0"/>
                  </a:moveTo>
                  <a:lnTo>
                    <a:pt x="960120" y="0"/>
                  </a:lnTo>
                  <a:lnTo>
                    <a:pt x="960120" y="3048"/>
                  </a:lnTo>
                  <a:lnTo>
                    <a:pt x="969251" y="3048"/>
                  </a:lnTo>
                  <a:lnTo>
                    <a:pt x="969251" y="0"/>
                  </a:lnTo>
                  <a:close/>
                </a:path>
              </a:pathLst>
            </a:custGeom>
            <a:solidFill>
              <a:srgbClr val="000000"/>
            </a:solidFill>
          </p:spPr>
          <p:txBody>
            <a:bodyPr wrap="square" lIns="0" tIns="0" rIns="0" bIns="0" rtlCol="0"/>
            <a:lstStyle/>
            <a:p>
              <a:endParaRPr sz="1539"/>
            </a:p>
          </p:txBody>
        </p:sp>
        <p:sp>
          <p:nvSpPr>
            <p:cNvPr id="93" name="object 93"/>
            <p:cNvSpPr/>
            <p:nvPr/>
          </p:nvSpPr>
          <p:spPr>
            <a:xfrm>
              <a:off x="6603492" y="2139695"/>
              <a:ext cx="969644" cy="3175"/>
            </a:xfrm>
            <a:custGeom>
              <a:avLst/>
              <a:gdLst/>
              <a:ahLst/>
              <a:cxnLst/>
              <a:rect l="l" t="t" r="r" b="b"/>
              <a:pathLst>
                <a:path w="969645" h="3175">
                  <a:moveTo>
                    <a:pt x="9131" y="0"/>
                  </a:moveTo>
                  <a:lnTo>
                    <a:pt x="0" y="0"/>
                  </a:lnTo>
                  <a:lnTo>
                    <a:pt x="0" y="3048"/>
                  </a:lnTo>
                  <a:lnTo>
                    <a:pt x="9131" y="3048"/>
                  </a:lnTo>
                  <a:lnTo>
                    <a:pt x="9131" y="0"/>
                  </a:lnTo>
                  <a:close/>
                </a:path>
                <a:path w="969645" h="3175">
                  <a:moveTo>
                    <a:pt x="22860" y="0"/>
                  </a:moveTo>
                  <a:lnTo>
                    <a:pt x="13703" y="0"/>
                  </a:lnTo>
                  <a:lnTo>
                    <a:pt x="13703" y="3048"/>
                  </a:lnTo>
                  <a:lnTo>
                    <a:pt x="22860" y="3048"/>
                  </a:lnTo>
                  <a:lnTo>
                    <a:pt x="22860" y="0"/>
                  </a:lnTo>
                  <a:close/>
                </a:path>
                <a:path w="969645" h="3175">
                  <a:moveTo>
                    <a:pt x="36576" y="0"/>
                  </a:moveTo>
                  <a:lnTo>
                    <a:pt x="27432" y="0"/>
                  </a:lnTo>
                  <a:lnTo>
                    <a:pt x="27432" y="3048"/>
                  </a:lnTo>
                  <a:lnTo>
                    <a:pt x="36576" y="3048"/>
                  </a:lnTo>
                  <a:lnTo>
                    <a:pt x="36576" y="0"/>
                  </a:lnTo>
                  <a:close/>
                </a:path>
                <a:path w="969645" h="3175">
                  <a:moveTo>
                    <a:pt x="50279" y="0"/>
                  </a:moveTo>
                  <a:lnTo>
                    <a:pt x="41148" y="0"/>
                  </a:lnTo>
                  <a:lnTo>
                    <a:pt x="41148" y="3048"/>
                  </a:lnTo>
                  <a:lnTo>
                    <a:pt x="50279" y="3048"/>
                  </a:lnTo>
                  <a:lnTo>
                    <a:pt x="50279" y="0"/>
                  </a:lnTo>
                  <a:close/>
                </a:path>
                <a:path w="969645" h="3175">
                  <a:moveTo>
                    <a:pt x="64008" y="0"/>
                  </a:moveTo>
                  <a:lnTo>
                    <a:pt x="54864" y="0"/>
                  </a:lnTo>
                  <a:lnTo>
                    <a:pt x="54864" y="3048"/>
                  </a:lnTo>
                  <a:lnTo>
                    <a:pt x="64008" y="3048"/>
                  </a:lnTo>
                  <a:lnTo>
                    <a:pt x="64008" y="0"/>
                  </a:lnTo>
                  <a:close/>
                </a:path>
                <a:path w="969645" h="3175">
                  <a:moveTo>
                    <a:pt x="77724" y="0"/>
                  </a:moveTo>
                  <a:lnTo>
                    <a:pt x="68580" y="0"/>
                  </a:lnTo>
                  <a:lnTo>
                    <a:pt x="68580" y="3048"/>
                  </a:lnTo>
                  <a:lnTo>
                    <a:pt x="77724" y="3048"/>
                  </a:lnTo>
                  <a:lnTo>
                    <a:pt x="77724" y="0"/>
                  </a:lnTo>
                  <a:close/>
                </a:path>
                <a:path w="969645" h="3175">
                  <a:moveTo>
                    <a:pt x="91440" y="0"/>
                  </a:moveTo>
                  <a:lnTo>
                    <a:pt x="82296" y="0"/>
                  </a:lnTo>
                  <a:lnTo>
                    <a:pt x="82296" y="3048"/>
                  </a:lnTo>
                  <a:lnTo>
                    <a:pt x="91440" y="3048"/>
                  </a:lnTo>
                  <a:lnTo>
                    <a:pt x="91440" y="0"/>
                  </a:lnTo>
                  <a:close/>
                </a:path>
                <a:path w="969645" h="3175">
                  <a:moveTo>
                    <a:pt x="105156" y="0"/>
                  </a:moveTo>
                  <a:lnTo>
                    <a:pt x="96012" y="0"/>
                  </a:lnTo>
                  <a:lnTo>
                    <a:pt x="96012" y="3048"/>
                  </a:lnTo>
                  <a:lnTo>
                    <a:pt x="105156" y="3048"/>
                  </a:lnTo>
                  <a:lnTo>
                    <a:pt x="105156" y="0"/>
                  </a:lnTo>
                  <a:close/>
                </a:path>
                <a:path w="969645" h="3175">
                  <a:moveTo>
                    <a:pt x="118872" y="0"/>
                  </a:moveTo>
                  <a:lnTo>
                    <a:pt x="109728" y="0"/>
                  </a:lnTo>
                  <a:lnTo>
                    <a:pt x="109728" y="3048"/>
                  </a:lnTo>
                  <a:lnTo>
                    <a:pt x="118872" y="3048"/>
                  </a:lnTo>
                  <a:lnTo>
                    <a:pt x="118872" y="0"/>
                  </a:lnTo>
                  <a:close/>
                </a:path>
                <a:path w="969645" h="3175">
                  <a:moveTo>
                    <a:pt x="132588" y="0"/>
                  </a:moveTo>
                  <a:lnTo>
                    <a:pt x="123444" y="0"/>
                  </a:lnTo>
                  <a:lnTo>
                    <a:pt x="123444" y="3048"/>
                  </a:lnTo>
                  <a:lnTo>
                    <a:pt x="132588" y="3048"/>
                  </a:lnTo>
                  <a:lnTo>
                    <a:pt x="132588" y="0"/>
                  </a:lnTo>
                  <a:close/>
                </a:path>
                <a:path w="969645" h="3175">
                  <a:moveTo>
                    <a:pt x="146304" y="0"/>
                  </a:moveTo>
                  <a:lnTo>
                    <a:pt x="137160" y="0"/>
                  </a:lnTo>
                  <a:lnTo>
                    <a:pt x="137160" y="3048"/>
                  </a:lnTo>
                  <a:lnTo>
                    <a:pt x="146304" y="3048"/>
                  </a:lnTo>
                  <a:lnTo>
                    <a:pt x="146304" y="0"/>
                  </a:lnTo>
                  <a:close/>
                </a:path>
                <a:path w="969645" h="3175">
                  <a:moveTo>
                    <a:pt x="160020" y="0"/>
                  </a:moveTo>
                  <a:lnTo>
                    <a:pt x="150876" y="0"/>
                  </a:lnTo>
                  <a:lnTo>
                    <a:pt x="150876" y="3048"/>
                  </a:lnTo>
                  <a:lnTo>
                    <a:pt x="160020" y="3048"/>
                  </a:lnTo>
                  <a:lnTo>
                    <a:pt x="160020" y="0"/>
                  </a:lnTo>
                  <a:close/>
                </a:path>
                <a:path w="969645" h="3175">
                  <a:moveTo>
                    <a:pt x="173736" y="0"/>
                  </a:moveTo>
                  <a:lnTo>
                    <a:pt x="164592" y="0"/>
                  </a:lnTo>
                  <a:lnTo>
                    <a:pt x="164592" y="3048"/>
                  </a:lnTo>
                  <a:lnTo>
                    <a:pt x="173736" y="3048"/>
                  </a:lnTo>
                  <a:lnTo>
                    <a:pt x="173736" y="0"/>
                  </a:lnTo>
                  <a:close/>
                </a:path>
                <a:path w="969645" h="3175">
                  <a:moveTo>
                    <a:pt x="187452" y="0"/>
                  </a:moveTo>
                  <a:lnTo>
                    <a:pt x="178308" y="0"/>
                  </a:lnTo>
                  <a:lnTo>
                    <a:pt x="178308" y="3048"/>
                  </a:lnTo>
                  <a:lnTo>
                    <a:pt x="187452" y="3048"/>
                  </a:lnTo>
                  <a:lnTo>
                    <a:pt x="187452" y="0"/>
                  </a:lnTo>
                  <a:close/>
                </a:path>
                <a:path w="969645" h="3175">
                  <a:moveTo>
                    <a:pt x="201168" y="0"/>
                  </a:moveTo>
                  <a:lnTo>
                    <a:pt x="192024" y="0"/>
                  </a:lnTo>
                  <a:lnTo>
                    <a:pt x="192024" y="3048"/>
                  </a:lnTo>
                  <a:lnTo>
                    <a:pt x="201168" y="3048"/>
                  </a:lnTo>
                  <a:lnTo>
                    <a:pt x="201168" y="0"/>
                  </a:lnTo>
                  <a:close/>
                </a:path>
                <a:path w="969645" h="3175">
                  <a:moveTo>
                    <a:pt x="214884" y="0"/>
                  </a:moveTo>
                  <a:lnTo>
                    <a:pt x="205740" y="0"/>
                  </a:lnTo>
                  <a:lnTo>
                    <a:pt x="205740" y="3048"/>
                  </a:lnTo>
                  <a:lnTo>
                    <a:pt x="214884" y="3048"/>
                  </a:lnTo>
                  <a:lnTo>
                    <a:pt x="214884" y="0"/>
                  </a:lnTo>
                  <a:close/>
                </a:path>
                <a:path w="969645" h="3175">
                  <a:moveTo>
                    <a:pt x="228600" y="0"/>
                  </a:moveTo>
                  <a:lnTo>
                    <a:pt x="219456" y="0"/>
                  </a:lnTo>
                  <a:lnTo>
                    <a:pt x="219456" y="3048"/>
                  </a:lnTo>
                  <a:lnTo>
                    <a:pt x="228600" y="3048"/>
                  </a:lnTo>
                  <a:lnTo>
                    <a:pt x="228600" y="0"/>
                  </a:lnTo>
                  <a:close/>
                </a:path>
                <a:path w="969645" h="3175">
                  <a:moveTo>
                    <a:pt x="242316" y="0"/>
                  </a:moveTo>
                  <a:lnTo>
                    <a:pt x="233172" y="0"/>
                  </a:lnTo>
                  <a:lnTo>
                    <a:pt x="233172" y="3048"/>
                  </a:lnTo>
                  <a:lnTo>
                    <a:pt x="242316" y="3048"/>
                  </a:lnTo>
                  <a:lnTo>
                    <a:pt x="242316" y="0"/>
                  </a:lnTo>
                  <a:close/>
                </a:path>
                <a:path w="969645" h="3175">
                  <a:moveTo>
                    <a:pt x="256032" y="0"/>
                  </a:moveTo>
                  <a:lnTo>
                    <a:pt x="246888" y="0"/>
                  </a:lnTo>
                  <a:lnTo>
                    <a:pt x="246888" y="3048"/>
                  </a:lnTo>
                  <a:lnTo>
                    <a:pt x="256032" y="3048"/>
                  </a:lnTo>
                  <a:lnTo>
                    <a:pt x="256032" y="0"/>
                  </a:lnTo>
                  <a:close/>
                </a:path>
                <a:path w="969645" h="3175">
                  <a:moveTo>
                    <a:pt x="269748" y="0"/>
                  </a:moveTo>
                  <a:lnTo>
                    <a:pt x="260604" y="0"/>
                  </a:lnTo>
                  <a:lnTo>
                    <a:pt x="260604" y="3048"/>
                  </a:lnTo>
                  <a:lnTo>
                    <a:pt x="269748" y="3048"/>
                  </a:lnTo>
                  <a:lnTo>
                    <a:pt x="269748" y="0"/>
                  </a:lnTo>
                  <a:close/>
                </a:path>
                <a:path w="969645" h="3175">
                  <a:moveTo>
                    <a:pt x="283464" y="0"/>
                  </a:moveTo>
                  <a:lnTo>
                    <a:pt x="274320" y="0"/>
                  </a:lnTo>
                  <a:lnTo>
                    <a:pt x="274320" y="3048"/>
                  </a:lnTo>
                  <a:lnTo>
                    <a:pt x="283464" y="3048"/>
                  </a:lnTo>
                  <a:lnTo>
                    <a:pt x="283464" y="0"/>
                  </a:lnTo>
                  <a:close/>
                </a:path>
                <a:path w="969645" h="3175">
                  <a:moveTo>
                    <a:pt x="297180" y="0"/>
                  </a:moveTo>
                  <a:lnTo>
                    <a:pt x="288036" y="0"/>
                  </a:lnTo>
                  <a:lnTo>
                    <a:pt x="288036" y="3048"/>
                  </a:lnTo>
                  <a:lnTo>
                    <a:pt x="297180" y="3048"/>
                  </a:lnTo>
                  <a:lnTo>
                    <a:pt x="297180" y="0"/>
                  </a:lnTo>
                  <a:close/>
                </a:path>
                <a:path w="969645" h="3175">
                  <a:moveTo>
                    <a:pt x="310896" y="0"/>
                  </a:moveTo>
                  <a:lnTo>
                    <a:pt x="301752" y="0"/>
                  </a:lnTo>
                  <a:lnTo>
                    <a:pt x="301752" y="3048"/>
                  </a:lnTo>
                  <a:lnTo>
                    <a:pt x="310896" y="3048"/>
                  </a:lnTo>
                  <a:lnTo>
                    <a:pt x="310896" y="0"/>
                  </a:lnTo>
                  <a:close/>
                </a:path>
                <a:path w="969645" h="3175">
                  <a:moveTo>
                    <a:pt x="324612" y="0"/>
                  </a:moveTo>
                  <a:lnTo>
                    <a:pt x="315468" y="0"/>
                  </a:lnTo>
                  <a:lnTo>
                    <a:pt x="315468" y="3048"/>
                  </a:lnTo>
                  <a:lnTo>
                    <a:pt x="324612" y="3048"/>
                  </a:lnTo>
                  <a:lnTo>
                    <a:pt x="324612" y="0"/>
                  </a:lnTo>
                  <a:close/>
                </a:path>
                <a:path w="969645" h="3175">
                  <a:moveTo>
                    <a:pt x="338328" y="0"/>
                  </a:moveTo>
                  <a:lnTo>
                    <a:pt x="329184" y="0"/>
                  </a:lnTo>
                  <a:lnTo>
                    <a:pt x="329184" y="3048"/>
                  </a:lnTo>
                  <a:lnTo>
                    <a:pt x="338328" y="3048"/>
                  </a:lnTo>
                  <a:lnTo>
                    <a:pt x="338328" y="0"/>
                  </a:lnTo>
                  <a:close/>
                </a:path>
                <a:path w="969645" h="3175">
                  <a:moveTo>
                    <a:pt x="352044" y="0"/>
                  </a:moveTo>
                  <a:lnTo>
                    <a:pt x="342900" y="0"/>
                  </a:lnTo>
                  <a:lnTo>
                    <a:pt x="342900" y="3048"/>
                  </a:lnTo>
                  <a:lnTo>
                    <a:pt x="352044" y="3048"/>
                  </a:lnTo>
                  <a:lnTo>
                    <a:pt x="352044" y="0"/>
                  </a:lnTo>
                  <a:close/>
                </a:path>
                <a:path w="969645" h="3175">
                  <a:moveTo>
                    <a:pt x="365760" y="0"/>
                  </a:moveTo>
                  <a:lnTo>
                    <a:pt x="356616" y="0"/>
                  </a:lnTo>
                  <a:lnTo>
                    <a:pt x="356616" y="3048"/>
                  </a:lnTo>
                  <a:lnTo>
                    <a:pt x="365760" y="3048"/>
                  </a:lnTo>
                  <a:lnTo>
                    <a:pt x="365760" y="0"/>
                  </a:lnTo>
                  <a:close/>
                </a:path>
                <a:path w="969645" h="3175">
                  <a:moveTo>
                    <a:pt x="379476" y="0"/>
                  </a:moveTo>
                  <a:lnTo>
                    <a:pt x="370332" y="0"/>
                  </a:lnTo>
                  <a:lnTo>
                    <a:pt x="370332" y="3048"/>
                  </a:lnTo>
                  <a:lnTo>
                    <a:pt x="379476" y="3048"/>
                  </a:lnTo>
                  <a:lnTo>
                    <a:pt x="379476" y="0"/>
                  </a:lnTo>
                  <a:close/>
                </a:path>
                <a:path w="969645" h="3175">
                  <a:moveTo>
                    <a:pt x="393192" y="0"/>
                  </a:moveTo>
                  <a:lnTo>
                    <a:pt x="384048" y="0"/>
                  </a:lnTo>
                  <a:lnTo>
                    <a:pt x="384048" y="3048"/>
                  </a:lnTo>
                  <a:lnTo>
                    <a:pt x="393192" y="3048"/>
                  </a:lnTo>
                  <a:lnTo>
                    <a:pt x="393192" y="0"/>
                  </a:lnTo>
                  <a:close/>
                </a:path>
                <a:path w="969645" h="3175">
                  <a:moveTo>
                    <a:pt x="406908" y="0"/>
                  </a:moveTo>
                  <a:lnTo>
                    <a:pt x="397764" y="0"/>
                  </a:lnTo>
                  <a:lnTo>
                    <a:pt x="397764" y="3048"/>
                  </a:lnTo>
                  <a:lnTo>
                    <a:pt x="406908" y="3048"/>
                  </a:lnTo>
                  <a:lnTo>
                    <a:pt x="406908" y="0"/>
                  </a:lnTo>
                  <a:close/>
                </a:path>
                <a:path w="969645" h="3175">
                  <a:moveTo>
                    <a:pt x="420624" y="0"/>
                  </a:moveTo>
                  <a:lnTo>
                    <a:pt x="411480" y="0"/>
                  </a:lnTo>
                  <a:lnTo>
                    <a:pt x="411480" y="3048"/>
                  </a:lnTo>
                  <a:lnTo>
                    <a:pt x="420624" y="3048"/>
                  </a:lnTo>
                  <a:lnTo>
                    <a:pt x="420624" y="0"/>
                  </a:lnTo>
                  <a:close/>
                </a:path>
                <a:path w="969645" h="3175">
                  <a:moveTo>
                    <a:pt x="434340" y="0"/>
                  </a:moveTo>
                  <a:lnTo>
                    <a:pt x="425196" y="0"/>
                  </a:lnTo>
                  <a:lnTo>
                    <a:pt x="425196" y="3048"/>
                  </a:lnTo>
                  <a:lnTo>
                    <a:pt x="434340" y="3048"/>
                  </a:lnTo>
                  <a:lnTo>
                    <a:pt x="434340" y="0"/>
                  </a:lnTo>
                  <a:close/>
                </a:path>
                <a:path w="969645" h="3175">
                  <a:moveTo>
                    <a:pt x="448056" y="0"/>
                  </a:moveTo>
                  <a:lnTo>
                    <a:pt x="437388" y="0"/>
                  </a:lnTo>
                  <a:lnTo>
                    <a:pt x="437388" y="3048"/>
                  </a:lnTo>
                  <a:lnTo>
                    <a:pt x="448056" y="3048"/>
                  </a:lnTo>
                  <a:lnTo>
                    <a:pt x="448056" y="0"/>
                  </a:lnTo>
                  <a:close/>
                </a:path>
                <a:path w="969645" h="3175">
                  <a:moveTo>
                    <a:pt x="461772" y="0"/>
                  </a:moveTo>
                  <a:lnTo>
                    <a:pt x="451104" y="0"/>
                  </a:lnTo>
                  <a:lnTo>
                    <a:pt x="451104" y="3048"/>
                  </a:lnTo>
                  <a:lnTo>
                    <a:pt x="461772" y="3048"/>
                  </a:lnTo>
                  <a:lnTo>
                    <a:pt x="461772" y="0"/>
                  </a:lnTo>
                  <a:close/>
                </a:path>
                <a:path w="969645" h="3175">
                  <a:moveTo>
                    <a:pt x="475488" y="0"/>
                  </a:moveTo>
                  <a:lnTo>
                    <a:pt x="464820" y="0"/>
                  </a:lnTo>
                  <a:lnTo>
                    <a:pt x="464820" y="3048"/>
                  </a:lnTo>
                  <a:lnTo>
                    <a:pt x="475488" y="3048"/>
                  </a:lnTo>
                  <a:lnTo>
                    <a:pt x="475488" y="0"/>
                  </a:lnTo>
                  <a:close/>
                </a:path>
                <a:path w="969645" h="3175">
                  <a:moveTo>
                    <a:pt x="489204" y="0"/>
                  </a:moveTo>
                  <a:lnTo>
                    <a:pt x="478536" y="0"/>
                  </a:lnTo>
                  <a:lnTo>
                    <a:pt x="478536" y="3048"/>
                  </a:lnTo>
                  <a:lnTo>
                    <a:pt x="489204" y="3048"/>
                  </a:lnTo>
                  <a:lnTo>
                    <a:pt x="489204" y="0"/>
                  </a:lnTo>
                  <a:close/>
                </a:path>
                <a:path w="969645" h="3175">
                  <a:moveTo>
                    <a:pt x="502920" y="0"/>
                  </a:moveTo>
                  <a:lnTo>
                    <a:pt x="492252" y="0"/>
                  </a:lnTo>
                  <a:lnTo>
                    <a:pt x="492252" y="3048"/>
                  </a:lnTo>
                  <a:lnTo>
                    <a:pt x="502920" y="3048"/>
                  </a:lnTo>
                  <a:lnTo>
                    <a:pt x="502920" y="0"/>
                  </a:lnTo>
                  <a:close/>
                </a:path>
                <a:path w="969645" h="3175">
                  <a:moveTo>
                    <a:pt x="516636" y="0"/>
                  </a:moveTo>
                  <a:lnTo>
                    <a:pt x="505968" y="0"/>
                  </a:lnTo>
                  <a:lnTo>
                    <a:pt x="505968" y="3048"/>
                  </a:lnTo>
                  <a:lnTo>
                    <a:pt x="516636" y="3048"/>
                  </a:lnTo>
                  <a:lnTo>
                    <a:pt x="516636" y="0"/>
                  </a:lnTo>
                  <a:close/>
                </a:path>
                <a:path w="969645" h="3175">
                  <a:moveTo>
                    <a:pt x="530352" y="0"/>
                  </a:moveTo>
                  <a:lnTo>
                    <a:pt x="519684" y="0"/>
                  </a:lnTo>
                  <a:lnTo>
                    <a:pt x="519684" y="3048"/>
                  </a:lnTo>
                  <a:lnTo>
                    <a:pt x="530352" y="3048"/>
                  </a:lnTo>
                  <a:lnTo>
                    <a:pt x="530352" y="0"/>
                  </a:lnTo>
                  <a:close/>
                </a:path>
                <a:path w="969645" h="3175">
                  <a:moveTo>
                    <a:pt x="544068" y="0"/>
                  </a:moveTo>
                  <a:lnTo>
                    <a:pt x="533400" y="0"/>
                  </a:lnTo>
                  <a:lnTo>
                    <a:pt x="533400" y="3048"/>
                  </a:lnTo>
                  <a:lnTo>
                    <a:pt x="544068" y="3048"/>
                  </a:lnTo>
                  <a:lnTo>
                    <a:pt x="544068" y="0"/>
                  </a:lnTo>
                  <a:close/>
                </a:path>
                <a:path w="969645" h="3175">
                  <a:moveTo>
                    <a:pt x="557784" y="0"/>
                  </a:moveTo>
                  <a:lnTo>
                    <a:pt x="547116" y="0"/>
                  </a:lnTo>
                  <a:lnTo>
                    <a:pt x="547116" y="3048"/>
                  </a:lnTo>
                  <a:lnTo>
                    <a:pt x="557784" y="3048"/>
                  </a:lnTo>
                  <a:lnTo>
                    <a:pt x="557784" y="0"/>
                  </a:lnTo>
                  <a:close/>
                </a:path>
                <a:path w="969645" h="3175">
                  <a:moveTo>
                    <a:pt x="571500" y="0"/>
                  </a:moveTo>
                  <a:lnTo>
                    <a:pt x="560832" y="0"/>
                  </a:lnTo>
                  <a:lnTo>
                    <a:pt x="560832" y="3048"/>
                  </a:lnTo>
                  <a:lnTo>
                    <a:pt x="571500" y="3048"/>
                  </a:lnTo>
                  <a:lnTo>
                    <a:pt x="571500" y="0"/>
                  </a:lnTo>
                  <a:close/>
                </a:path>
                <a:path w="969645" h="3175">
                  <a:moveTo>
                    <a:pt x="585216" y="0"/>
                  </a:moveTo>
                  <a:lnTo>
                    <a:pt x="574548" y="0"/>
                  </a:lnTo>
                  <a:lnTo>
                    <a:pt x="574548" y="3048"/>
                  </a:lnTo>
                  <a:lnTo>
                    <a:pt x="585216" y="3048"/>
                  </a:lnTo>
                  <a:lnTo>
                    <a:pt x="585216" y="0"/>
                  </a:lnTo>
                  <a:close/>
                </a:path>
                <a:path w="969645" h="3175">
                  <a:moveTo>
                    <a:pt x="598932" y="0"/>
                  </a:moveTo>
                  <a:lnTo>
                    <a:pt x="588264" y="0"/>
                  </a:lnTo>
                  <a:lnTo>
                    <a:pt x="588264" y="3048"/>
                  </a:lnTo>
                  <a:lnTo>
                    <a:pt x="598932" y="3048"/>
                  </a:lnTo>
                  <a:lnTo>
                    <a:pt x="598932" y="0"/>
                  </a:lnTo>
                  <a:close/>
                </a:path>
                <a:path w="969645" h="3175">
                  <a:moveTo>
                    <a:pt x="612648" y="0"/>
                  </a:moveTo>
                  <a:lnTo>
                    <a:pt x="601980" y="0"/>
                  </a:lnTo>
                  <a:lnTo>
                    <a:pt x="601980" y="3048"/>
                  </a:lnTo>
                  <a:lnTo>
                    <a:pt x="612648" y="3048"/>
                  </a:lnTo>
                  <a:lnTo>
                    <a:pt x="612648" y="0"/>
                  </a:lnTo>
                  <a:close/>
                </a:path>
                <a:path w="969645" h="3175">
                  <a:moveTo>
                    <a:pt x="626364" y="0"/>
                  </a:moveTo>
                  <a:lnTo>
                    <a:pt x="615696" y="0"/>
                  </a:lnTo>
                  <a:lnTo>
                    <a:pt x="615696" y="3048"/>
                  </a:lnTo>
                  <a:lnTo>
                    <a:pt x="626364" y="3048"/>
                  </a:lnTo>
                  <a:lnTo>
                    <a:pt x="626364" y="0"/>
                  </a:lnTo>
                  <a:close/>
                </a:path>
                <a:path w="969645" h="3175">
                  <a:moveTo>
                    <a:pt x="640080" y="0"/>
                  </a:moveTo>
                  <a:lnTo>
                    <a:pt x="629412" y="0"/>
                  </a:lnTo>
                  <a:lnTo>
                    <a:pt x="629412" y="3048"/>
                  </a:lnTo>
                  <a:lnTo>
                    <a:pt x="640080" y="3048"/>
                  </a:lnTo>
                  <a:lnTo>
                    <a:pt x="640080" y="0"/>
                  </a:lnTo>
                  <a:close/>
                </a:path>
                <a:path w="969645" h="3175">
                  <a:moveTo>
                    <a:pt x="653796" y="0"/>
                  </a:moveTo>
                  <a:lnTo>
                    <a:pt x="643128" y="0"/>
                  </a:lnTo>
                  <a:lnTo>
                    <a:pt x="643128" y="3048"/>
                  </a:lnTo>
                  <a:lnTo>
                    <a:pt x="653796" y="3048"/>
                  </a:lnTo>
                  <a:lnTo>
                    <a:pt x="653796" y="0"/>
                  </a:lnTo>
                  <a:close/>
                </a:path>
                <a:path w="969645" h="3175">
                  <a:moveTo>
                    <a:pt x="667512" y="0"/>
                  </a:moveTo>
                  <a:lnTo>
                    <a:pt x="656844" y="0"/>
                  </a:lnTo>
                  <a:lnTo>
                    <a:pt x="656844" y="3048"/>
                  </a:lnTo>
                  <a:lnTo>
                    <a:pt x="667512" y="3048"/>
                  </a:lnTo>
                  <a:lnTo>
                    <a:pt x="667512" y="0"/>
                  </a:lnTo>
                  <a:close/>
                </a:path>
                <a:path w="969645" h="3175">
                  <a:moveTo>
                    <a:pt x="681228" y="0"/>
                  </a:moveTo>
                  <a:lnTo>
                    <a:pt x="670560" y="0"/>
                  </a:lnTo>
                  <a:lnTo>
                    <a:pt x="670560" y="3048"/>
                  </a:lnTo>
                  <a:lnTo>
                    <a:pt x="681228" y="3048"/>
                  </a:lnTo>
                  <a:lnTo>
                    <a:pt x="681228" y="0"/>
                  </a:lnTo>
                  <a:close/>
                </a:path>
                <a:path w="969645" h="3175">
                  <a:moveTo>
                    <a:pt x="694944" y="0"/>
                  </a:moveTo>
                  <a:lnTo>
                    <a:pt x="684276" y="0"/>
                  </a:lnTo>
                  <a:lnTo>
                    <a:pt x="684276" y="3048"/>
                  </a:lnTo>
                  <a:lnTo>
                    <a:pt x="694944" y="3048"/>
                  </a:lnTo>
                  <a:lnTo>
                    <a:pt x="694944" y="0"/>
                  </a:lnTo>
                  <a:close/>
                </a:path>
                <a:path w="969645" h="3175">
                  <a:moveTo>
                    <a:pt x="708660" y="0"/>
                  </a:moveTo>
                  <a:lnTo>
                    <a:pt x="697992" y="0"/>
                  </a:lnTo>
                  <a:lnTo>
                    <a:pt x="697992" y="3048"/>
                  </a:lnTo>
                  <a:lnTo>
                    <a:pt x="708660" y="3048"/>
                  </a:lnTo>
                  <a:lnTo>
                    <a:pt x="708660" y="0"/>
                  </a:lnTo>
                  <a:close/>
                </a:path>
                <a:path w="969645" h="3175">
                  <a:moveTo>
                    <a:pt x="722376" y="0"/>
                  </a:moveTo>
                  <a:lnTo>
                    <a:pt x="711708" y="0"/>
                  </a:lnTo>
                  <a:lnTo>
                    <a:pt x="711708" y="3048"/>
                  </a:lnTo>
                  <a:lnTo>
                    <a:pt x="722376" y="3048"/>
                  </a:lnTo>
                  <a:lnTo>
                    <a:pt x="722376" y="0"/>
                  </a:lnTo>
                  <a:close/>
                </a:path>
                <a:path w="969645" h="3175">
                  <a:moveTo>
                    <a:pt x="736092" y="0"/>
                  </a:moveTo>
                  <a:lnTo>
                    <a:pt x="725424" y="0"/>
                  </a:lnTo>
                  <a:lnTo>
                    <a:pt x="725424" y="3048"/>
                  </a:lnTo>
                  <a:lnTo>
                    <a:pt x="736092" y="3048"/>
                  </a:lnTo>
                  <a:lnTo>
                    <a:pt x="736092" y="0"/>
                  </a:lnTo>
                  <a:close/>
                </a:path>
                <a:path w="969645" h="3175">
                  <a:moveTo>
                    <a:pt x="749808" y="0"/>
                  </a:moveTo>
                  <a:lnTo>
                    <a:pt x="739140" y="0"/>
                  </a:lnTo>
                  <a:lnTo>
                    <a:pt x="739140" y="3048"/>
                  </a:lnTo>
                  <a:lnTo>
                    <a:pt x="749808" y="3048"/>
                  </a:lnTo>
                  <a:lnTo>
                    <a:pt x="749808" y="0"/>
                  </a:lnTo>
                  <a:close/>
                </a:path>
                <a:path w="969645" h="3175">
                  <a:moveTo>
                    <a:pt x="763524" y="0"/>
                  </a:moveTo>
                  <a:lnTo>
                    <a:pt x="752856" y="0"/>
                  </a:lnTo>
                  <a:lnTo>
                    <a:pt x="752856" y="3048"/>
                  </a:lnTo>
                  <a:lnTo>
                    <a:pt x="763524" y="3048"/>
                  </a:lnTo>
                  <a:lnTo>
                    <a:pt x="763524" y="0"/>
                  </a:lnTo>
                  <a:close/>
                </a:path>
                <a:path w="969645" h="3175">
                  <a:moveTo>
                    <a:pt x="777240" y="0"/>
                  </a:moveTo>
                  <a:lnTo>
                    <a:pt x="766572" y="0"/>
                  </a:lnTo>
                  <a:lnTo>
                    <a:pt x="766572" y="3048"/>
                  </a:lnTo>
                  <a:lnTo>
                    <a:pt x="777240" y="3048"/>
                  </a:lnTo>
                  <a:lnTo>
                    <a:pt x="777240" y="0"/>
                  </a:lnTo>
                  <a:close/>
                </a:path>
                <a:path w="969645" h="3175">
                  <a:moveTo>
                    <a:pt x="790956" y="0"/>
                  </a:moveTo>
                  <a:lnTo>
                    <a:pt x="780288" y="0"/>
                  </a:lnTo>
                  <a:lnTo>
                    <a:pt x="780288" y="3048"/>
                  </a:lnTo>
                  <a:lnTo>
                    <a:pt x="790956" y="3048"/>
                  </a:lnTo>
                  <a:lnTo>
                    <a:pt x="790956" y="0"/>
                  </a:lnTo>
                  <a:close/>
                </a:path>
                <a:path w="969645" h="3175">
                  <a:moveTo>
                    <a:pt x="804672" y="0"/>
                  </a:moveTo>
                  <a:lnTo>
                    <a:pt x="794004" y="0"/>
                  </a:lnTo>
                  <a:lnTo>
                    <a:pt x="794004" y="3048"/>
                  </a:lnTo>
                  <a:lnTo>
                    <a:pt x="804672" y="3048"/>
                  </a:lnTo>
                  <a:lnTo>
                    <a:pt x="804672" y="0"/>
                  </a:lnTo>
                  <a:close/>
                </a:path>
                <a:path w="969645" h="3175">
                  <a:moveTo>
                    <a:pt x="818388" y="0"/>
                  </a:moveTo>
                  <a:lnTo>
                    <a:pt x="807720" y="0"/>
                  </a:lnTo>
                  <a:lnTo>
                    <a:pt x="807720" y="3048"/>
                  </a:lnTo>
                  <a:lnTo>
                    <a:pt x="818388" y="3048"/>
                  </a:lnTo>
                  <a:lnTo>
                    <a:pt x="818388" y="0"/>
                  </a:lnTo>
                  <a:close/>
                </a:path>
                <a:path w="969645" h="3175">
                  <a:moveTo>
                    <a:pt x="832104" y="0"/>
                  </a:moveTo>
                  <a:lnTo>
                    <a:pt x="821436" y="0"/>
                  </a:lnTo>
                  <a:lnTo>
                    <a:pt x="821436" y="3048"/>
                  </a:lnTo>
                  <a:lnTo>
                    <a:pt x="832104" y="3048"/>
                  </a:lnTo>
                  <a:lnTo>
                    <a:pt x="832104" y="0"/>
                  </a:lnTo>
                  <a:close/>
                </a:path>
                <a:path w="969645" h="3175">
                  <a:moveTo>
                    <a:pt x="845820" y="0"/>
                  </a:moveTo>
                  <a:lnTo>
                    <a:pt x="835152" y="0"/>
                  </a:lnTo>
                  <a:lnTo>
                    <a:pt x="835152" y="3048"/>
                  </a:lnTo>
                  <a:lnTo>
                    <a:pt x="845820" y="3048"/>
                  </a:lnTo>
                  <a:lnTo>
                    <a:pt x="845820" y="0"/>
                  </a:lnTo>
                  <a:close/>
                </a:path>
                <a:path w="969645" h="3175">
                  <a:moveTo>
                    <a:pt x="859536" y="0"/>
                  </a:moveTo>
                  <a:lnTo>
                    <a:pt x="848868" y="0"/>
                  </a:lnTo>
                  <a:lnTo>
                    <a:pt x="848868" y="3048"/>
                  </a:lnTo>
                  <a:lnTo>
                    <a:pt x="859536" y="3048"/>
                  </a:lnTo>
                  <a:lnTo>
                    <a:pt x="859536" y="0"/>
                  </a:lnTo>
                  <a:close/>
                </a:path>
                <a:path w="969645" h="3175">
                  <a:moveTo>
                    <a:pt x="873252" y="0"/>
                  </a:moveTo>
                  <a:lnTo>
                    <a:pt x="862584" y="0"/>
                  </a:lnTo>
                  <a:lnTo>
                    <a:pt x="862584" y="3048"/>
                  </a:lnTo>
                  <a:lnTo>
                    <a:pt x="873252" y="3048"/>
                  </a:lnTo>
                  <a:lnTo>
                    <a:pt x="873252" y="0"/>
                  </a:lnTo>
                  <a:close/>
                </a:path>
                <a:path w="969645" h="3175">
                  <a:moveTo>
                    <a:pt x="886968" y="0"/>
                  </a:moveTo>
                  <a:lnTo>
                    <a:pt x="876300" y="0"/>
                  </a:lnTo>
                  <a:lnTo>
                    <a:pt x="876300" y="3048"/>
                  </a:lnTo>
                  <a:lnTo>
                    <a:pt x="886968" y="3048"/>
                  </a:lnTo>
                  <a:lnTo>
                    <a:pt x="886968" y="0"/>
                  </a:lnTo>
                  <a:close/>
                </a:path>
                <a:path w="969645" h="3175">
                  <a:moveTo>
                    <a:pt x="900684" y="0"/>
                  </a:moveTo>
                  <a:lnTo>
                    <a:pt x="890016" y="0"/>
                  </a:lnTo>
                  <a:lnTo>
                    <a:pt x="890016" y="3048"/>
                  </a:lnTo>
                  <a:lnTo>
                    <a:pt x="900684" y="3048"/>
                  </a:lnTo>
                  <a:lnTo>
                    <a:pt x="900684" y="0"/>
                  </a:lnTo>
                  <a:close/>
                </a:path>
                <a:path w="969645" h="3175">
                  <a:moveTo>
                    <a:pt x="914400" y="0"/>
                  </a:moveTo>
                  <a:lnTo>
                    <a:pt x="903732" y="0"/>
                  </a:lnTo>
                  <a:lnTo>
                    <a:pt x="903732" y="3048"/>
                  </a:lnTo>
                  <a:lnTo>
                    <a:pt x="914400" y="3048"/>
                  </a:lnTo>
                  <a:lnTo>
                    <a:pt x="914400" y="0"/>
                  </a:lnTo>
                  <a:close/>
                </a:path>
                <a:path w="969645" h="3175">
                  <a:moveTo>
                    <a:pt x="928116" y="0"/>
                  </a:moveTo>
                  <a:lnTo>
                    <a:pt x="917448" y="0"/>
                  </a:lnTo>
                  <a:lnTo>
                    <a:pt x="917448" y="3048"/>
                  </a:lnTo>
                  <a:lnTo>
                    <a:pt x="928116" y="3048"/>
                  </a:lnTo>
                  <a:lnTo>
                    <a:pt x="928116" y="0"/>
                  </a:lnTo>
                  <a:close/>
                </a:path>
                <a:path w="969645" h="3175">
                  <a:moveTo>
                    <a:pt x="941832" y="0"/>
                  </a:moveTo>
                  <a:lnTo>
                    <a:pt x="931164" y="0"/>
                  </a:lnTo>
                  <a:lnTo>
                    <a:pt x="931164" y="3048"/>
                  </a:lnTo>
                  <a:lnTo>
                    <a:pt x="941832" y="3048"/>
                  </a:lnTo>
                  <a:lnTo>
                    <a:pt x="941832" y="0"/>
                  </a:lnTo>
                  <a:close/>
                </a:path>
                <a:path w="969645" h="3175">
                  <a:moveTo>
                    <a:pt x="955548" y="0"/>
                  </a:moveTo>
                  <a:lnTo>
                    <a:pt x="944880" y="0"/>
                  </a:lnTo>
                  <a:lnTo>
                    <a:pt x="944880" y="3048"/>
                  </a:lnTo>
                  <a:lnTo>
                    <a:pt x="955548" y="3048"/>
                  </a:lnTo>
                  <a:lnTo>
                    <a:pt x="955548" y="0"/>
                  </a:lnTo>
                  <a:close/>
                </a:path>
                <a:path w="969645" h="3175">
                  <a:moveTo>
                    <a:pt x="969264" y="0"/>
                  </a:moveTo>
                  <a:lnTo>
                    <a:pt x="958596" y="0"/>
                  </a:lnTo>
                  <a:lnTo>
                    <a:pt x="958596" y="3048"/>
                  </a:lnTo>
                  <a:lnTo>
                    <a:pt x="969264" y="3048"/>
                  </a:lnTo>
                  <a:lnTo>
                    <a:pt x="969264" y="0"/>
                  </a:lnTo>
                  <a:close/>
                </a:path>
              </a:pathLst>
            </a:custGeom>
            <a:solidFill>
              <a:srgbClr val="000000"/>
            </a:solidFill>
          </p:spPr>
          <p:txBody>
            <a:bodyPr wrap="square" lIns="0" tIns="0" rIns="0" bIns="0" rtlCol="0"/>
            <a:lstStyle/>
            <a:p>
              <a:endParaRPr sz="1539"/>
            </a:p>
          </p:txBody>
        </p:sp>
        <p:sp>
          <p:nvSpPr>
            <p:cNvPr id="94" name="object 94"/>
            <p:cNvSpPr/>
            <p:nvPr/>
          </p:nvSpPr>
          <p:spPr>
            <a:xfrm>
              <a:off x="7562088" y="2139695"/>
              <a:ext cx="970915" cy="3175"/>
            </a:xfrm>
            <a:custGeom>
              <a:avLst/>
              <a:gdLst/>
              <a:ahLst/>
              <a:cxnLst/>
              <a:rect l="l" t="t" r="r" b="b"/>
              <a:pathLst>
                <a:path w="970915" h="3175">
                  <a:moveTo>
                    <a:pt x="10668" y="0"/>
                  </a:moveTo>
                  <a:lnTo>
                    <a:pt x="0" y="0"/>
                  </a:lnTo>
                  <a:lnTo>
                    <a:pt x="0" y="3048"/>
                  </a:lnTo>
                  <a:lnTo>
                    <a:pt x="10668" y="3048"/>
                  </a:lnTo>
                  <a:lnTo>
                    <a:pt x="10668" y="0"/>
                  </a:lnTo>
                  <a:close/>
                </a:path>
                <a:path w="970915" h="3175">
                  <a:moveTo>
                    <a:pt x="24384" y="0"/>
                  </a:moveTo>
                  <a:lnTo>
                    <a:pt x="13716" y="0"/>
                  </a:lnTo>
                  <a:lnTo>
                    <a:pt x="13716" y="3048"/>
                  </a:lnTo>
                  <a:lnTo>
                    <a:pt x="24384" y="3048"/>
                  </a:lnTo>
                  <a:lnTo>
                    <a:pt x="24384" y="0"/>
                  </a:lnTo>
                  <a:close/>
                </a:path>
                <a:path w="970915" h="3175">
                  <a:moveTo>
                    <a:pt x="38100" y="0"/>
                  </a:moveTo>
                  <a:lnTo>
                    <a:pt x="27432" y="0"/>
                  </a:lnTo>
                  <a:lnTo>
                    <a:pt x="27432" y="3048"/>
                  </a:lnTo>
                  <a:lnTo>
                    <a:pt x="38100" y="3048"/>
                  </a:lnTo>
                  <a:lnTo>
                    <a:pt x="38100" y="0"/>
                  </a:lnTo>
                  <a:close/>
                </a:path>
                <a:path w="970915" h="3175">
                  <a:moveTo>
                    <a:pt x="51816" y="0"/>
                  </a:moveTo>
                  <a:lnTo>
                    <a:pt x="41148" y="0"/>
                  </a:lnTo>
                  <a:lnTo>
                    <a:pt x="41148" y="3048"/>
                  </a:lnTo>
                  <a:lnTo>
                    <a:pt x="51816" y="3048"/>
                  </a:lnTo>
                  <a:lnTo>
                    <a:pt x="51816" y="0"/>
                  </a:lnTo>
                  <a:close/>
                </a:path>
                <a:path w="970915" h="3175">
                  <a:moveTo>
                    <a:pt x="65532" y="0"/>
                  </a:moveTo>
                  <a:lnTo>
                    <a:pt x="54864" y="0"/>
                  </a:lnTo>
                  <a:lnTo>
                    <a:pt x="54864" y="3048"/>
                  </a:lnTo>
                  <a:lnTo>
                    <a:pt x="65532" y="3048"/>
                  </a:lnTo>
                  <a:lnTo>
                    <a:pt x="65532" y="0"/>
                  </a:lnTo>
                  <a:close/>
                </a:path>
                <a:path w="970915" h="3175">
                  <a:moveTo>
                    <a:pt x="79248" y="0"/>
                  </a:moveTo>
                  <a:lnTo>
                    <a:pt x="68580" y="0"/>
                  </a:lnTo>
                  <a:lnTo>
                    <a:pt x="68580" y="3048"/>
                  </a:lnTo>
                  <a:lnTo>
                    <a:pt x="79248" y="3048"/>
                  </a:lnTo>
                  <a:lnTo>
                    <a:pt x="79248" y="0"/>
                  </a:lnTo>
                  <a:close/>
                </a:path>
                <a:path w="970915" h="3175">
                  <a:moveTo>
                    <a:pt x="92964" y="0"/>
                  </a:moveTo>
                  <a:lnTo>
                    <a:pt x="82296" y="0"/>
                  </a:lnTo>
                  <a:lnTo>
                    <a:pt x="82296" y="3048"/>
                  </a:lnTo>
                  <a:lnTo>
                    <a:pt x="92964" y="3048"/>
                  </a:lnTo>
                  <a:lnTo>
                    <a:pt x="92964" y="0"/>
                  </a:lnTo>
                  <a:close/>
                </a:path>
                <a:path w="970915" h="3175">
                  <a:moveTo>
                    <a:pt x="106680" y="0"/>
                  </a:moveTo>
                  <a:lnTo>
                    <a:pt x="96012" y="0"/>
                  </a:lnTo>
                  <a:lnTo>
                    <a:pt x="96012" y="3048"/>
                  </a:lnTo>
                  <a:lnTo>
                    <a:pt x="106680" y="3048"/>
                  </a:lnTo>
                  <a:lnTo>
                    <a:pt x="106680" y="0"/>
                  </a:lnTo>
                  <a:close/>
                </a:path>
                <a:path w="970915" h="3175">
                  <a:moveTo>
                    <a:pt x="120396" y="0"/>
                  </a:moveTo>
                  <a:lnTo>
                    <a:pt x="109728" y="0"/>
                  </a:lnTo>
                  <a:lnTo>
                    <a:pt x="109728" y="3048"/>
                  </a:lnTo>
                  <a:lnTo>
                    <a:pt x="120396" y="3048"/>
                  </a:lnTo>
                  <a:lnTo>
                    <a:pt x="120396" y="0"/>
                  </a:lnTo>
                  <a:close/>
                </a:path>
                <a:path w="970915" h="3175">
                  <a:moveTo>
                    <a:pt x="134112" y="0"/>
                  </a:moveTo>
                  <a:lnTo>
                    <a:pt x="123444" y="0"/>
                  </a:lnTo>
                  <a:lnTo>
                    <a:pt x="123444" y="3048"/>
                  </a:lnTo>
                  <a:lnTo>
                    <a:pt x="134112" y="3048"/>
                  </a:lnTo>
                  <a:lnTo>
                    <a:pt x="134112" y="0"/>
                  </a:lnTo>
                  <a:close/>
                </a:path>
                <a:path w="970915" h="3175">
                  <a:moveTo>
                    <a:pt x="147828" y="0"/>
                  </a:moveTo>
                  <a:lnTo>
                    <a:pt x="137160" y="0"/>
                  </a:lnTo>
                  <a:lnTo>
                    <a:pt x="137160" y="3048"/>
                  </a:lnTo>
                  <a:lnTo>
                    <a:pt x="147828" y="3048"/>
                  </a:lnTo>
                  <a:lnTo>
                    <a:pt x="147828" y="0"/>
                  </a:lnTo>
                  <a:close/>
                </a:path>
                <a:path w="970915" h="3175">
                  <a:moveTo>
                    <a:pt x="161544" y="0"/>
                  </a:moveTo>
                  <a:lnTo>
                    <a:pt x="150876" y="0"/>
                  </a:lnTo>
                  <a:lnTo>
                    <a:pt x="150876" y="3048"/>
                  </a:lnTo>
                  <a:lnTo>
                    <a:pt x="161544" y="3048"/>
                  </a:lnTo>
                  <a:lnTo>
                    <a:pt x="161544" y="0"/>
                  </a:lnTo>
                  <a:close/>
                </a:path>
                <a:path w="970915" h="3175">
                  <a:moveTo>
                    <a:pt x="175260" y="0"/>
                  </a:moveTo>
                  <a:lnTo>
                    <a:pt x="164592" y="0"/>
                  </a:lnTo>
                  <a:lnTo>
                    <a:pt x="164592" y="3048"/>
                  </a:lnTo>
                  <a:lnTo>
                    <a:pt x="175260" y="3048"/>
                  </a:lnTo>
                  <a:lnTo>
                    <a:pt x="175260" y="0"/>
                  </a:lnTo>
                  <a:close/>
                </a:path>
                <a:path w="970915" h="3175">
                  <a:moveTo>
                    <a:pt x="188976" y="0"/>
                  </a:moveTo>
                  <a:lnTo>
                    <a:pt x="178308" y="0"/>
                  </a:lnTo>
                  <a:lnTo>
                    <a:pt x="178308" y="3048"/>
                  </a:lnTo>
                  <a:lnTo>
                    <a:pt x="188976" y="3048"/>
                  </a:lnTo>
                  <a:lnTo>
                    <a:pt x="188976" y="0"/>
                  </a:lnTo>
                  <a:close/>
                </a:path>
                <a:path w="970915" h="3175">
                  <a:moveTo>
                    <a:pt x="202692" y="0"/>
                  </a:moveTo>
                  <a:lnTo>
                    <a:pt x="192024" y="0"/>
                  </a:lnTo>
                  <a:lnTo>
                    <a:pt x="192024" y="3048"/>
                  </a:lnTo>
                  <a:lnTo>
                    <a:pt x="202692" y="3048"/>
                  </a:lnTo>
                  <a:lnTo>
                    <a:pt x="202692" y="0"/>
                  </a:lnTo>
                  <a:close/>
                </a:path>
                <a:path w="970915" h="3175">
                  <a:moveTo>
                    <a:pt x="216408" y="0"/>
                  </a:moveTo>
                  <a:lnTo>
                    <a:pt x="205740" y="0"/>
                  </a:lnTo>
                  <a:lnTo>
                    <a:pt x="205740" y="3048"/>
                  </a:lnTo>
                  <a:lnTo>
                    <a:pt x="216408" y="3048"/>
                  </a:lnTo>
                  <a:lnTo>
                    <a:pt x="216408" y="0"/>
                  </a:lnTo>
                  <a:close/>
                </a:path>
                <a:path w="970915" h="3175">
                  <a:moveTo>
                    <a:pt x="230124" y="0"/>
                  </a:moveTo>
                  <a:lnTo>
                    <a:pt x="219456" y="0"/>
                  </a:lnTo>
                  <a:lnTo>
                    <a:pt x="219456" y="3048"/>
                  </a:lnTo>
                  <a:lnTo>
                    <a:pt x="230124" y="3048"/>
                  </a:lnTo>
                  <a:lnTo>
                    <a:pt x="230124" y="0"/>
                  </a:lnTo>
                  <a:close/>
                </a:path>
                <a:path w="970915" h="3175">
                  <a:moveTo>
                    <a:pt x="243840" y="0"/>
                  </a:moveTo>
                  <a:lnTo>
                    <a:pt x="233172" y="0"/>
                  </a:lnTo>
                  <a:lnTo>
                    <a:pt x="233172" y="3048"/>
                  </a:lnTo>
                  <a:lnTo>
                    <a:pt x="243840" y="3048"/>
                  </a:lnTo>
                  <a:lnTo>
                    <a:pt x="243840" y="0"/>
                  </a:lnTo>
                  <a:close/>
                </a:path>
                <a:path w="970915" h="3175">
                  <a:moveTo>
                    <a:pt x="257556" y="0"/>
                  </a:moveTo>
                  <a:lnTo>
                    <a:pt x="246888" y="0"/>
                  </a:lnTo>
                  <a:lnTo>
                    <a:pt x="246888" y="3048"/>
                  </a:lnTo>
                  <a:lnTo>
                    <a:pt x="257556" y="3048"/>
                  </a:lnTo>
                  <a:lnTo>
                    <a:pt x="257556" y="0"/>
                  </a:lnTo>
                  <a:close/>
                </a:path>
                <a:path w="970915" h="3175">
                  <a:moveTo>
                    <a:pt x="271272" y="0"/>
                  </a:moveTo>
                  <a:lnTo>
                    <a:pt x="260604" y="0"/>
                  </a:lnTo>
                  <a:lnTo>
                    <a:pt x="260604" y="3048"/>
                  </a:lnTo>
                  <a:lnTo>
                    <a:pt x="271272" y="3048"/>
                  </a:lnTo>
                  <a:lnTo>
                    <a:pt x="271272" y="0"/>
                  </a:lnTo>
                  <a:close/>
                </a:path>
                <a:path w="970915" h="3175">
                  <a:moveTo>
                    <a:pt x="284988" y="0"/>
                  </a:moveTo>
                  <a:lnTo>
                    <a:pt x="274320" y="0"/>
                  </a:lnTo>
                  <a:lnTo>
                    <a:pt x="274320" y="3048"/>
                  </a:lnTo>
                  <a:lnTo>
                    <a:pt x="284988" y="3048"/>
                  </a:lnTo>
                  <a:lnTo>
                    <a:pt x="284988" y="0"/>
                  </a:lnTo>
                  <a:close/>
                </a:path>
                <a:path w="970915" h="3175">
                  <a:moveTo>
                    <a:pt x="298704" y="0"/>
                  </a:moveTo>
                  <a:lnTo>
                    <a:pt x="288036" y="0"/>
                  </a:lnTo>
                  <a:lnTo>
                    <a:pt x="288036" y="3048"/>
                  </a:lnTo>
                  <a:lnTo>
                    <a:pt x="298704" y="3048"/>
                  </a:lnTo>
                  <a:lnTo>
                    <a:pt x="298704" y="0"/>
                  </a:lnTo>
                  <a:close/>
                </a:path>
                <a:path w="970915" h="3175">
                  <a:moveTo>
                    <a:pt x="312420" y="0"/>
                  </a:moveTo>
                  <a:lnTo>
                    <a:pt x="301752" y="0"/>
                  </a:lnTo>
                  <a:lnTo>
                    <a:pt x="301752" y="3048"/>
                  </a:lnTo>
                  <a:lnTo>
                    <a:pt x="312420" y="3048"/>
                  </a:lnTo>
                  <a:lnTo>
                    <a:pt x="312420" y="0"/>
                  </a:lnTo>
                  <a:close/>
                </a:path>
                <a:path w="970915" h="3175">
                  <a:moveTo>
                    <a:pt x="326136" y="0"/>
                  </a:moveTo>
                  <a:lnTo>
                    <a:pt x="315468" y="0"/>
                  </a:lnTo>
                  <a:lnTo>
                    <a:pt x="315468" y="3048"/>
                  </a:lnTo>
                  <a:lnTo>
                    <a:pt x="326136" y="3048"/>
                  </a:lnTo>
                  <a:lnTo>
                    <a:pt x="326136" y="0"/>
                  </a:lnTo>
                  <a:close/>
                </a:path>
                <a:path w="970915" h="3175">
                  <a:moveTo>
                    <a:pt x="339852" y="0"/>
                  </a:moveTo>
                  <a:lnTo>
                    <a:pt x="329184" y="0"/>
                  </a:lnTo>
                  <a:lnTo>
                    <a:pt x="329184" y="3048"/>
                  </a:lnTo>
                  <a:lnTo>
                    <a:pt x="339852" y="3048"/>
                  </a:lnTo>
                  <a:lnTo>
                    <a:pt x="339852" y="0"/>
                  </a:lnTo>
                  <a:close/>
                </a:path>
                <a:path w="970915" h="3175">
                  <a:moveTo>
                    <a:pt x="353568" y="0"/>
                  </a:moveTo>
                  <a:lnTo>
                    <a:pt x="342900" y="0"/>
                  </a:lnTo>
                  <a:lnTo>
                    <a:pt x="342900" y="3048"/>
                  </a:lnTo>
                  <a:lnTo>
                    <a:pt x="353568" y="3048"/>
                  </a:lnTo>
                  <a:lnTo>
                    <a:pt x="353568" y="0"/>
                  </a:lnTo>
                  <a:close/>
                </a:path>
                <a:path w="970915" h="3175">
                  <a:moveTo>
                    <a:pt x="367284" y="0"/>
                  </a:moveTo>
                  <a:lnTo>
                    <a:pt x="356616" y="0"/>
                  </a:lnTo>
                  <a:lnTo>
                    <a:pt x="356616" y="3048"/>
                  </a:lnTo>
                  <a:lnTo>
                    <a:pt x="367284" y="3048"/>
                  </a:lnTo>
                  <a:lnTo>
                    <a:pt x="367284" y="0"/>
                  </a:lnTo>
                  <a:close/>
                </a:path>
                <a:path w="970915" h="3175">
                  <a:moveTo>
                    <a:pt x="381000" y="0"/>
                  </a:moveTo>
                  <a:lnTo>
                    <a:pt x="370332" y="0"/>
                  </a:lnTo>
                  <a:lnTo>
                    <a:pt x="370332" y="3048"/>
                  </a:lnTo>
                  <a:lnTo>
                    <a:pt x="381000" y="3048"/>
                  </a:lnTo>
                  <a:lnTo>
                    <a:pt x="381000" y="0"/>
                  </a:lnTo>
                  <a:close/>
                </a:path>
                <a:path w="970915" h="3175">
                  <a:moveTo>
                    <a:pt x="394716" y="0"/>
                  </a:moveTo>
                  <a:lnTo>
                    <a:pt x="384048" y="0"/>
                  </a:lnTo>
                  <a:lnTo>
                    <a:pt x="384048" y="3048"/>
                  </a:lnTo>
                  <a:lnTo>
                    <a:pt x="394716" y="3048"/>
                  </a:lnTo>
                  <a:lnTo>
                    <a:pt x="394716" y="0"/>
                  </a:lnTo>
                  <a:close/>
                </a:path>
                <a:path w="970915" h="3175">
                  <a:moveTo>
                    <a:pt x="408432" y="0"/>
                  </a:moveTo>
                  <a:lnTo>
                    <a:pt x="397764" y="0"/>
                  </a:lnTo>
                  <a:lnTo>
                    <a:pt x="397764" y="3048"/>
                  </a:lnTo>
                  <a:lnTo>
                    <a:pt x="408432" y="3048"/>
                  </a:lnTo>
                  <a:lnTo>
                    <a:pt x="408432" y="0"/>
                  </a:lnTo>
                  <a:close/>
                </a:path>
                <a:path w="970915" h="3175">
                  <a:moveTo>
                    <a:pt x="422148" y="0"/>
                  </a:moveTo>
                  <a:lnTo>
                    <a:pt x="411480" y="0"/>
                  </a:lnTo>
                  <a:lnTo>
                    <a:pt x="411480" y="3048"/>
                  </a:lnTo>
                  <a:lnTo>
                    <a:pt x="422148" y="3048"/>
                  </a:lnTo>
                  <a:lnTo>
                    <a:pt x="422148" y="0"/>
                  </a:lnTo>
                  <a:close/>
                </a:path>
                <a:path w="970915" h="3175">
                  <a:moveTo>
                    <a:pt x="435864" y="0"/>
                  </a:moveTo>
                  <a:lnTo>
                    <a:pt x="425196" y="0"/>
                  </a:lnTo>
                  <a:lnTo>
                    <a:pt x="425196" y="3048"/>
                  </a:lnTo>
                  <a:lnTo>
                    <a:pt x="435864" y="3048"/>
                  </a:lnTo>
                  <a:lnTo>
                    <a:pt x="435864" y="0"/>
                  </a:lnTo>
                  <a:close/>
                </a:path>
                <a:path w="970915" h="3175">
                  <a:moveTo>
                    <a:pt x="449580" y="0"/>
                  </a:moveTo>
                  <a:lnTo>
                    <a:pt x="438912" y="0"/>
                  </a:lnTo>
                  <a:lnTo>
                    <a:pt x="438912" y="3048"/>
                  </a:lnTo>
                  <a:lnTo>
                    <a:pt x="449580" y="3048"/>
                  </a:lnTo>
                  <a:lnTo>
                    <a:pt x="449580" y="0"/>
                  </a:lnTo>
                  <a:close/>
                </a:path>
                <a:path w="970915" h="3175">
                  <a:moveTo>
                    <a:pt x="463296" y="0"/>
                  </a:moveTo>
                  <a:lnTo>
                    <a:pt x="452628" y="0"/>
                  </a:lnTo>
                  <a:lnTo>
                    <a:pt x="452628" y="3048"/>
                  </a:lnTo>
                  <a:lnTo>
                    <a:pt x="463296" y="3048"/>
                  </a:lnTo>
                  <a:lnTo>
                    <a:pt x="463296" y="0"/>
                  </a:lnTo>
                  <a:close/>
                </a:path>
                <a:path w="970915" h="3175">
                  <a:moveTo>
                    <a:pt x="477012" y="0"/>
                  </a:moveTo>
                  <a:lnTo>
                    <a:pt x="466344" y="0"/>
                  </a:lnTo>
                  <a:lnTo>
                    <a:pt x="466344" y="3048"/>
                  </a:lnTo>
                  <a:lnTo>
                    <a:pt x="477012" y="3048"/>
                  </a:lnTo>
                  <a:lnTo>
                    <a:pt x="477012" y="0"/>
                  </a:lnTo>
                  <a:close/>
                </a:path>
                <a:path w="970915" h="3175">
                  <a:moveTo>
                    <a:pt x="490728" y="0"/>
                  </a:moveTo>
                  <a:lnTo>
                    <a:pt x="480060" y="0"/>
                  </a:lnTo>
                  <a:lnTo>
                    <a:pt x="480060" y="3048"/>
                  </a:lnTo>
                  <a:lnTo>
                    <a:pt x="490728" y="3048"/>
                  </a:lnTo>
                  <a:lnTo>
                    <a:pt x="490728" y="0"/>
                  </a:lnTo>
                  <a:close/>
                </a:path>
                <a:path w="970915" h="3175">
                  <a:moveTo>
                    <a:pt x="504444" y="0"/>
                  </a:moveTo>
                  <a:lnTo>
                    <a:pt x="493776" y="0"/>
                  </a:lnTo>
                  <a:lnTo>
                    <a:pt x="493776" y="3048"/>
                  </a:lnTo>
                  <a:lnTo>
                    <a:pt x="504444" y="3048"/>
                  </a:lnTo>
                  <a:lnTo>
                    <a:pt x="504444" y="0"/>
                  </a:lnTo>
                  <a:close/>
                </a:path>
                <a:path w="970915" h="3175">
                  <a:moveTo>
                    <a:pt x="518160" y="0"/>
                  </a:moveTo>
                  <a:lnTo>
                    <a:pt x="507492" y="0"/>
                  </a:lnTo>
                  <a:lnTo>
                    <a:pt x="507492" y="3048"/>
                  </a:lnTo>
                  <a:lnTo>
                    <a:pt x="518160" y="3048"/>
                  </a:lnTo>
                  <a:lnTo>
                    <a:pt x="518160" y="0"/>
                  </a:lnTo>
                  <a:close/>
                </a:path>
                <a:path w="970915" h="3175">
                  <a:moveTo>
                    <a:pt x="531876" y="0"/>
                  </a:moveTo>
                  <a:lnTo>
                    <a:pt x="521208" y="0"/>
                  </a:lnTo>
                  <a:lnTo>
                    <a:pt x="521208" y="3048"/>
                  </a:lnTo>
                  <a:lnTo>
                    <a:pt x="531876" y="3048"/>
                  </a:lnTo>
                  <a:lnTo>
                    <a:pt x="531876" y="0"/>
                  </a:lnTo>
                  <a:close/>
                </a:path>
                <a:path w="970915" h="3175">
                  <a:moveTo>
                    <a:pt x="545592" y="0"/>
                  </a:moveTo>
                  <a:lnTo>
                    <a:pt x="534924" y="0"/>
                  </a:lnTo>
                  <a:lnTo>
                    <a:pt x="534924" y="3048"/>
                  </a:lnTo>
                  <a:lnTo>
                    <a:pt x="545592" y="3048"/>
                  </a:lnTo>
                  <a:lnTo>
                    <a:pt x="545592" y="0"/>
                  </a:lnTo>
                  <a:close/>
                </a:path>
                <a:path w="970915" h="3175">
                  <a:moveTo>
                    <a:pt x="559308" y="0"/>
                  </a:moveTo>
                  <a:lnTo>
                    <a:pt x="548640" y="0"/>
                  </a:lnTo>
                  <a:lnTo>
                    <a:pt x="548640" y="3048"/>
                  </a:lnTo>
                  <a:lnTo>
                    <a:pt x="559308" y="3048"/>
                  </a:lnTo>
                  <a:lnTo>
                    <a:pt x="559308" y="0"/>
                  </a:lnTo>
                  <a:close/>
                </a:path>
                <a:path w="970915" h="3175">
                  <a:moveTo>
                    <a:pt x="573024" y="0"/>
                  </a:moveTo>
                  <a:lnTo>
                    <a:pt x="562356" y="0"/>
                  </a:lnTo>
                  <a:lnTo>
                    <a:pt x="562356" y="3048"/>
                  </a:lnTo>
                  <a:lnTo>
                    <a:pt x="573024" y="3048"/>
                  </a:lnTo>
                  <a:lnTo>
                    <a:pt x="573024" y="0"/>
                  </a:lnTo>
                  <a:close/>
                </a:path>
                <a:path w="970915" h="3175">
                  <a:moveTo>
                    <a:pt x="586740" y="0"/>
                  </a:moveTo>
                  <a:lnTo>
                    <a:pt x="576072" y="0"/>
                  </a:lnTo>
                  <a:lnTo>
                    <a:pt x="576072" y="3048"/>
                  </a:lnTo>
                  <a:lnTo>
                    <a:pt x="586740" y="3048"/>
                  </a:lnTo>
                  <a:lnTo>
                    <a:pt x="586740" y="0"/>
                  </a:lnTo>
                  <a:close/>
                </a:path>
                <a:path w="970915" h="3175">
                  <a:moveTo>
                    <a:pt x="600456" y="0"/>
                  </a:moveTo>
                  <a:lnTo>
                    <a:pt x="589788" y="0"/>
                  </a:lnTo>
                  <a:lnTo>
                    <a:pt x="589788" y="3048"/>
                  </a:lnTo>
                  <a:lnTo>
                    <a:pt x="600456" y="3048"/>
                  </a:lnTo>
                  <a:lnTo>
                    <a:pt x="600456" y="0"/>
                  </a:lnTo>
                  <a:close/>
                </a:path>
                <a:path w="970915" h="3175">
                  <a:moveTo>
                    <a:pt x="614172" y="0"/>
                  </a:moveTo>
                  <a:lnTo>
                    <a:pt x="603504" y="0"/>
                  </a:lnTo>
                  <a:lnTo>
                    <a:pt x="603504" y="3048"/>
                  </a:lnTo>
                  <a:lnTo>
                    <a:pt x="614172" y="3048"/>
                  </a:lnTo>
                  <a:lnTo>
                    <a:pt x="614172" y="0"/>
                  </a:lnTo>
                  <a:close/>
                </a:path>
                <a:path w="970915" h="3175">
                  <a:moveTo>
                    <a:pt x="627888" y="0"/>
                  </a:moveTo>
                  <a:lnTo>
                    <a:pt x="617220" y="0"/>
                  </a:lnTo>
                  <a:lnTo>
                    <a:pt x="617220" y="3048"/>
                  </a:lnTo>
                  <a:lnTo>
                    <a:pt x="627888" y="3048"/>
                  </a:lnTo>
                  <a:lnTo>
                    <a:pt x="627888" y="0"/>
                  </a:lnTo>
                  <a:close/>
                </a:path>
                <a:path w="970915" h="3175">
                  <a:moveTo>
                    <a:pt x="641604" y="0"/>
                  </a:moveTo>
                  <a:lnTo>
                    <a:pt x="630936" y="0"/>
                  </a:lnTo>
                  <a:lnTo>
                    <a:pt x="630936" y="3048"/>
                  </a:lnTo>
                  <a:lnTo>
                    <a:pt x="641604" y="3048"/>
                  </a:lnTo>
                  <a:lnTo>
                    <a:pt x="641604" y="0"/>
                  </a:lnTo>
                  <a:close/>
                </a:path>
                <a:path w="970915" h="3175">
                  <a:moveTo>
                    <a:pt x="655320" y="0"/>
                  </a:moveTo>
                  <a:lnTo>
                    <a:pt x="644652" y="0"/>
                  </a:lnTo>
                  <a:lnTo>
                    <a:pt x="644652" y="3048"/>
                  </a:lnTo>
                  <a:lnTo>
                    <a:pt x="655320" y="3048"/>
                  </a:lnTo>
                  <a:lnTo>
                    <a:pt x="655320" y="0"/>
                  </a:lnTo>
                  <a:close/>
                </a:path>
                <a:path w="970915" h="3175">
                  <a:moveTo>
                    <a:pt x="669036" y="0"/>
                  </a:moveTo>
                  <a:lnTo>
                    <a:pt x="658368" y="0"/>
                  </a:lnTo>
                  <a:lnTo>
                    <a:pt x="658368" y="3048"/>
                  </a:lnTo>
                  <a:lnTo>
                    <a:pt x="669036" y="3048"/>
                  </a:lnTo>
                  <a:lnTo>
                    <a:pt x="669036" y="0"/>
                  </a:lnTo>
                  <a:close/>
                </a:path>
                <a:path w="970915" h="3175">
                  <a:moveTo>
                    <a:pt x="682752" y="0"/>
                  </a:moveTo>
                  <a:lnTo>
                    <a:pt x="672084" y="0"/>
                  </a:lnTo>
                  <a:lnTo>
                    <a:pt x="672084" y="3048"/>
                  </a:lnTo>
                  <a:lnTo>
                    <a:pt x="682752" y="3048"/>
                  </a:lnTo>
                  <a:lnTo>
                    <a:pt x="682752" y="0"/>
                  </a:lnTo>
                  <a:close/>
                </a:path>
                <a:path w="970915" h="3175">
                  <a:moveTo>
                    <a:pt x="696468" y="0"/>
                  </a:moveTo>
                  <a:lnTo>
                    <a:pt x="685800" y="0"/>
                  </a:lnTo>
                  <a:lnTo>
                    <a:pt x="685800" y="3048"/>
                  </a:lnTo>
                  <a:lnTo>
                    <a:pt x="696468" y="3048"/>
                  </a:lnTo>
                  <a:lnTo>
                    <a:pt x="696468" y="0"/>
                  </a:lnTo>
                  <a:close/>
                </a:path>
                <a:path w="970915" h="3175">
                  <a:moveTo>
                    <a:pt x="710184" y="0"/>
                  </a:moveTo>
                  <a:lnTo>
                    <a:pt x="699516" y="0"/>
                  </a:lnTo>
                  <a:lnTo>
                    <a:pt x="699516" y="3048"/>
                  </a:lnTo>
                  <a:lnTo>
                    <a:pt x="710184" y="3048"/>
                  </a:lnTo>
                  <a:lnTo>
                    <a:pt x="710184" y="0"/>
                  </a:lnTo>
                  <a:close/>
                </a:path>
                <a:path w="970915" h="3175">
                  <a:moveTo>
                    <a:pt x="723900" y="0"/>
                  </a:moveTo>
                  <a:lnTo>
                    <a:pt x="713232" y="0"/>
                  </a:lnTo>
                  <a:lnTo>
                    <a:pt x="713232" y="3048"/>
                  </a:lnTo>
                  <a:lnTo>
                    <a:pt x="723900" y="3048"/>
                  </a:lnTo>
                  <a:lnTo>
                    <a:pt x="723900" y="0"/>
                  </a:lnTo>
                  <a:close/>
                </a:path>
                <a:path w="970915" h="3175">
                  <a:moveTo>
                    <a:pt x="737616" y="0"/>
                  </a:moveTo>
                  <a:lnTo>
                    <a:pt x="726948" y="0"/>
                  </a:lnTo>
                  <a:lnTo>
                    <a:pt x="726948" y="3048"/>
                  </a:lnTo>
                  <a:lnTo>
                    <a:pt x="737616" y="3048"/>
                  </a:lnTo>
                  <a:lnTo>
                    <a:pt x="737616" y="0"/>
                  </a:lnTo>
                  <a:close/>
                </a:path>
                <a:path w="970915" h="3175">
                  <a:moveTo>
                    <a:pt x="751332" y="0"/>
                  </a:moveTo>
                  <a:lnTo>
                    <a:pt x="740664" y="0"/>
                  </a:lnTo>
                  <a:lnTo>
                    <a:pt x="740664" y="3048"/>
                  </a:lnTo>
                  <a:lnTo>
                    <a:pt x="751332" y="3048"/>
                  </a:lnTo>
                  <a:lnTo>
                    <a:pt x="751332" y="0"/>
                  </a:lnTo>
                  <a:close/>
                </a:path>
                <a:path w="970915" h="3175">
                  <a:moveTo>
                    <a:pt x="765048" y="0"/>
                  </a:moveTo>
                  <a:lnTo>
                    <a:pt x="754380" y="0"/>
                  </a:lnTo>
                  <a:lnTo>
                    <a:pt x="754380" y="3048"/>
                  </a:lnTo>
                  <a:lnTo>
                    <a:pt x="765048" y="3048"/>
                  </a:lnTo>
                  <a:lnTo>
                    <a:pt x="765048" y="0"/>
                  </a:lnTo>
                  <a:close/>
                </a:path>
                <a:path w="970915" h="3175">
                  <a:moveTo>
                    <a:pt x="778764" y="0"/>
                  </a:moveTo>
                  <a:lnTo>
                    <a:pt x="768096" y="0"/>
                  </a:lnTo>
                  <a:lnTo>
                    <a:pt x="768096" y="3048"/>
                  </a:lnTo>
                  <a:lnTo>
                    <a:pt x="778764" y="3048"/>
                  </a:lnTo>
                  <a:lnTo>
                    <a:pt x="778764" y="0"/>
                  </a:lnTo>
                  <a:close/>
                </a:path>
                <a:path w="970915" h="3175">
                  <a:moveTo>
                    <a:pt x="792480" y="0"/>
                  </a:moveTo>
                  <a:lnTo>
                    <a:pt x="781812" y="0"/>
                  </a:lnTo>
                  <a:lnTo>
                    <a:pt x="781812" y="3048"/>
                  </a:lnTo>
                  <a:lnTo>
                    <a:pt x="792480" y="3048"/>
                  </a:lnTo>
                  <a:lnTo>
                    <a:pt x="792480" y="0"/>
                  </a:lnTo>
                  <a:close/>
                </a:path>
                <a:path w="970915" h="3175">
                  <a:moveTo>
                    <a:pt x="806196" y="0"/>
                  </a:moveTo>
                  <a:lnTo>
                    <a:pt x="795528" y="0"/>
                  </a:lnTo>
                  <a:lnTo>
                    <a:pt x="795528" y="3048"/>
                  </a:lnTo>
                  <a:lnTo>
                    <a:pt x="806196" y="3048"/>
                  </a:lnTo>
                  <a:lnTo>
                    <a:pt x="806196" y="0"/>
                  </a:lnTo>
                  <a:close/>
                </a:path>
                <a:path w="970915" h="3175">
                  <a:moveTo>
                    <a:pt x="819912" y="0"/>
                  </a:moveTo>
                  <a:lnTo>
                    <a:pt x="809244" y="0"/>
                  </a:lnTo>
                  <a:lnTo>
                    <a:pt x="809244" y="3048"/>
                  </a:lnTo>
                  <a:lnTo>
                    <a:pt x="819912" y="3048"/>
                  </a:lnTo>
                  <a:lnTo>
                    <a:pt x="819912" y="0"/>
                  </a:lnTo>
                  <a:close/>
                </a:path>
                <a:path w="970915" h="3175">
                  <a:moveTo>
                    <a:pt x="833628" y="0"/>
                  </a:moveTo>
                  <a:lnTo>
                    <a:pt x="822960" y="0"/>
                  </a:lnTo>
                  <a:lnTo>
                    <a:pt x="822960" y="3048"/>
                  </a:lnTo>
                  <a:lnTo>
                    <a:pt x="833628" y="3048"/>
                  </a:lnTo>
                  <a:lnTo>
                    <a:pt x="833628" y="0"/>
                  </a:lnTo>
                  <a:close/>
                </a:path>
                <a:path w="970915" h="3175">
                  <a:moveTo>
                    <a:pt x="847344" y="0"/>
                  </a:moveTo>
                  <a:lnTo>
                    <a:pt x="836676" y="0"/>
                  </a:lnTo>
                  <a:lnTo>
                    <a:pt x="836676" y="3048"/>
                  </a:lnTo>
                  <a:lnTo>
                    <a:pt x="847344" y="3048"/>
                  </a:lnTo>
                  <a:lnTo>
                    <a:pt x="847344" y="0"/>
                  </a:lnTo>
                  <a:close/>
                </a:path>
                <a:path w="970915" h="3175">
                  <a:moveTo>
                    <a:pt x="861060" y="0"/>
                  </a:moveTo>
                  <a:lnTo>
                    <a:pt x="850392" y="0"/>
                  </a:lnTo>
                  <a:lnTo>
                    <a:pt x="850392" y="3048"/>
                  </a:lnTo>
                  <a:lnTo>
                    <a:pt x="861060" y="3048"/>
                  </a:lnTo>
                  <a:lnTo>
                    <a:pt x="861060" y="0"/>
                  </a:lnTo>
                  <a:close/>
                </a:path>
                <a:path w="970915" h="3175">
                  <a:moveTo>
                    <a:pt x="874776" y="0"/>
                  </a:moveTo>
                  <a:lnTo>
                    <a:pt x="864108" y="0"/>
                  </a:lnTo>
                  <a:lnTo>
                    <a:pt x="864108" y="3048"/>
                  </a:lnTo>
                  <a:lnTo>
                    <a:pt x="874776" y="3048"/>
                  </a:lnTo>
                  <a:lnTo>
                    <a:pt x="874776" y="0"/>
                  </a:lnTo>
                  <a:close/>
                </a:path>
                <a:path w="970915" h="3175">
                  <a:moveTo>
                    <a:pt x="888492" y="0"/>
                  </a:moveTo>
                  <a:lnTo>
                    <a:pt x="877824" y="0"/>
                  </a:lnTo>
                  <a:lnTo>
                    <a:pt x="877824" y="3048"/>
                  </a:lnTo>
                  <a:lnTo>
                    <a:pt x="888492" y="3048"/>
                  </a:lnTo>
                  <a:lnTo>
                    <a:pt x="888492" y="0"/>
                  </a:lnTo>
                  <a:close/>
                </a:path>
                <a:path w="970915" h="3175">
                  <a:moveTo>
                    <a:pt x="902208" y="0"/>
                  </a:moveTo>
                  <a:lnTo>
                    <a:pt x="891540" y="0"/>
                  </a:lnTo>
                  <a:lnTo>
                    <a:pt x="891540" y="3048"/>
                  </a:lnTo>
                  <a:lnTo>
                    <a:pt x="902208" y="3048"/>
                  </a:lnTo>
                  <a:lnTo>
                    <a:pt x="902208" y="0"/>
                  </a:lnTo>
                  <a:close/>
                </a:path>
                <a:path w="970915" h="3175">
                  <a:moveTo>
                    <a:pt x="915924" y="0"/>
                  </a:moveTo>
                  <a:lnTo>
                    <a:pt x="905256" y="0"/>
                  </a:lnTo>
                  <a:lnTo>
                    <a:pt x="905256" y="3048"/>
                  </a:lnTo>
                  <a:lnTo>
                    <a:pt x="915924" y="3048"/>
                  </a:lnTo>
                  <a:lnTo>
                    <a:pt x="915924" y="0"/>
                  </a:lnTo>
                  <a:close/>
                </a:path>
                <a:path w="970915" h="3175">
                  <a:moveTo>
                    <a:pt x="929640" y="0"/>
                  </a:moveTo>
                  <a:lnTo>
                    <a:pt x="918972" y="0"/>
                  </a:lnTo>
                  <a:lnTo>
                    <a:pt x="918972" y="3048"/>
                  </a:lnTo>
                  <a:lnTo>
                    <a:pt x="929640" y="3048"/>
                  </a:lnTo>
                  <a:lnTo>
                    <a:pt x="929640" y="0"/>
                  </a:lnTo>
                  <a:close/>
                </a:path>
                <a:path w="970915" h="3175">
                  <a:moveTo>
                    <a:pt x="943356" y="0"/>
                  </a:moveTo>
                  <a:lnTo>
                    <a:pt x="932688" y="0"/>
                  </a:lnTo>
                  <a:lnTo>
                    <a:pt x="932688" y="3048"/>
                  </a:lnTo>
                  <a:lnTo>
                    <a:pt x="943356" y="3048"/>
                  </a:lnTo>
                  <a:lnTo>
                    <a:pt x="943356" y="0"/>
                  </a:lnTo>
                  <a:close/>
                </a:path>
                <a:path w="970915" h="3175">
                  <a:moveTo>
                    <a:pt x="957072" y="0"/>
                  </a:moveTo>
                  <a:lnTo>
                    <a:pt x="946404" y="0"/>
                  </a:lnTo>
                  <a:lnTo>
                    <a:pt x="946404" y="3048"/>
                  </a:lnTo>
                  <a:lnTo>
                    <a:pt x="957072" y="3048"/>
                  </a:lnTo>
                  <a:lnTo>
                    <a:pt x="957072" y="0"/>
                  </a:lnTo>
                  <a:close/>
                </a:path>
                <a:path w="970915" h="3175">
                  <a:moveTo>
                    <a:pt x="970788" y="0"/>
                  </a:moveTo>
                  <a:lnTo>
                    <a:pt x="960120" y="0"/>
                  </a:lnTo>
                  <a:lnTo>
                    <a:pt x="960120" y="3048"/>
                  </a:lnTo>
                  <a:lnTo>
                    <a:pt x="970788" y="3048"/>
                  </a:lnTo>
                  <a:lnTo>
                    <a:pt x="970788" y="0"/>
                  </a:lnTo>
                  <a:close/>
                </a:path>
              </a:pathLst>
            </a:custGeom>
            <a:solidFill>
              <a:srgbClr val="000000"/>
            </a:solidFill>
          </p:spPr>
          <p:txBody>
            <a:bodyPr wrap="square" lIns="0" tIns="0" rIns="0" bIns="0" rtlCol="0"/>
            <a:lstStyle/>
            <a:p>
              <a:endParaRPr sz="1539"/>
            </a:p>
          </p:txBody>
        </p:sp>
        <p:sp>
          <p:nvSpPr>
            <p:cNvPr id="95" name="object 95"/>
            <p:cNvSpPr/>
            <p:nvPr/>
          </p:nvSpPr>
          <p:spPr>
            <a:xfrm>
              <a:off x="402336" y="2135123"/>
              <a:ext cx="9062085" cy="4326890"/>
            </a:xfrm>
            <a:custGeom>
              <a:avLst/>
              <a:gdLst/>
              <a:ahLst/>
              <a:cxnLst/>
              <a:rect l="l" t="t" r="r" b="b"/>
              <a:pathLst>
                <a:path w="9062085" h="4326890">
                  <a:moveTo>
                    <a:pt x="9061704" y="4572"/>
                  </a:moveTo>
                  <a:lnTo>
                    <a:pt x="9060180" y="1524"/>
                  </a:lnTo>
                  <a:lnTo>
                    <a:pt x="9057132" y="0"/>
                  </a:lnTo>
                  <a:lnTo>
                    <a:pt x="9052560" y="0"/>
                  </a:lnTo>
                  <a:lnTo>
                    <a:pt x="9052560" y="9144"/>
                  </a:lnTo>
                  <a:lnTo>
                    <a:pt x="9052560" y="4317504"/>
                  </a:lnTo>
                  <a:lnTo>
                    <a:pt x="9144" y="4317504"/>
                  </a:lnTo>
                  <a:lnTo>
                    <a:pt x="9144" y="9144"/>
                  </a:lnTo>
                  <a:lnTo>
                    <a:pt x="9052560" y="9144"/>
                  </a:lnTo>
                  <a:lnTo>
                    <a:pt x="9052560" y="0"/>
                  </a:lnTo>
                  <a:lnTo>
                    <a:pt x="4572" y="0"/>
                  </a:lnTo>
                  <a:lnTo>
                    <a:pt x="1524" y="1524"/>
                  </a:lnTo>
                  <a:lnTo>
                    <a:pt x="0" y="4572"/>
                  </a:lnTo>
                  <a:lnTo>
                    <a:pt x="0" y="4322076"/>
                  </a:lnTo>
                  <a:lnTo>
                    <a:pt x="1524" y="4325124"/>
                  </a:lnTo>
                  <a:lnTo>
                    <a:pt x="4572" y="4326648"/>
                  </a:lnTo>
                  <a:lnTo>
                    <a:pt x="9057132" y="4326648"/>
                  </a:lnTo>
                  <a:lnTo>
                    <a:pt x="9060180" y="4325124"/>
                  </a:lnTo>
                  <a:lnTo>
                    <a:pt x="9061704" y="4322076"/>
                  </a:lnTo>
                  <a:lnTo>
                    <a:pt x="9061704" y="4317504"/>
                  </a:lnTo>
                  <a:lnTo>
                    <a:pt x="9061704" y="9144"/>
                  </a:lnTo>
                  <a:lnTo>
                    <a:pt x="9061704" y="4572"/>
                  </a:lnTo>
                  <a:close/>
                </a:path>
              </a:pathLst>
            </a:custGeom>
            <a:solidFill>
              <a:srgbClr val="000000"/>
            </a:solidFill>
          </p:spPr>
          <p:txBody>
            <a:bodyPr wrap="square" lIns="0" tIns="0" rIns="0" bIns="0" rtlCol="0"/>
            <a:lstStyle/>
            <a:p>
              <a:endParaRPr sz="1539"/>
            </a:p>
          </p:txBody>
        </p:sp>
        <p:sp>
          <p:nvSpPr>
            <p:cNvPr id="96" name="object 96"/>
            <p:cNvSpPr/>
            <p:nvPr/>
          </p:nvSpPr>
          <p:spPr>
            <a:xfrm>
              <a:off x="472440" y="5870453"/>
              <a:ext cx="88900" cy="586740"/>
            </a:xfrm>
            <a:custGeom>
              <a:avLst/>
              <a:gdLst/>
              <a:ahLst/>
              <a:cxnLst/>
              <a:rect l="l" t="t" r="r" b="b"/>
              <a:pathLst>
                <a:path w="88900" h="586739">
                  <a:moveTo>
                    <a:pt x="88392" y="0"/>
                  </a:moveTo>
                  <a:lnTo>
                    <a:pt x="0" y="0"/>
                  </a:lnTo>
                  <a:lnTo>
                    <a:pt x="0" y="586739"/>
                  </a:lnTo>
                  <a:lnTo>
                    <a:pt x="88392" y="586739"/>
                  </a:lnTo>
                  <a:lnTo>
                    <a:pt x="88392" y="0"/>
                  </a:lnTo>
                  <a:close/>
                </a:path>
              </a:pathLst>
            </a:custGeom>
            <a:solidFill>
              <a:srgbClr val="8080FF"/>
            </a:solidFill>
          </p:spPr>
          <p:txBody>
            <a:bodyPr wrap="square" lIns="0" tIns="0" rIns="0" bIns="0" rtlCol="0"/>
            <a:lstStyle/>
            <a:p>
              <a:endParaRPr sz="1539"/>
            </a:p>
          </p:txBody>
        </p:sp>
        <p:sp>
          <p:nvSpPr>
            <p:cNvPr id="97" name="object 97"/>
            <p:cNvSpPr/>
            <p:nvPr/>
          </p:nvSpPr>
          <p:spPr>
            <a:xfrm>
              <a:off x="470915" y="5868924"/>
              <a:ext cx="91440" cy="589915"/>
            </a:xfrm>
            <a:custGeom>
              <a:avLst/>
              <a:gdLst/>
              <a:ahLst/>
              <a:cxnLst/>
              <a:rect l="l" t="t" r="r" b="b"/>
              <a:pathLst>
                <a:path w="91440" h="589914">
                  <a:moveTo>
                    <a:pt x="89915" y="0"/>
                  </a:moveTo>
                  <a:lnTo>
                    <a:pt x="1524" y="0"/>
                  </a:lnTo>
                  <a:lnTo>
                    <a:pt x="0" y="1524"/>
                  </a:lnTo>
                  <a:lnTo>
                    <a:pt x="0" y="588269"/>
                  </a:lnTo>
                  <a:lnTo>
                    <a:pt x="1524" y="589793"/>
                  </a:lnTo>
                  <a:lnTo>
                    <a:pt x="89915" y="589793"/>
                  </a:lnTo>
                  <a:lnTo>
                    <a:pt x="91440" y="588269"/>
                  </a:lnTo>
                  <a:lnTo>
                    <a:pt x="3048" y="588269"/>
                  </a:lnTo>
                  <a:lnTo>
                    <a:pt x="1524" y="586745"/>
                  </a:lnTo>
                  <a:lnTo>
                    <a:pt x="3048" y="586745"/>
                  </a:lnTo>
                  <a:lnTo>
                    <a:pt x="3048" y="3048"/>
                  </a:lnTo>
                  <a:lnTo>
                    <a:pt x="1524" y="3048"/>
                  </a:lnTo>
                  <a:lnTo>
                    <a:pt x="3048" y="1524"/>
                  </a:lnTo>
                  <a:lnTo>
                    <a:pt x="91440" y="1524"/>
                  </a:lnTo>
                  <a:lnTo>
                    <a:pt x="89915" y="0"/>
                  </a:lnTo>
                  <a:close/>
                </a:path>
                <a:path w="91440" h="589914">
                  <a:moveTo>
                    <a:pt x="3048" y="586745"/>
                  </a:moveTo>
                  <a:lnTo>
                    <a:pt x="1524" y="586745"/>
                  </a:lnTo>
                  <a:lnTo>
                    <a:pt x="3048" y="588269"/>
                  </a:lnTo>
                  <a:lnTo>
                    <a:pt x="3048" y="586745"/>
                  </a:lnTo>
                  <a:close/>
                </a:path>
                <a:path w="91440" h="589914">
                  <a:moveTo>
                    <a:pt x="88392" y="586745"/>
                  </a:moveTo>
                  <a:lnTo>
                    <a:pt x="3048" y="586745"/>
                  </a:lnTo>
                  <a:lnTo>
                    <a:pt x="3048" y="588269"/>
                  </a:lnTo>
                  <a:lnTo>
                    <a:pt x="88392" y="588269"/>
                  </a:lnTo>
                  <a:lnTo>
                    <a:pt x="88392" y="586745"/>
                  </a:lnTo>
                  <a:close/>
                </a:path>
                <a:path w="91440" h="589914">
                  <a:moveTo>
                    <a:pt x="88392" y="1524"/>
                  </a:moveTo>
                  <a:lnTo>
                    <a:pt x="88392" y="588269"/>
                  </a:lnTo>
                  <a:lnTo>
                    <a:pt x="89915" y="586745"/>
                  </a:lnTo>
                  <a:lnTo>
                    <a:pt x="91440" y="586745"/>
                  </a:lnTo>
                  <a:lnTo>
                    <a:pt x="91440" y="3048"/>
                  </a:lnTo>
                  <a:lnTo>
                    <a:pt x="89915" y="3048"/>
                  </a:lnTo>
                  <a:lnTo>
                    <a:pt x="88392" y="1524"/>
                  </a:lnTo>
                  <a:close/>
                </a:path>
                <a:path w="91440" h="589914">
                  <a:moveTo>
                    <a:pt x="91440" y="586745"/>
                  </a:moveTo>
                  <a:lnTo>
                    <a:pt x="89915" y="586745"/>
                  </a:lnTo>
                  <a:lnTo>
                    <a:pt x="88392" y="588269"/>
                  </a:lnTo>
                  <a:lnTo>
                    <a:pt x="91440" y="588269"/>
                  </a:lnTo>
                  <a:lnTo>
                    <a:pt x="91440" y="586745"/>
                  </a:lnTo>
                  <a:close/>
                </a:path>
                <a:path w="91440" h="589914">
                  <a:moveTo>
                    <a:pt x="3048" y="1524"/>
                  </a:moveTo>
                  <a:lnTo>
                    <a:pt x="1524" y="3048"/>
                  </a:lnTo>
                  <a:lnTo>
                    <a:pt x="3048" y="3048"/>
                  </a:lnTo>
                  <a:lnTo>
                    <a:pt x="3048" y="1524"/>
                  </a:lnTo>
                  <a:close/>
                </a:path>
                <a:path w="91440" h="589914">
                  <a:moveTo>
                    <a:pt x="88392" y="1524"/>
                  </a:moveTo>
                  <a:lnTo>
                    <a:pt x="3048" y="1524"/>
                  </a:lnTo>
                  <a:lnTo>
                    <a:pt x="3048" y="3048"/>
                  </a:lnTo>
                  <a:lnTo>
                    <a:pt x="88392" y="3048"/>
                  </a:lnTo>
                  <a:lnTo>
                    <a:pt x="88392" y="1524"/>
                  </a:lnTo>
                  <a:close/>
                </a:path>
                <a:path w="91440" h="589914">
                  <a:moveTo>
                    <a:pt x="91440" y="1524"/>
                  </a:moveTo>
                  <a:lnTo>
                    <a:pt x="88392" y="1524"/>
                  </a:lnTo>
                  <a:lnTo>
                    <a:pt x="89915" y="3048"/>
                  </a:lnTo>
                  <a:lnTo>
                    <a:pt x="91440" y="3048"/>
                  </a:lnTo>
                  <a:lnTo>
                    <a:pt x="91440" y="1524"/>
                  </a:lnTo>
                  <a:close/>
                </a:path>
              </a:pathLst>
            </a:custGeom>
            <a:solidFill>
              <a:srgbClr val="000000"/>
            </a:solidFill>
          </p:spPr>
          <p:txBody>
            <a:bodyPr wrap="square" lIns="0" tIns="0" rIns="0" bIns="0" rtlCol="0"/>
            <a:lstStyle/>
            <a:p>
              <a:endParaRPr sz="1539"/>
            </a:p>
          </p:txBody>
        </p:sp>
        <p:sp>
          <p:nvSpPr>
            <p:cNvPr id="98" name="object 98"/>
            <p:cNvSpPr/>
            <p:nvPr/>
          </p:nvSpPr>
          <p:spPr>
            <a:xfrm>
              <a:off x="693419" y="5734817"/>
              <a:ext cx="88900" cy="722630"/>
            </a:xfrm>
            <a:custGeom>
              <a:avLst/>
              <a:gdLst/>
              <a:ahLst/>
              <a:cxnLst/>
              <a:rect l="l" t="t" r="r" b="b"/>
              <a:pathLst>
                <a:path w="88900" h="722629">
                  <a:moveTo>
                    <a:pt x="88392" y="0"/>
                  </a:moveTo>
                  <a:lnTo>
                    <a:pt x="0" y="0"/>
                  </a:lnTo>
                  <a:lnTo>
                    <a:pt x="0" y="722376"/>
                  </a:lnTo>
                  <a:lnTo>
                    <a:pt x="88392" y="722376"/>
                  </a:lnTo>
                  <a:lnTo>
                    <a:pt x="88392" y="0"/>
                  </a:lnTo>
                  <a:close/>
                </a:path>
              </a:pathLst>
            </a:custGeom>
            <a:solidFill>
              <a:srgbClr val="8080FF"/>
            </a:solidFill>
          </p:spPr>
          <p:txBody>
            <a:bodyPr wrap="square" lIns="0" tIns="0" rIns="0" bIns="0" rtlCol="0"/>
            <a:lstStyle/>
            <a:p>
              <a:endParaRPr sz="1539"/>
            </a:p>
          </p:txBody>
        </p:sp>
        <p:sp>
          <p:nvSpPr>
            <p:cNvPr id="99" name="object 99"/>
            <p:cNvSpPr/>
            <p:nvPr/>
          </p:nvSpPr>
          <p:spPr>
            <a:xfrm>
              <a:off x="691896" y="5733287"/>
              <a:ext cx="91440" cy="725805"/>
            </a:xfrm>
            <a:custGeom>
              <a:avLst/>
              <a:gdLst/>
              <a:ahLst/>
              <a:cxnLst/>
              <a:rect l="l" t="t" r="r" b="b"/>
              <a:pathLst>
                <a:path w="91440" h="725804">
                  <a:moveTo>
                    <a:pt x="89916" y="0"/>
                  </a:moveTo>
                  <a:lnTo>
                    <a:pt x="1524" y="0"/>
                  </a:lnTo>
                  <a:lnTo>
                    <a:pt x="0" y="1524"/>
                  </a:lnTo>
                  <a:lnTo>
                    <a:pt x="0" y="723905"/>
                  </a:lnTo>
                  <a:lnTo>
                    <a:pt x="1524" y="725429"/>
                  </a:lnTo>
                  <a:lnTo>
                    <a:pt x="89916" y="725429"/>
                  </a:lnTo>
                  <a:lnTo>
                    <a:pt x="91440" y="723905"/>
                  </a:lnTo>
                  <a:lnTo>
                    <a:pt x="3048" y="723905"/>
                  </a:lnTo>
                  <a:lnTo>
                    <a:pt x="1524" y="722381"/>
                  </a:lnTo>
                  <a:lnTo>
                    <a:pt x="3048" y="722381"/>
                  </a:lnTo>
                  <a:lnTo>
                    <a:pt x="3048" y="3048"/>
                  </a:lnTo>
                  <a:lnTo>
                    <a:pt x="1524" y="3048"/>
                  </a:lnTo>
                  <a:lnTo>
                    <a:pt x="3048" y="1524"/>
                  </a:lnTo>
                  <a:lnTo>
                    <a:pt x="91440" y="1524"/>
                  </a:lnTo>
                  <a:lnTo>
                    <a:pt x="89916" y="0"/>
                  </a:lnTo>
                  <a:close/>
                </a:path>
                <a:path w="91440" h="725804">
                  <a:moveTo>
                    <a:pt x="3048" y="722381"/>
                  </a:moveTo>
                  <a:lnTo>
                    <a:pt x="1524" y="722381"/>
                  </a:lnTo>
                  <a:lnTo>
                    <a:pt x="3048" y="723905"/>
                  </a:lnTo>
                  <a:lnTo>
                    <a:pt x="3048" y="722381"/>
                  </a:lnTo>
                  <a:close/>
                </a:path>
                <a:path w="91440" h="725804">
                  <a:moveTo>
                    <a:pt x="88392" y="722381"/>
                  </a:moveTo>
                  <a:lnTo>
                    <a:pt x="3048" y="722381"/>
                  </a:lnTo>
                  <a:lnTo>
                    <a:pt x="3048" y="723905"/>
                  </a:lnTo>
                  <a:lnTo>
                    <a:pt x="88392" y="723905"/>
                  </a:lnTo>
                  <a:lnTo>
                    <a:pt x="88392" y="722381"/>
                  </a:lnTo>
                  <a:close/>
                </a:path>
                <a:path w="91440" h="725804">
                  <a:moveTo>
                    <a:pt x="88392" y="1524"/>
                  </a:moveTo>
                  <a:lnTo>
                    <a:pt x="88392" y="723905"/>
                  </a:lnTo>
                  <a:lnTo>
                    <a:pt x="89916" y="722381"/>
                  </a:lnTo>
                  <a:lnTo>
                    <a:pt x="91440" y="722381"/>
                  </a:lnTo>
                  <a:lnTo>
                    <a:pt x="91440" y="3048"/>
                  </a:lnTo>
                  <a:lnTo>
                    <a:pt x="89916" y="3048"/>
                  </a:lnTo>
                  <a:lnTo>
                    <a:pt x="88392" y="1524"/>
                  </a:lnTo>
                  <a:close/>
                </a:path>
                <a:path w="91440" h="725804">
                  <a:moveTo>
                    <a:pt x="91440" y="722381"/>
                  </a:moveTo>
                  <a:lnTo>
                    <a:pt x="89916" y="722381"/>
                  </a:lnTo>
                  <a:lnTo>
                    <a:pt x="88392" y="723905"/>
                  </a:lnTo>
                  <a:lnTo>
                    <a:pt x="91440" y="723905"/>
                  </a:lnTo>
                  <a:lnTo>
                    <a:pt x="91440" y="722381"/>
                  </a:lnTo>
                  <a:close/>
                </a:path>
                <a:path w="91440" h="725804">
                  <a:moveTo>
                    <a:pt x="3048" y="1524"/>
                  </a:moveTo>
                  <a:lnTo>
                    <a:pt x="1524" y="3048"/>
                  </a:lnTo>
                  <a:lnTo>
                    <a:pt x="3048" y="3048"/>
                  </a:lnTo>
                  <a:lnTo>
                    <a:pt x="3048" y="1524"/>
                  </a:lnTo>
                  <a:close/>
                </a:path>
                <a:path w="91440" h="725804">
                  <a:moveTo>
                    <a:pt x="88392" y="1524"/>
                  </a:moveTo>
                  <a:lnTo>
                    <a:pt x="3048" y="1524"/>
                  </a:lnTo>
                  <a:lnTo>
                    <a:pt x="3048" y="3048"/>
                  </a:lnTo>
                  <a:lnTo>
                    <a:pt x="88392" y="3048"/>
                  </a:lnTo>
                  <a:lnTo>
                    <a:pt x="88392" y="1524"/>
                  </a:lnTo>
                  <a:close/>
                </a:path>
                <a:path w="91440" h="725804">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00" name="object 100"/>
            <p:cNvSpPr/>
            <p:nvPr/>
          </p:nvSpPr>
          <p:spPr>
            <a:xfrm>
              <a:off x="914400" y="5612897"/>
              <a:ext cx="88900" cy="844550"/>
            </a:xfrm>
            <a:custGeom>
              <a:avLst/>
              <a:gdLst/>
              <a:ahLst/>
              <a:cxnLst/>
              <a:rect l="l" t="t" r="r" b="b"/>
              <a:pathLst>
                <a:path w="88900" h="844550">
                  <a:moveTo>
                    <a:pt x="88391" y="0"/>
                  </a:moveTo>
                  <a:lnTo>
                    <a:pt x="0" y="0"/>
                  </a:lnTo>
                  <a:lnTo>
                    <a:pt x="0" y="844296"/>
                  </a:lnTo>
                  <a:lnTo>
                    <a:pt x="88391" y="844296"/>
                  </a:lnTo>
                  <a:lnTo>
                    <a:pt x="88391" y="0"/>
                  </a:lnTo>
                  <a:close/>
                </a:path>
              </a:pathLst>
            </a:custGeom>
            <a:solidFill>
              <a:srgbClr val="8080FF"/>
            </a:solidFill>
          </p:spPr>
          <p:txBody>
            <a:bodyPr wrap="square" lIns="0" tIns="0" rIns="0" bIns="0" rtlCol="0"/>
            <a:lstStyle/>
            <a:p>
              <a:endParaRPr sz="1539"/>
            </a:p>
          </p:txBody>
        </p:sp>
        <p:sp>
          <p:nvSpPr>
            <p:cNvPr id="101" name="object 101"/>
            <p:cNvSpPr/>
            <p:nvPr/>
          </p:nvSpPr>
          <p:spPr>
            <a:xfrm>
              <a:off x="912875" y="5611368"/>
              <a:ext cx="91440" cy="847725"/>
            </a:xfrm>
            <a:custGeom>
              <a:avLst/>
              <a:gdLst/>
              <a:ahLst/>
              <a:cxnLst/>
              <a:rect l="l" t="t" r="r" b="b"/>
              <a:pathLst>
                <a:path w="91440" h="847725">
                  <a:moveTo>
                    <a:pt x="89915" y="0"/>
                  </a:moveTo>
                  <a:lnTo>
                    <a:pt x="1524" y="0"/>
                  </a:lnTo>
                  <a:lnTo>
                    <a:pt x="0" y="1524"/>
                  </a:lnTo>
                  <a:lnTo>
                    <a:pt x="0" y="845825"/>
                  </a:lnTo>
                  <a:lnTo>
                    <a:pt x="1524" y="847349"/>
                  </a:lnTo>
                  <a:lnTo>
                    <a:pt x="89915" y="847349"/>
                  </a:lnTo>
                  <a:lnTo>
                    <a:pt x="91440" y="845825"/>
                  </a:lnTo>
                  <a:lnTo>
                    <a:pt x="3048" y="845825"/>
                  </a:lnTo>
                  <a:lnTo>
                    <a:pt x="1524" y="844301"/>
                  </a:lnTo>
                  <a:lnTo>
                    <a:pt x="3048" y="844301"/>
                  </a:lnTo>
                  <a:lnTo>
                    <a:pt x="3048" y="3048"/>
                  </a:lnTo>
                  <a:lnTo>
                    <a:pt x="1524" y="3048"/>
                  </a:lnTo>
                  <a:lnTo>
                    <a:pt x="3048" y="1524"/>
                  </a:lnTo>
                  <a:lnTo>
                    <a:pt x="91440" y="1524"/>
                  </a:lnTo>
                  <a:lnTo>
                    <a:pt x="89915" y="0"/>
                  </a:lnTo>
                  <a:close/>
                </a:path>
                <a:path w="91440" h="847725">
                  <a:moveTo>
                    <a:pt x="3048" y="844301"/>
                  </a:moveTo>
                  <a:lnTo>
                    <a:pt x="1524" y="844301"/>
                  </a:lnTo>
                  <a:lnTo>
                    <a:pt x="3048" y="845825"/>
                  </a:lnTo>
                  <a:lnTo>
                    <a:pt x="3048" y="844301"/>
                  </a:lnTo>
                  <a:close/>
                </a:path>
                <a:path w="91440" h="847725">
                  <a:moveTo>
                    <a:pt x="88392" y="844301"/>
                  </a:moveTo>
                  <a:lnTo>
                    <a:pt x="3048" y="844301"/>
                  </a:lnTo>
                  <a:lnTo>
                    <a:pt x="3048" y="845825"/>
                  </a:lnTo>
                  <a:lnTo>
                    <a:pt x="88392" y="845825"/>
                  </a:lnTo>
                  <a:lnTo>
                    <a:pt x="88392" y="844301"/>
                  </a:lnTo>
                  <a:close/>
                </a:path>
                <a:path w="91440" h="847725">
                  <a:moveTo>
                    <a:pt x="88392" y="1524"/>
                  </a:moveTo>
                  <a:lnTo>
                    <a:pt x="88392" y="845825"/>
                  </a:lnTo>
                  <a:lnTo>
                    <a:pt x="89915" y="844301"/>
                  </a:lnTo>
                  <a:lnTo>
                    <a:pt x="91440" y="844301"/>
                  </a:lnTo>
                  <a:lnTo>
                    <a:pt x="91440" y="3048"/>
                  </a:lnTo>
                  <a:lnTo>
                    <a:pt x="89915" y="3048"/>
                  </a:lnTo>
                  <a:lnTo>
                    <a:pt x="88392" y="1524"/>
                  </a:lnTo>
                  <a:close/>
                </a:path>
                <a:path w="91440" h="847725">
                  <a:moveTo>
                    <a:pt x="91440" y="844301"/>
                  </a:moveTo>
                  <a:lnTo>
                    <a:pt x="89915" y="844301"/>
                  </a:lnTo>
                  <a:lnTo>
                    <a:pt x="88392" y="845825"/>
                  </a:lnTo>
                  <a:lnTo>
                    <a:pt x="91440" y="845825"/>
                  </a:lnTo>
                  <a:lnTo>
                    <a:pt x="91440" y="844301"/>
                  </a:lnTo>
                  <a:close/>
                </a:path>
                <a:path w="91440" h="847725">
                  <a:moveTo>
                    <a:pt x="3048" y="1524"/>
                  </a:moveTo>
                  <a:lnTo>
                    <a:pt x="1524" y="3048"/>
                  </a:lnTo>
                  <a:lnTo>
                    <a:pt x="3048" y="3048"/>
                  </a:lnTo>
                  <a:lnTo>
                    <a:pt x="3048" y="1524"/>
                  </a:lnTo>
                  <a:close/>
                </a:path>
                <a:path w="91440" h="847725">
                  <a:moveTo>
                    <a:pt x="88392" y="1524"/>
                  </a:moveTo>
                  <a:lnTo>
                    <a:pt x="3048" y="1524"/>
                  </a:lnTo>
                  <a:lnTo>
                    <a:pt x="3048" y="3048"/>
                  </a:lnTo>
                  <a:lnTo>
                    <a:pt x="88392" y="3048"/>
                  </a:lnTo>
                  <a:lnTo>
                    <a:pt x="88392" y="1524"/>
                  </a:lnTo>
                  <a:close/>
                </a:path>
                <a:path w="91440" h="847725">
                  <a:moveTo>
                    <a:pt x="91440" y="1524"/>
                  </a:moveTo>
                  <a:lnTo>
                    <a:pt x="88392" y="1524"/>
                  </a:lnTo>
                  <a:lnTo>
                    <a:pt x="89915" y="3048"/>
                  </a:lnTo>
                  <a:lnTo>
                    <a:pt x="91440" y="3048"/>
                  </a:lnTo>
                  <a:lnTo>
                    <a:pt x="91440" y="1524"/>
                  </a:lnTo>
                  <a:close/>
                </a:path>
              </a:pathLst>
            </a:custGeom>
            <a:solidFill>
              <a:srgbClr val="000000"/>
            </a:solidFill>
          </p:spPr>
          <p:txBody>
            <a:bodyPr wrap="square" lIns="0" tIns="0" rIns="0" bIns="0" rtlCol="0"/>
            <a:lstStyle/>
            <a:p>
              <a:endParaRPr sz="1539"/>
            </a:p>
          </p:txBody>
        </p:sp>
        <p:sp>
          <p:nvSpPr>
            <p:cNvPr id="102" name="object 102"/>
            <p:cNvSpPr/>
            <p:nvPr/>
          </p:nvSpPr>
          <p:spPr>
            <a:xfrm>
              <a:off x="1135380" y="5556509"/>
              <a:ext cx="88900" cy="901065"/>
            </a:xfrm>
            <a:custGeom>
              <a:avLst/>
              <a:gdLst/>
              <a:ahLst/>
              <a:cxnLst/>
              <a:rect l="l" t="t" r="r" b="b"/>
              <a:pathLst>
                <a:path w="88900" h="901064">
                  <a:moveTo>
                    <a:pt x="88391" y="0"/>
                  </a:moveTo>
                  <a:lnTo>
                    <a:pt x="0" y="0"/>
                  </a:lnTo>
                  <a:lnTo>
                    <a:pt x="0" y="900684"/>
                  </a:lnTo>
                  <a:lnTo>
                    <a:pt x="88391" y="900684"/>
                  </a:lnTo>
                  <a:lnTo>
                    <a:pt x="88391" y="0"/>
                  </a:lnTo>
                  <a:close/>
                </a:path>
              </a:pathLst>
            </a:custGeom>
            <a:solidFill>
              <a:srgbClr val="8080FF"/>
            </a:solidFill>
          </p:spPr>
          <p:txBody>
            <a:bodyPr wrap="square" lIns="0" tIns="0" rIns="0" bIns="0" rtlCol="0"/>
            <a:lstStyle/>
            <a:p>
              <a:endParaRPr sz="1539"/>
            </a:p>
          </p:txBody>
        </p:sp>
        <p:sp>
          <p:nvSpPr>
            <p:cNvPr id="103" name="object 103"/>
            <p:cNvSpPr/>
            <p:nvPr/>
          </p:nvSpPr>
          <p:spPr>
            <a:xfrm>
              <a:off x="1133855" y="5554980"/>
              <a:ext cx="91440" cy="904240"/>
            </a:xfrm>
            <a:custGeom>
              <a:avLst/>
              <a:gdLst/>
              <a:ahLst/>
              <a:cxnLst/>
              <a:rect l="l" t="t" r="r" b="b"/>
              <a:pathLst>
                <a:path w="91440" h="904239">
                  <a:moveTo>
                    <a:pt x="89915" y="0"/>
                  </a:moveTo>
                  <a:lnTo>
                    <a:pt x="1524" y="0"/>
                  </a:lnTo>
                  <a:lnTo>
                    <a:pt x="0" y="1523"/>
                  </a:lnTo>
                  <a:lnTo>
                    <a:pt x="0" y="902213"/>
                  </a:lnTo>
                  <a:lnTo>
                    <a:pt x="1524" y="903737"/>
                  </a:lnTo>
                  <a:lnTo>
                    <a:pt x="89915" y="903737"/>
                  </a:lnTo>
                  <a:lnTo>
                    <a:pt x="91440" y="902213"/>
                  </a:lnTo>
                  <a:lnTo>
                    <a:pt x="3047" y="902213"/>
                  </a:lnTo>
                  <a:lnTo>
                    <a:pt x="1524" y="900689"/>
                  </a:lnTo>
                  <a:lnTo>
                    <a:pt x="3047" y="900689"/>
                  </a:lnTo>
                  <a:lnTo>
                    <a:pt x="3047" y="3047"/>
                  </a:lnTo>
                  <a:lnTo>
                    <a:pt x="1524" y="3047"/>
                  </a:lnTo>
                  <a:lnTo>
                    <a:pt x="3047" y="1523"/>
                  </a:lnTo>
                  <a:lnTo>
                    <a:pt x="91440" y="1523"/>
                  </a:lnTo>
                  <a:lnTo>
                    <a:pt x="89915" y="0"/>
                  </a:lnTo>
                  <a:close/>
                </a:path>
                <a:path w="91440" h="904239">
                  <a:moveTo>
                    <a:pt x="3047" y="900689"/>
                  </a:moveTo>
                  <a:lnTo>
                    <a:pt x="1524" y="900689"/>
                  </a:lnTo>
                  <a:lnTo>
                    <a:pt x="3047" y="902213"/>
                  </a:lnTo>
                  <a:lnTo>
                    <a:pt x="3047" y="900689"/>
                  </a:lnTo>
                  <a:close/>
                </a:path>
                <a:path w="91440" h="904239">
                  <a:moveTo>
                    <a:pt x="88391" y="900689"/>
                  </a:moveTo>
                  <a:lnTo>
                    <a:pt x="3047" y="900689"/>
                  </a:lnTo>
                  <a:lnTo>
                    <a:pt x="3047" y="902213"/>
                  </a:lnTo>
                  <a:lnTo>
                    <a:pt x="88391" y="902213"/>
                  </a:lnTo>
                  <a:lnTo>
                    <a:pt x="88391" y="900689"/>
                  </a:lnTo>
                  <a:close/>
                </a:path>
                <a:path w="91440" h="904239">
                  <a:moveTo>
                    <a:pt x="88391" y="1523"/>
                  </a:moveTo>
                  <a:lnTo>
                    <a:pt x="88391" y="902213"/>
                  </a:lnTo>
                  <a:lnTo>
                    <a:pt x="89915" y="900689"/>
                  </a:lnTo>
                  <a:lnTo>
                    <a:pt x="91440" y="900689"/>
                  </a:lnTo>
                  <a:lnTo>
                    <a:pt x="91440" y="3047"/>
                  </a:lnTo>
                  <a:lnTo>
                    <a:pt x="89915" y="3047"/>
                  </a:lnTo>
                  <a:lnTo>
                    <a:pt x="88391" y="1523"/>
                  </a:lnTo>
                  <a:close/>
                </a:path>
                <a:path w="91440" h="904239">
                  <a:moveTo>
                    <a:pt x="91440" y="900689"/>
                  </a:moveTo>
                  <a:lnTo>
                    <a:pt x="89915" y="900689"/>
                  </a:lnTo>
                  <a:lnTo>
                    <a:pt x="88391" y="902213"/>
                  </a:lnTo>
                  <a:lnTo>
                    <a:pt x="91440" y="902213"/>
                  </a:lnTo>
                  <a:lnTo>
                    <a:pt x="91440" y="900689"/>
                  </a:lnTo>
                  <a:close/>
                </a:path>
                <a:path w="91440" h="904239">
                  <a:moveTo>
                    <a:pt x="3047" y="1523"/>
                  </a:moveTo>
                  <a:lnTo>
                    <a:pt x="1524" y="3047"/>
                  </a:lnTo>
                  <a:lnTo>
                    <a:pt x="3047" y="3047"/>
                  </a:lnTo>
                  <a:lnTo>
                    <a:pt x="3047" y="1523"/>
                  </a:lnTo>
                  <a:close/>
                </a:path>
                <a:path w="91440" h="904239">
                  <a:moveTo>
                    <a:pt x="88391" y="1523"/>
                  </a:moveTo>
                  <a:lnTo>
                    <a:pt x="3047" y="1523"/>
                  </a:lnTo>
                  <a:lnTo>
                    <a:pt x="3047" y="3047"/>
                  </a:lnTo>
                  <a:lnTo>
                    <a:pt x="88391" y="3047"/>
                  </a:lnTo>
                  <a:lnTo>
                    <a:pt x="88391" y="1523"/>
                  </a:lnTo>
                  <a:close/>
                </a:path>
                <a:path w="91440" h="904239">
                  <a:moveTo>
                    <a:pt x="91440" y="1523"/>
                  </a:moveTo>
                  <a:lnTo>
                    <a:pt x="88391" y="1523"/>
                  </a:lnTo>
                  <a:lnTo>
                    <a:pt x="89915" y="3047"/>
                  </a:lnTo>
                  <a:lnTo>
                    <a:pt x="91440" y="3047"/>
                  </a:lnTo>
                  <a:lnTo>
                    <a:pt x="91440" y="1523"/>
                  </a:lnTo>
                  <a:close/>
                </a:path>
              </a:pathLst>
            </a:custGeom>
            <a:solidFill>
              <a:srgbClr val="000000"/>
            </a:solidFill>
          </p:spPr>
          <p:txBody>
            <a:bodyPr wrap="square" lIns="0" tIns="0" rIns="0" bIns="0" rtlCol="0"/>
            <a:lstStyle/>
            <a:p>
              <a:endParaRPr sz="1539"/>
            </a:p>
          </p:txBody>
        </p:sp>
        <p:sp>
          <p:nvSpPr>
            <p:cNvPr id="104" name="object 104"/>
            <p:cNvSpPr/>
            <p:nvPr/>
          </p:nvSpPr>
          <p:spPr>
            <a:xfrm>
              <a:off x="1356360" y="5515361"/>
              <a:ext cx="88900" cy="942340"/>
            </a:xfrm>
            <a:custGeom>
              <a:avLst/>
              <a:gdLst/>
              <a:ahLst/>
              <a:cxnLst/>
              <a:rect l="l" t="t" r="r" b="b"/>
              <a:pathLst>
                <a:path w="88900" h="942339">
                  <a:moveTo>
                    <a:pt x="88391" y="0"/>
                  </a:moveTo>
                  <a:lnTo>
                    <a:pt x="0" y="0"/>
                  </a:lnTo>
                  <a:lnTo>
                    <a:pt x="0" y="941831"/>
                  </a:lnTo>
                  <a:lnTo>
                    <a:pt x="88391" y="941831"/>
                  </a:lnTo>
                  <a:lnTo>
                    <a:pt x="88391" y="0"/>
                  </a:lnTo>
                  <a:close/>
                </a:path>
              </a:pathLst>
            </a:custGeom>
            <a:solidFill>
              <a:srgbClr val="8080FF"/>
            </a:solidFill>
          </p:spPr>
          <p:txBody>
            <a:bodyPr wrap="square" lIns="0" tIns="0" rIns="0" bIns="0" rtlCol="0"/>
            <a:lstStyle/>
            <a:p>
              <a:endParaRPr sz="1539"/>
            </a:p>
          </p:txBody>
        </p:sp>
        <p:sp>
          <p:nvSpPr>
            <p:cNvPr id="105" name="object 105"/>
            <p:cNvSpPr/>
            <p:nvPr/>
          </p:nvSpPr>
          <p:spPr>
            <a:xfrm>
              <a:off x="1354836" y="5513831"/>
              <a:ext cx="91440" cy="944880"/>
            </a:xfrm>
            <a:custGeom>
              <a:avLst/>
              <a:gdLst/>
              <a:ahLst/>
              <a:cxnLst/>
              <a:rect l="l" t="t" r="r" b="b"/>
              <a:pathLst>
                <a:path w="91440" h="944879">
                  <a:moveTo>
                    <a:pt x="89915" y="0"/>
                  </a:moveTo>
                  <a:lnTo>
                    <a:pt x="1523" y="0"/>
                  </a:lnTo>
                  <a:lnTo>
                    <a:pt x="0" y="1523"/>
                  </a:lnTo>
                  <a:lnTo>
                    <a:pt x="0" y="943361"/>
                  </a:lnTo>
                  <a:lnTo>
                    <a:pt x="1523" y="944885"/>
                  </a:lnTo>
                  <a:lnTo>
                    <a:pt x="89915" y="944885"/>
                  </a:lnTo>
                  <a:lnTo>
                    <a:pt x="91439" y="943361"/>
                  </a:lnTo>
                  <a:lnTo>
                    <a:pt x="3047" y="943361"/>
                  </a:lnTo>
                  <a:lnTo>
                    <a:pt x="1523" y="941837"/>
                  </a:lnTo>
                  <a:lnTo>
                    <a:pt x="3047" y="941837"/>
                  </a:lnTo>
                  <a:lnTo>
                    <a:pt x="3047" y="3048"/>
                  </a:lnTo>
                  <a:lnTo>
                    <a:pt x="1523" y="3048"/>
                  </a:lnTo>
                  <a:lnTo>
                    <a:pt x="3047" y="1523"/>
                  </a:lnTo>
                  <a:lnTo>
                    <a:pt x="91439" y="1523"/>
                  </a:lnTo>
                  <a:lnTo>
                    <a:pt x="89915" y="0"/>
                  </a:lnTo>
                  <a:close/>
                </a:path>
                <a:path w="91440" h="944879">
                  <a:moveTo>
                    <a:pt x="3047" y="941837"/>
                  </a:moveTo>
                  <a:lnTo>
                    <a:pt x="1523" y="941837"/>
                  </a:lnTo>
                  <a:lnTo>
                    <a:pt x="3047" y="943361"/>
                  </a:lnTo>
                  <a:lnTo>
                    <a:pt x="3047" y="941837"/>
                  </a:lnTo>
                  <a:close/>
                </a:path>
                <a:path w="91440" h="944879">
                  <a:moveTo>
                    <a:pt x="88391" y="941837"/>
                  </a:moveTo>
                  <a:lnTo>
                    <a:pt x="3047" y="941837"/>
                  </a:lnTo>
                  <a:lnTo>
                    <a:pt x="3047" y="943361"/>
                  </a:lnTo>
                  <a:lnTo>
                    <a:pt x="88391" y="943361"/>
                  </a:lnTo>
                  <a:lnTo>
                    <a:pt x="88391" y="941837"/>
                  </a:lnTo>
                  <a:close/>
                </a:path>
                <a:path w="91440" h="944879">
                  <a:moveTo>
                    <a:pt x="88391" y="1523"/>
                  </a:moveTo>
                  <a:lnTo>
                    <a:pt x="88391" y="943361"/>
                  </a:lnTo>
                  <a:lnTo>
                    <a:pt x="89915" y="941837"/>
                  </a:lnTo>
                  <a:lnTo>
                    <a:pt x="91439" y="941837"/>
                  </a:lnTo>
                  <a:lnTo>
                    <a:pt x="91439" y="3048"/>
                  </a:lnTo>
                  <a:lnTo>
                    <a:pt x="89916" y="3048"/>
                  </a:lnTo>
                  <a:lnTo>
                    <a:pt x="88391" y="1523"/>
                  </a:lnTo>
                  <a:close/>
                </a:path>
                <a:path w="91440" h="944879">
                  <a:moveTo>
                    <a:pt x="91439" y="941837"/>
                  </a:moveTo>
                  <a:lnTo>
                    <a:pt x="89915" y="941837"/>
                  </a:lnTo>
                  <a:lnTo>
                    <a:pt x="88391" y="943361"/>
                  </a:lnTo>
                  <a:lnTo>
                    <a:pt x="91439" y="943361"/>
                  </a:lnTo>
                  <a:lnTo>
                    <a:pt x="91439" y="941837"/>
                  </a:lnTo>
                  <a:close/>
                </a:path>
                <a:path w="91440" h="944879">
                  <a:moveTo>
                    <a:pt x="3047" y="1523"/>
                  </a:moveTo>
                  <a:lnTo>
                    <a:pt x="1523" y="3048"/>
                  </a:lnTo>
                  <a:lnTo>
                    <a:pt x="3047" y="3048"/>
                  </a:lnTo>
                  <a:lnTo>
                    <a:pt x="3047" y="1523"/>
                  </a:lnTo>
                  <a:close/>
                </a:path>
                <a:path w="91440" h="944879">
                  <a:moveTo>
                    <a:pt x="88391" y="1523"/>
                  </a:moveTo>
                  <a:lnTo>
                    <a:pt x="3047" y="1523"/>
                  </a:lnTo>
                  <a:lnTo>
                    <a:pt x="3047" y="3048"/>
                  </a:lnTo>
                  <a:lnTo>
                    <a:pt x="88391" y="3048"/>
                  </a:lnTo>
                  <a:lnTo>
                    <a:pt x="88391" y="1523"/>
                  </a:lnTo>
                  <a:close/>
                </a:path>
                <a:path w="91440" h="944879">
                  <a:moveTo>
                    <a:pt x="91439" y="1523"/>
                  </a:moveTo>
                  <a:lnTo>
                    <a:pt x="88391" y="1523"/>
                  </a:lnTo>
                  <a:lnTo>
                    <a:pt x="89916" y="3048"/>
                  </a:lnTo>
                  <a:lnTo>
                    <a:pt x="91439" y="3048"/>
                  </a:lnTo>
                  <a:lnTo>
                    <a:pt x="91439" y="1523"/>
                  </a:lnTo>
                  <a:close/>
                </a:path>
              </a:pathLst>
            </a:custGeom>
            <a:solidFill>
              <a:srgbClr val="000000"/>
            </a:solidFill>
          </p:spPr>
          <p:txBody>
            <a:bodyPr wrap="square" lIns="0" tIns="0" rIns="0" bIns="0" rtlCol="0"/>
            <a:lstStyle/>
            <a:p>
              <a:endParaRPr sz="1539"/>
            </a:p>
          </p:txBody>
        </p:sp>
        <p:sp>
          <p:nvSpPr>
            <p:cNvPr id="106" name="object 106"/>
            <p:cNvSpPr/>
            <p:nvPr/>
          </p:nvSpPr>
          <p:spPr>
            <a:xfrm>
              <a:off x="1577339" y="5483356"/>
              <a:ext cx="88900" cy="974090"/>
            </a:xfrm>
            <a:custGeom>
              <a:avLst/>
              <a:gdLst/>
              <a:ahLst/>
              <a:cxnLst/>
              <a:rect l="l" t="t" r="r" b="b"/>
              <a:pathLst>
                <a:path w="88900" h="974089">
                  <a:moveTo>
                    <a:pt x="88391" y="0"/>
                  </a:moveTo>
                  <a:lnTo>
                    <a:pt x="0" y="0"/>
                  </a:lnTo>
                  <a:lnTo>
                    <a:pt x="0" y="973836"/>
                  </a:lnTo>
                  <a:lnTo>
                    <a:pt x="88391" y="973836"/>
                  </a:lnTo>
                  <a:lnTo>
                    <a:pt x="88391" y="0"/>
                  </a:lnTo>
                  <a:close/>
                </a:path>
              </a:pathLst>
            </a:custGeom>
            <a:solidFill>
              <a:srgbClr val="8080FF"/>
            </a:solidFill>
          </p:spPr>
          <p:txBody>
            <a:bodyPr wrap="square" lIns="0" tIns="0" rIns="0" bIns="0" rtlCol="0"/>
            <a:lstStyle/>
            <a:p>
              <a:endParaRPr sz="1539"/>
            </a:p>
          </p:txBody>
        </p:sp>
        <p:sp>
          <p:nvSpPr>
            <p:cNvPr id="107" name="object 107"/>
            <p:cNvSpPr/>
            <p:nvPr/>
          </p:nvSpPr>
          <p:spPr>
            <a:xfrm>
              <a:off x="1575816" y="5481827"/>
              <a:ext cx="91440" cy="977265"/>
            </a:xfrm>
            <a:custGeom>
              <a:avLst/>
              <a:gdLst/>
              <a:ahLst/>
              <a:cxnLst/>
              <a:rect l="l" t="t" r="r" b="b"/>
              <a:pathLst>
                <a:path w="91439" h="977264">
                  <a:moveTo>
                    <a:pt x="89915" y="0"/>
                  </a:moveTo>
                  <a:lnTo>
                    <a:pt x="1524" y="0"/>
                  </a:lnTo>
                  <a:lnTo>
                    <a:pt x="0" y="1523"/>
                  </a:lnTo>
                  <a:lnTo>
                    <a:pt x="0" y="975365"/>
                  </a:lnTo>
                  <a:lnTo>
                    <a:pt x="1524" y="976889"/>
                  </a:lnTo>
                  <a:lnTo>
                    <a:pt x="89915" y="976889"/>
                  </a:lnTo>
                  <a:lnTo>
                    <a:pt x="91440" y="975365"/>
                  </a:lnTo>
                  <a:lnTo>
                    <a:pt x="3047" y="975365"/>
                  </a:lnTo>
                  <a:lnTo>
                    <a:pt x="1524" y="973841"/>
                  </a:lnTo>
                  <a:lnTo>
                    <a:pt x="3047" y="973841"/>
                  </a:lnTo>
                  <a:lnTo>
                    <a:pt x="3047" y="3048"/>
                  </a:lnTo>
                  <a:lnTo>
                    <a:pt x="1523" y="3048"/>
                  </a:lnTo>
                  <a:lnTo>
                    <a:pt x="3047" y="1523"/>
                  </a:lnTo>
                  <a:lnTo>
                    <a:pt x="91440" y="1523"/>
                  </a:lnTo>
                  <a:lnTo>
                    <a:pt x="89915" y="0"/>
                  </a:lnTo>
                  <a:close/>
                </a:path>
                <a:path w="91439" h="977264">
                  <a:moveTo>
                    <a:pt x="3047" y="973841"/>
                  </a:moveTo>
                  <a:lnTo>
                    <a:pt x="1524" y="973841"/>
                  </a:lnTo>
                  <a:lnTo>
                    <a:pt x="3047" y="975365"/>
                  </a:lnTo>
                  <a:lnTo>
                    <a:pt x="3047" y="973841"/>
                  </a:lnTo>
                  <a:close/>
                </a:path>
                <a:path w="91439" h="977264">
                  <a:moveTo>
                    <a:pt x="88391" y="973841"/>
                  </a:moveTo>
                  <a:lnTo>
                    <a:pt x="3047" y="973841"/>
                  </a:lnTo>
                  <a:lnTo>
                    <a:pt x="3047" y="975365"/>
                  </a:lnTo>
                  <a:lnTo>
                    <a:pt x="88391" y="975365"/>
                  </a:lnTo>
                  <a:lnTo>
                    <a:pt x="88391" y="973841"/>
                  </a:lnTo>
                  <a:close/>
                </a:path>
                <a:path w="91439" h="977264">
                  <a:moveTo>
                    <a:pt x="88391" y="1523"/>
                  </a:moveTo>
                  <a:lnTo>
                    <a:pt x="88391" y="975365"/>
                  </a:lnTo>
                  <a:lnTo>
                    <a:pt x="89915" y="973841"/>
                  </a:lnTo>
                  <a:lnTo>
                    <a:pt x="91440" y="973841"/>
                  </a:lnTo>
                  <a:lnTo>
                    <a:pt x="91440" y="3048"/>
                  </a:lnTo>
                  <a:lnTo>
                    <a:pt x="89916" y="3048"/>
                  </a:lnTo>
                  <a:lnTo>
                    <a:pt x="88391" y="1523"/>
                  </a:lnTo>
                  <a:close/>
                </a:path>
                <a:path w="91439" h="977264">
                  <a:moveTo>
                    <a:pt x="91440" y="973841"/>
                  </a:moveTo>
                  <a:lnTo>
                    <a:pt x="89915" y="973841"/>
                  </a:lnTo>
                  <a:lnTo>
                    <a:pt x="88391" y="975365"/>
                  </a:lnTo>
                  <a:lnTo>
                    <a:pt x="91440" y="975365"/>
                  </a:lnTo>
                  <a:lnTo>
                    <a:pt x="91440" y="973841"/>
                  </a:lnTo>
                  <a:close/>
                </a:path>
                <a:path w="91439" h="977264">
                  <a:moveTo>
                    <a:pt x="3047" y="1523"/>
                  </a:moveTo>
                  <a:lnTo>
                    <a:pt x="1523" y="3048"/>
                  </a:lnTo>
                  <a:lnTo>
                    <a:pt x="3047" y="3048"/>
                  </a:lnTo>
                  <a:lnTo>
                    <a:pt x="3047" y="1523"/>
                  </a:lnTo>
                  <a:close/>
                </a:path>
                <a:path w="91439" h="977264">
                  <a:moveTo>
                    <a:pt x="88391" y="1523"/>
                  </a:moveTo>
                  <a:lnTo>
                    <a:pt x="3047" y="1523"/>
                  </a:lnTo>
                  <a:lnTo>
                    <a:pt x="3047" y="3048"/>
                  </a:lnTo>
                  <a:lnTo>
                    <a:pt x="88391" y="3048"/>
                  </a:lnTo>
                  <a:lnTo>
                    <a:pt x="88391" y="1523"/>
                  </a:lnTo>
                  <a:close/>
                </a:path>
                <a:path w="91439" h="977264">
                  <a:moveTo>
                    <a:pt x="91440" y="1523"/>
                  </a:moveTo>
                  <a:lnTo>
                    <a:pt x="88391" y="1523"/>
                  </a:lnTo>
                  <a:lnTo>
                    <a:pt x="89916" y="3048"/>
                  </a:lnTo>
                  <a:lnTo>
                    <a:pt x="91440" y="3048"/>
                  </a:lnTo>
                  <a:lnTo>
                    <a:pt x="91440" y="1523"/>
                  </a:lnTo>
                  <a:close/>
                </a:path>
              </a:pathLst>
            </a:custGeom>
            <a:solidFill>
              <a:srgbClr val="000000"/>
            </a:solidFill>
          </p:spPr>
          <p:txBody>
            <a:bodyPr wrap="square" lIns="0" tIns="0" rIns="0" bIns="0" rtlCol="0"/>
            <a:lstStyle/>
            <a:p>
              <a:endParaRPr sz="1539"/>
            </a:p>
          </p:txBody>
        </p:sp>
        <p:sp>
          <p:nvSpPr>
            <p:cNvPr id="108" name="object 108"/>
            <p:cNvSpPr/>
            <p:nvPr/>
          </p:nvSpPr>
          <p:spPr>
            <a:xfrm>
              <a:off x="1796796" y="5484880"/>
              <a:ext cx="88900" cy="972819"/>
            </a:xfrm>
            <a:custGeom>
              <a:avLst/>
              <a:gdLst/>
              <a:ahLst/>
              <a:cxnLst/>
              <a:rect l="l" t="t" r="r" b="b"/>
              <a:pathLst>
                <a:path w="88900" h="972820">
                  <a:moveTo>
                    <a:pt x="88392" y="0"/>
                  </a:moveTo>
                  <a:lnTo>
                    <a:pt x="0" y="0"/>
                  </a:lnTo>
                  <a:lnTo>
                    <a:pt x="0" y="972312"/>
                  </a:lnTo>
                  <a:lnTo>
                    <a:pt x="88392" y="972312"/>
                  </a:lnTo>
                  <a:lnTo>
                    <a:pt x="88392" y="0"/>
                  </a:lnTo>
                  <a:close/>
                </a:path>
              </a:pathLst>
            </a:custGeom>
            <a:solidFill>
              <a:srgbClr val="8080FF"/>
            </a:solidFill>
          </p:spPr>
          <p:txBody>
            <a:bodyPr wrap="square" lIns="0" tIns="0" rIns="0" bIns="0" rtlCol="0"/>
            <a:lstStyle/>
            <a:p>
              <a:endParaRPr sz="1539"/>
            </a:p>
          </p:txBody>
        </p:sp>
        <p:sp>
          <p:nvSpPr>
            <p:cNvPr id="109" name="object 109"/>
            <p:cNvSpPr/>
            <p:nvPr/>
          </p:nvSpPr>
          <p:spPr>
            <a:xfrm>
              <a:off x="1795271" y="5483351"/>
              <a:ext cx="91440" cy="975360"/>
            </a:xfrm>
            <a:custGeom>
              <a:avLst/>
              <a:gdLst/>
              <a:ahLst/>
              <a:cxnLst/>
              <a:rect l="l" t="t" r="r" b="b"/>
              <a:pathLst>
                <a:path w="91439" h="975360">
                  <a:moveTo>
                    <a:pt x="89915" y="0"/>
                  </a:moveTo>
                  <a:lnTo>
                    <a:pt x="1523" y="0"/>
                  </a:lnTo>
                  <a:lnTo>
                    <a:pt x="0" y="1523"/>
                  </a:lnTo>
                  <a:lnTo>
                    <a:pt x="0" y="973841"/>
                  </a:lnTo>
                  <a:lnTo>
                    <a:pt x="1523" y="975365"/>
                  </a:lnTo>
                  <a:lnTo>
                    <a:pt x="89915" y="975365"/>
                  </a:lnTo>
                  <a:lnTo>
                    <a:pt x="91439" y="973841"/>
                  </a:lnTo>
                  <a:lnTo>
                    <a:pt x="3047" y="973841"/>
                  </a:lnTo>
                  <a:lnTo>
                    <a:pt x="1523" y="972317"/>
                  </a:lnTo>
                  <a:lnTo>
                    <a:pt x="3047" y="972317"/>
                  </a:lnTo>
                  <a:lnTo>
                    <a:pt x="3047" y="3047"/>
                  </a:lnTo>
                  <a:lnTo>
                    <a:pt x="1523" y="3047"/>
                  </a:lnTo>
                  <a:lnTo>
                    <a:pt x="3047" y="1523"/>
                  </a:lnTo>
                  <a:lnTo>
                    <a:pt x="91439" y="1523"/>
                  </a:lnTo>
                  <a:lnTo>
                    <a:pt x="89915" y="0"/>
                  </a:lnTo>
                  <a:close/>
                </a:path>
                <a:path w="91439" h="975360">
                  <a:moveTo>
                    <a:pt x="3047" y="972317"/>
                  </a:moveTo>
                  <a:lnTo>
                    <a:pt x="1523" y="972317"/>
                  </a:lnTo>
                  <a:lnTo>
                    <a:pt x="3047" y="973841"/>
                  </a:lnTo>
                  <a:lnTo>
                    <a:pt x="3047" y="972317"/>
                  </a:lnTo>
                  <a:close/>
                </a:path>
                <a:path w="91439" h="975360">
                  <a:moveTo>
                    <a:pt x="88391" y="972317"/>
                  </a:moveTo>
                  <a:lnTo>
                    <a:pt x="3047" y="972317"/>
                  </a:lnTo>
                  <a:lnTo>
                    <a:pt x="3047" y="973841"/>
                  </a:lnTo>
                  <a:lnTo>
                    <a:pt x="88391" y="973841"/>
                  </a:lnTo>
                  <a:lnTo>
                    <a:pt x="88391" y="972317"/>
                  </a:lnTo>
                  <a:close/>
                </a:path>
                <a:path w="91439" h="975360">
                  <a:moveTo>
                    <a:pt x="88391" y="1523"/>
                  </a:moveTo>
                  <a:lnTo>
                    <a:pt x="88391" y="973841"/>
                  </a:lnTo>
                  <a:lnTo>
                    <a:pt x="89915" y="972317"/>
                  </a:lnTo>
                  <a:lnTo>
                    <a:pt x="91439" y="972317"/>
                  </a:lnTo>
                  <a:lnTo>
                    <a:pt x="91439" y="3047"/>
                  </a:lnTo>
                  <a:lnTo>
                    <a:pt x="89915" y="3047"/>
                  </a:lnTo>
                  <a:lnTo>
                    <a:pt x="88391" y="1523"/>
                  </a:lnTo>
                  <a:close/>
                </a:path>
                <a:path w="91439" h="975360">
                  <a:moveTo>
                    <a:pt x="91439" y="972317"/>
                  </a:moveTo>
                  <a:lnTo>
                    <a:pt x="89915" y="972317"/>
                  </a:lnTo>
                  <a:lnTo>
                    <a:pt x="88391" y="973841"/>
                  </a:lnTo>
                  <a:lnTo>
                    <a:pt x="91439" y="973841"/>
                  </a:lnTo>
                  <a:lnTo>
                    <a:pt x="91439" y="972317"/>
                  </a:lnTo>
                  <a:close/>
                </a:path>
                <a:path w="91439" h="975360">
                  <a:moveTo>
                    <a:pt x="3047" y="1523"/>
                  </a:moveTo>
                  <a:lnTo>
                    <a:pt x="1523" y="3047"/>
                  </a:lnTo>
                  <a:lnTo>
                    <a:pt x="3047" y="3047"/>
                  </a:lnTo>
                  <a:lnTo>
                    <a:pt x="3047" y="1523"/>
                  </a:lnTo>
                  <a:close/>
                </a:path>
                <a:path w="91439" h="975360">
                  <a:moveTo>
                    <a:pt x="88391" y="1523"/>
                  </a:moveTo>
                  <a:lnTo>
                    <a:pt x="3047" y="1523"/>
                  </a:lnTo>
                  <a:lnTo>
                    <a:pt x="3047" y="3047"/>
                  </a:lnTo>
                  <a:lnTo>
                    <a:pt x="88391" y="3047"/>
                  </a:lnTo>
                  <a:lnTo>
                    <a:pt x="88391" y="1523"/>
                  </a:lnTo>
                  <a:close/>
                </a:path>
                <a:path w="91439" h="975360">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10" name="object 110"/>
            <p:cNvSpPr/>
            <p:nvPr/>
          </p:nvSpPr>
          <p:spPr>
            <a:xfrm>
              <a:off x="2017775" y="5501644"/>
              <a:ext cx="88900" cy="955675"/>
            </a:xfrm>
            <a:custGeom>
              <a:avLst/>
              <a:gdLst/>
              <a:ahLst/>
              <a:cxnLst/>
              <a:rect l="l" t="t" r="r" b="b"/>
              <a:pathLst>
                <a:path w="88900" h="955675">
                  <a:moveTo>
                    <a:pt x="88392" y="0"/>
                  </a:moveTo>
                  <a:lnTo>
                    <a:pt x="0" y="0"/>
                  </a:lnTo>
                  <a:lnTo>
                    <a:pt x="0" y="955548"/>
                  </a:lnTo>
                  <a:lnTo>
                    <a:pt x="88392" y="955548"/>
                  </a:lnTo>
                  <a:lnTo>
                    <a:pt x="88392" y="0"/>
                  </a:lnTo>
                  <a:close/>
                </a:path>
              </a:pathLst>
            </a:custGeom>
            <a:solidFill>
              <a:srgbClr val="8080FF"/>
            </a:solidFill>
          </p:spPr>
          <p:txBody>
            <a:bodyPr wrap="square" lIns="0" tIns="0" rIns="0" bIns="0" rtlCol="0"/>
            <a:lstStyle/>
            <a:p>
              <a:endParaRPr sz="1539"/>
            </a:p>
          </p:txBody>
        </p:sp>
        <p:sp>
          <p:nvSpPr>
            <p:cNvPr id="111" name="object 111"/>
            <p:cNvSpPr/>
            <p:nvPr/>
          </p:nvSpPr>
          <p:spPr>
            <a:xfrm>
              <a:off x="2016252" y="5500116"/>
              <a:ext cx="91440" cy="958850"/>
            </a:xfrm>
            <a:custGeom>
              <a:avLst/>
              <a:gdLst/>
              <a:ahLst/>
              <a:cxnLst/>
              <a:rect l="l" t="t" r="r" b="b"/>
              <a:pathLst>
                <a:path w="91439" h="958850">
                  <a:moveTo>
                    <a:pt x="89916" y="0"/>
                  </a:moveTo>
                  <a:lnTo>
                    <a:pt x="1524" y="0"/>
                  </a:lnTo>
                  <a:lnTo>
                    <a:pt x="0" y="1524"/>
                  </a:lnTo>
                  <a:lnTo>
                    <a:pt x="0" y="957077"/>
                  </a:lnTo>
                  <a:lnTo>
                    <a:pt x="1524" y="958601"/>
                  </a:lnTo>
                  <a:lnTo>
                    <a:pt x="89916" y="958601"/>
                  </a:lnTo>
                  <a:lnTo>
                    <a:pt x="91440" y="957077"/>
                  </a:lnTo>
                  <a:lnTo>
                    <a:pt x="3048" y="957077"/>
                  </a:lnTo>
                  <a:lnTo>
                    <a:pt x="1524" y="955553"/>
                  </a:lnTo>
                  <a:lnTo>
                    <a:pt x="3048" y="955553"/>
                  </a:lnTo>
                  <a:lnTo>
                    <a:pt x="3048" y="3048"/>
                  </a:lnTo>
                  <a:lnTo>
                    <a:pt x="1524" y="3048"/>
                  </a:lnTo>
                  <a:lnTo>
                    <a:pt x="3048" y="1524"/>
                  </a:lnTo>
                  <a:lnTo>
                    <a:pt x="91440" y="1524"/>
                  </a:lnTo>
                  <a:lnTo>
                    <a:pt x="89916" y="0"/>
                  </a:lnTo>
                  <a:close/>
                </a:path>
                <a:path w="91439" h="958850">
                  <a:moveTo>
                    <a:pt x="3048" y="955553"/>
                  </a:moveTo>
                  <a:lnTo>
                    <a:pt x="1524" y="955553"/>
                  </a:lnTo>
                  <a:lnTo>
                    <a:pt x="3048" y="957077"/>
                  </a:lnTo>
                  <a:lnTo>
                    <a:pt x="3048" y="955553"/>
                  </a:lnTo>
                  <a:close/>
                </a:path>
                <a:path w="91439" h="958850">
                  <a:moveTo>
                    <a:pt x="88392" y="955553"/>
                  </a:moveTo>
                  <a:lnTo>
                    <a:pt x="3048" y="955553"/>
                  </a:lnTo>
                  <a:lnTo>
                    <a:pt x="3048" y="957077"/>
                  </a:lnTo>
                  <a:lnTo>
                    <a:pt x="88392" y="957077"/>
                  </a:lnTo>
                  <a:lnTo>
                    <a:pt x="88392" y="955553"/>
                  </a:lnTo>
                  <a:close/>
                </a:path>
                <a:path w="91439" h="958850">
                  <a:moveTo>
                    <a:pt x="88392" y="1524"/>
                  </a:moveTo>
                  <a:lnTo>
                    <a:pt x="88392" y="957077"/>
                  </a:lnTo>
                  <a:lnTo>
                    <a:pt x="89916" y="955553"/>
                  </a:lnTo>
                  <a:lnTo>
                    <a:pt x="91440" y="955553"/>
                  </a:lnTo>
                  <a:lnTo>
                    <a:pt x="91440" y="3048"/>
                  </a:lnTo>
                  <a:lnTo>
                    <a:pt x="89916" y="3048"/>
                  </a:lnTo>
                  <a:lnTo>
                    <a:pt x="88392" y="1524"/>
                  </a:lnTo>
                  <a:close/>
                </a:path>
                <a:path w="91439" h="958850">
                  <a:moveTo>
                    <a:pt x="91440" y="955553"/>
                  </a:moveTo>
                  <a:lnTo>
                    <a:pt x="89916" y="955553"/>
                  </a:lnTo>
                  <a:lnTo>
                    <a:pt x="88392" y="957077"/>
                  </a:lnTo>
                  <a:lnTo>
                    <a:pt x="91440" y="957077"/>
                  </a:lnTo>
                  <a:lnTo>
                    <a:pt x="91440" y="955553"/>
                  </a:lnTo>
                  <a:close/>
                </a:path>
                <a:path w="91439" h="958850">
                  <a:moveTo>
                    <a:pt x="3048" y="1524"/>
                  </a:moveTo>
                  <a:lnTo>
                    <a:pt x="1524" y="3048"/>
                  </a:lnTo>
                  <a:lnTo>
                    <a:pt x="3048" y="3048"/>
                  </a:lnTo>
                  <a:lnTo>
                    <a:pt x="3048" y="1524"/>
                  </a:lnTo>
                  <a:close/>
                </a:path>
                <a:path w="91439" h="958850">
                  <a:moveTo>
                    <a:pt x="88392" y="1524"/>
                  </a:moveTo>
                  <a:lnTo>
                    <a:pt x="3048" y="1524"/>
                  </a:lnTo>
                  <a:lnTo>
                    <a:pt x="3048" y="3048"/>
                  </a:lnTo>
                  <a:lnTo>
                    <a:pt x="88392" y="3048"/>
                  </a:lnTo>
                  <a:lnTo>
                    <a:pt x="88392" y="1524"/>
                  </a:lnTo>
                  <a:close/>
                </a:path>
                <a:path w="91439" h="95885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12" name="object 112"/>
            <p:cNvSpPr/>
            <p:nvPr/>
          </p:nvSpPr>
          <p:spPr>
            <a:xfrm>
              <a:off x="2238756" y="5522980"/>
              <a:ext cx="88900" cy="934719"/>
            </a:xfrm>
            <a:custGeom>
              <a:avLst/>
              <a:gdLst/>
              <a:ahLst/>
              <a:cxnLst/>
              <a:rect l="l" t="t" r="r" b="b"/>
              <a:pathLst>
                <a:path w="88900" h="934720">
                  <a:moveTo>
                    <a:pt x="88392" y="0"/>
                  </a:moveTo>
                  <a:lnTo>
                    <a:pt x="0" y="0"/>
                  </a:lnTo>
                  <a:lnTo>
                    <a:pt x="0" y="934212"/>
                  </a:lnTo>
                  <a:lnTo>
                    <a:pt x="88392" y="934212"/>
                  </a:lnTo>
                  <a:lnTo>
                    <a:pt x="88392" y="0"/>
                  </a:lnTo>
                  <a:close/>
                </a:path>
              </a:pathLst>
            </a:custGeom>
            <a:solidFill>
              <a:srgbClr val="8080FF"/>
            </a:solidFill>
          </p:spPr>
          <p:txBody>
            <a:bodyPr wrap="square" lIns="0" tIns="0" rIns="0" bIns="0" rtlCol="0"/>
            <a:lstStyle/>
            <a:p>
              <a:endParaRPr sz="1539"/>
            </a:p>
          </p:txBody>
        </p:sp>
        <p:sp>
          <p:nvSpPr>
            <p:cNvPr id="113" name="object 113"/>
            <p:cNvSpPr/>
            <p:nvPr/>
          </p:nvSpPr>
          <p:spPr>
            <a:xfrm>
              <a:off x="2237231" y="5521451"/>
              <a:ext cx="91440" cy="937260"/>
            </a:xfrm>
            <a:custGeom>
              <a:avLst/>
              <a:gdLst/>
              <a:ahLst/>
              <a:cxnLst/>
              <a:rect l="l" t="t" r="r" b="b"/>
              <a:pathLst>
                <a:path w="91439" h="937260">
                  <a:moveTo>
                    <a:pt x="89916" y="0"/>
                  </a:moveTo>
                  <a:lnTo>
                    <a:pt x="1524" y="0"/>
                  </a:lnTo>
                  <a:lnTo>
                    <a:pt x="0" y="1523"/>
                  </a:lnTo>
                  <a:lnTo>
                    <a:pt x="0" y="935741"/>
                  </a:lnTo>
                  <a:lnTo>
                    <a:pt x="1524" y="937265"/>
                  </a:lnTo>
                  <a:lnTo>
                    <a:pt x="89916" y="937265"/>
                  </a:lnTo>
                  <a:lnTo>
                    <a:pt x="91440" y="935741"/>
                  </a:lnTo>
                  <a:lnTo>
                    <a:pt x="3048" y="935741"/>
                  </a:lnTo>
                  <a:lnTo>
                    <a:pt x="1524" y="934217"/>
                  </a:lnTo>
                  <a:lnTo>
                    <a:pt x="3048" y="934217"/>
                  </a:lnTo>
                  <a:lnTo>
                    <a:pt x="3048" y="3047"/>
                  </a:lnTo>
                  <a:lnTo>
                    <a:pt x="1524" y="3047"/>
                  </a:lnTo>
                  <a:lnTo>
                    <a:pt x="3048" y="1523"/>
                  </a:lnTo>
                  <a:lnTo>
                    <a:pt x="91440" y="1523"/>
                  </a:lnTo>
                  <a:lnTo>
                    <a:pt x="89916" y="0"/>
                  </a:lnTo>
                  <a:close/>
                </a:path>
                <a:path w="91439" h="937260">
                  <a:moveTo>
                    <a:pt x="3048" y="934217"/>
                  </a:moveTo>
                  <a:lnTo>
                    <a:pt x="1524" y="934217"/>
                  </a:lnTo>
                  <a:lnTo>
                    <a:pt x="3048" y="935741"/>
                  </a:lnTo>
                  <a:lnTo>
                    <a:pt x="3048" y="934217"/>
                  </a:lnTo>
                  <a:close/>
                </a:path>
                <a:path w="91439" h="937260">
                  <a:moveTo>
                    <a:pt x="88392" y="934217"/>
                  </a:moveTo>
                  <a:lnTo>
                    <a:pt x="3048" y="934217"/>
                  </a:lnTo>
                  <a:lnTo>
                    <a:pt x="3048" y="935741"/>
                  </a:lnTo>
                  <a:lnTo>
                    <a:pt x="88392" y="935741"/>
                  </a:lnTo>
                  <a:lnTo>
                    <a:pt x="88392" y="934217"/>
                  </a:lnTo>
                  <a:close/>
                </a:path>
                <a:path w="91439" h="937260">
                  <a:moveTo>
                    <a:pt x="88392" y="1523"/>
                  </a:moveTo>
                  <a:lnTo>
                    <a:pt x="88392" y="935741"/>
                  </a:lnTo>
                  <a:lnTo>
                    <a:pt x="89916" y="934217"/>
                  </a:lnTo>
                  <a:lnTo>
                    <a:pt x="91440" y="934217"/>
                  </a:lnTo>
                  <a:lnTo>
                    <a:pt x="91440" y="3047"/>
                  </a:lnTo>
                  <a:lnTo>
                    <a:pt x="89916" y="3047"/>
                  </a:lnTo>
                  <a:lnTo>
                    <a:pt x="88392" y="1523"/>
                  </a:lnTo>
                  <a:close/>
                </a:path>
                <a:path w="91439" h="937260">
                  <a:moveTo>
                    <a:pt x="91440" y="934217"/>
                  </a:moveTo>
                  <a:lnTo>
                    <a:pt x="89916" y="934217"/>
                  </a:lnTo>
                  <a:lnTo>
                    <a:pt x="88392" y="935741"/>
                  </a:lnTo>
                  <a:lnTo>
                    <a:pt x="91440" y="935741"/>
                  </a:lnTo>
                  <a:lnTo>
                    <a:pt x="91440" y="934217"/>
                  </a:lnTo>
                  <a:close/>
                </a:path>
                <a:path w="91439" h="937260">
                  <a:moveTo>
                    <a:pt x="3048" y="1523"/>
                  </a:moveTo>
                  <a:lnTo>
                    <a:pt x="1524" y="3047"/>
                  </a:lnTo>
                  <a:lnTo>
                    <a:pt x="3048" y="3047"/>
                  </a:lnTo>
                  <a:lnTo>
                    <a:pt x="3048" y="1523"/>
                  </a:lnTo>
                  <a:close/>
                </a:path>
                <a:path w="91439" h="937260">
                  <a:moveTo>
                    <a:pt x="88392" y="1523"/>
                  </a:moveTo>
                  <a:lnTo>
                    <a:pt x="3048" y="1523"/>
                  </a:lnTo>
                  <a:lnTo>
                    <a:pt x="3048" y="3047"/>
                  </a:lnTo>
                  <a:lnTo>
                    <a:pt x="88392" y="3047"/>
                  </a:lnTo>
                  <a:lnTo>
                    <a:pt x="88392" y="1523"/>
                  </a:lnTo>
                  <a:close/>
                </a:path>
                <a:path w="91439" h="937260">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14" name="object 114"/>
            <p:cNvSpPr/>
            <p:nvPr/>
          </p:nvSpPr>
          <p:spPr>
            <a:xfrm>
              <a:off x="2459736" y="5529077"/>
              <a:ext cx="88900" cy="928369"/>
            </a:xfrm>
            <a:custGeom>
              <a:avLst/>
              <a:gdLst/>
              <a:ahLst/>
              <a:cxnLst/>
              <a:rect l="l" t="t" r="r" b="b"/>
              <a:pathLst>
                <a:path w="88900" h="928370">
                  <a:moveTo>
                    <a:pt x="88392" y="0"/>
                  </a:moveTo>
                  <a:lnTo>
                    <a:pt x="0" y="0"/>
                  </a:lnTo>
                  <a:lnTo>
                    <a:pt x="0" y="928115"/>
                  </a:lnTo>
                  <a:lnTo>
                    <a:pt x="88392" y="928115"/>
                  </a:lnTo>
                  <a:lnTo>
                    <a:pt x="88392" y="0"/>
                  </a:lnTo>
                  <a:close/>
                </a:path>
              </a:pathLst>
            </a:custGeom>
            <a:solidFill>
              <a:srgbClr val="8080FF"/>
            </a:solidFill>
          </p:spPr>
          <p:txBody>
            <a:bodyPr wrap="square" lIns="0" tIns="0" rIns="0" bIns="0" rtlCol="0"/>
            <a:lstStyle/>
            <a:p>
              <a:endParaRPr sz="1539"/>
            </a:p>
          </p:txBody>
        </p:sp>
        <p:sp>
          <p:nvSpPr>
            <p:cNvPr id="115" name="object 115"/>
            <p:cNvSpPr/>
            <p:nvPr/>
          </p:nvSpPr>
          <p:spPr>
            <a:xfrm>
              <a:off x="2458212" y="5527548"/>
              <a:ext cx="91440" cy="931544"/>
            </a:xfrm>
            <a:custGeom>
              <a:avLst/>
              <a:gdLst/>
              <a:ahLst/>
              <a:cxnLst/>
              <a:rect l="l" t="t" r="r" b="b"/>
              <a:pathLst>
                <a:path w="91439" h="931545">
                  <a:moveTo>
                    <a:pt x="89915" y="0"/>
                  </a:moveTo>
                  <a:lnTo>
                    <a:pt x="1524" y="0"/>
                  </a:lnTo>
                  <a:lnTo>
                    <a:pt x="0" y="1524"/>
                  </a:lnTo>
                  <a:lnTo>
                    <a:pt x="0" y="929645"/>
                  </a:lnTo>
                  <a:lnTo>
                    <a:pt x="1524" y="931169"/>
                  </a:lnTo>
                  <a:lnTo>
                    <a:pt x="89915" y="931169"/>
                  </a:lnTo>
                  <a:lnTo>
                    <a:pt x="91439" y="929645"/>
                  </a:lnTo>
                  <a:lnTo>
                    <a:pt x="3048" y="929645"/>
                  </a:lnTo>
                  <a:lnTo>
                    <a:pt x="1524" y="928121"/>
                  </a:lnTo>
                  <a:lnTo>
                    <a:pt x="3048" y="928121"/>
                  </a:lnTo>
                  <a:lnTo>
                    <a:pt x="3048" y="3048"/>
                  </a:lnTo>
                  <a:lnTo>
                    <a:pt x="1524" y="3048"/>
                  </a:lnTo>
                  <a:lnTo>
                    <a:pt x="3048" y="1524"/>
                  </a:lnTo>
                  <a:lnTo>
                    <a:pt x="91439" y="1524"/>
                  </a:lnTo>
                  <a:lnTo>
                    <a:pt x="89915" y="0"/>
                  </a:lnTo>
                  <a:close/>
                </a:path>
                <a:path w="91439" h="931545">
                  <a:moveTo>
                    <a:pt x="3048" y="928121"/>
                  </a:moveTo>
                  <a:lnTo>
                    <a:pt x="1524" y="928121"/>
                  </a:lnTo>
                  <a:lnTo>
                    <a:pt x="3048" y="929645"/>
                  </a:lnTo>
                  <a:lnTo>
                    <a:pt x="3048" y="928121"/>
                  </a:lnTo>
                  <a:close/>
                </a:path>
                <a:path w="91439" h="931545">
                  <a:moveTo>
                    <a:pt x="88392" y="928121"/>
                  </a:moveTo>
                  <a:lnTo>
                    <a:pt x="3048" y="928121"/>
                  </a:lnTo>
                  <a:lnTo>
                    <a:pt x="3048" y="929645"/>
                  </a:lnTo>
                  <a:lnTo>
                    <a:pt x="88392" y="929645"/>
                  </a:lnTo>
                  <a:lnTo>
                    <a:pt x="88392" y="928121"/>
                  </a:lnTo>
                  <a:close/>
                </a:path>
                <a:path w="91439" h="931545">
                  <a:moveTo>
                    <a:pt x="88392" y="1524"/>
                  </a:moveTo>
                  <a:lnTo>
                    <a:pt x="88392" y="929645"/>
                  </a:lnTo>
                  <a:lnTo>
                    <a:pt x="89915" y="928121"/>
                  </a:lnTo>
                  <a:lnTo>
                    <a:pt x="91439" y="928121"/>
                  </a:lnTo>
                  <a:lnTo>
                    <a:pt x="91439" y="3048"/>
                  </a:lnTo>
                  <a:lnTo>
                    <a:pt x="89915" y="3048"/>
                  </a:lnTo>
                  <a:lnTo>
                    <a:pt x="88392" y="1524"/>
                  </a:lnTo>
                  <a:close/>
                </a:path>
                <a:path w="91439" h="931545">
                  <a:moveTo>
                    <a:pt x="91439" y="928121"/>
                  </a:moveTo>
                  <a:lnTo>
                    <a:pt x="89915" y="928121"/>
                  </a:lnTo>
                  <a:lnTo>
                    <a:pt x="88392" y="929645"/>
                  </a:lnTo>
                  <a:lnTo>
                    <a:pt x="91439" y="929645"/>
                  </a:lnTo>
                  <a:lnTo>
                    <a:pt x="91439" y="928121"/>
                  </a:lnTo>
                  <a:close/>
                </a:path>
                <a:path w="91439" h="931545">
                  <a:moveTo>
                    <a:pt x="3048" y="1524"/>
                  </a:moveTo>
                  <a:lnTo>
                    <a:pt x="1524" y="3048"/>
                  </a:lnTo>
                  <a:lnTo>
                    <a:pt x="3048" y="3048"/>
                  </a:lnTo>
                  <a:lnTo>
                    <a:pt x="3048" y="1524"/>
                  </a:lnTo>
                  <a:close/>
                </a:path>
                <a:path w="91439" h="931545">
                  <a:moveTo>
                    <a:pt x="88392" y="1524"/>
                  </a:moveTo>
                  <a:lnTo>
                    <a:pt x="3048" y="1524"/>
                  </a:lnTo>
                  <a:lnTo>
                    <a:pt x="3048" y="3048"/>
                  </a:lnTo>
                  <a:lnTo>
                    <a:pt x="88392" y="3048"/>
                  </a:lnTo>
                  <a:lnTo>
                    <a:pt x="88392" y="1524"/>
                  </a:lnTo>
                  <a:close/>
                </a:path>
                <a:path w="91439" h="931545">
                  <a:moveTo>
                    <a:pt x="91439" y="1524"/>
                  </a:moveTo>
                  <a:lnTo>
                    <a:pt x="88392"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16" name="object 116"/>
            <p:cNvSpPr/>
            <p:nvPr/>
          </p:nvSpPr>
          <p:spPr>
            <a:xfrm>
              <a:off x="2680715" y="5460497"/>
              <a:ext cx="88900" cy="996950"/>
            </a:xfrm>
            <a:custGeom>
              <a:avLst/>
              <a:gdLst/>
              <a:ahLst/>
              <a:cxnLst/>
              <a:rect l="l" t="t" r="r" b="b"/>
              <a:pathLst>
                <a:path w="88900" h="996950">
                  <a:moveTo>
                    <a:pt x="88392" y="0"/>
                  </a:moveTo>
                  <a:lnTo>
                    <a:pt x="0" y="0"/>
                  </a:lnTo>
                  <a:lnTo>
                    <a:pt x="0" y="996696"/>
                  </a:lnTo>
                  <a:lnTo>
                    <a:pt x="88392" y="996696"/>
                  </a:lnTo>
                  <a:lnTo>
                    <a:pt x="88392" y="0"/>
                  </a:lnTo>
                  <a:close/>
                </a:path>
              </a:pathLst>
            </a:custGeom>
            <a:solidFill>
              <a:srgbClr val="8080FF"/>
            </a:solidFill>
          </p:spPr>
          <p:txBody>
            <a:bodyPr wrap="square" lIns="0" tIns="0" rIns="0" bIns="0" rtlCol="0"/>
            <a:lstStyle/>
            <a:p>
              <a:endParaRPr sz="1539"/>
            </a:p>
          </p:txBody>
        </p:sp>
        <p:sp>
          <p:nvSpPr>
            <p:cNvPr id="117" name="object 117"/>
            <p:cNvSpPr/>
            <p:nvPr/>
          </p:nvSpPr>
          <p:spPr>
            <a:xfrm>
              <a:off x="2679191" y="5458968"/>
              <a:ext cx="91440" cy="1000125"/>
            </a:xfrm>
            <a:custGeom>
              <a:avLst/>
              <a:gdLst/>
              <a:ahLst/>
              <a:cxnLst/>
              <a:rect l="l" t="t" r="r" b="b"/>
              <a:pathLst>
                <a:path w="91439" h="1000125">
                  <a:moveTo>
                    <a:pt x="89915" y="0"/>
                  </a:moveTo>
                  <a:lnTo>
                    <a:pt x="1524" y="0"/>
                  </a:lnTo>
                  <a:lnTo>
                    <a:pt x="0" y="1524"/>
                  </a:lnTo>
                  <a:lnTo>
                    <a:pt x="0" y="998225"/>
                  </a:lnTo>
                  <a:lnTo>
                    <a:pt x="1524" y="999749"/>
                  </a:lnTo>
                  <a:lnTo>
                    <a:pt x="89915" y="999749"/>
                  </a:lnTo>
                  <a:lnTo>
                    <a:pt x="91439" y="998225"/>
                  </a:lnTo>
                  <a:lnTo>
                    <a:pt x="3047" y="998225"/>
                  </a:lnTo>
                  <a:lnTo>
                    <a:pt x="1524" y="996701"/>
                  </a:lnTo>
                  <a:lnTo>
                    <a:pt x="3047" y="996701"/>
                  </a:lnTo>
                  <a:lnTo>
                    <a:pt x="3047" y="3048"/>
                  </a:lnTo>
                  <a:lnTo>
                    <a:pt x="1524" y="3048"/>
                  </a:lnTo>
                  <a:lnTo>
                    <a:pt x="3047" y="1524"/>
                  </a:lnTo>
                  <a:lnTo>
                    <a:pt x="91439" y="1524"/>
                  </a:lnTo>
                  <a:lnTo>
                    <a:pt x="89915" y="0"/>
                  </a:lnTo>
                  <a:close/>
                </a:path>
                <a:path w="91439" h="1000125">
                  <a:moveTo>
                    <a:pt x="3047" y="996701"/>
                  </a:moveTo>
                  <a:lnTo>
                    <a:pt x="1524" y="996701"/>
                  </a:lnTo>
                  <a:lnTo>
                    <a:pt x="3047" y="998225"/>
                  </a:lnTo>
                  <a:lnTo>
                    <a:pt x="3047" y="996701"/>
                  </a:lnTo>
                  <a:close/>
                </a:path>
                <a:path w="91439" h="1000125">
                  <a:moveTo>
                    <a:pt x="88391" y="996701"/>
                  </a:moveTo>
                  <a:lnTo>
                    <a:pt x="3047" y="996701"/>
                  </a:lnTo>
                  <a:lnTo>
                    <a:pt x="3047" y="998225"/>
                  </a:lnTo>
                  <a:lnTo>
                    <a:pt x="88391" y="998225"/>
                  </a:lnTo>
                  <a:lnTo>
                    <a:pt x="88391" y="996701"/>
                  </a:lnTo>
                  <a:close/>
                </a:path>
                <a:path w="91439" h="1000125">
                  <a:moveTo>
                    <a:pt x="88391" y="1524"/>
                  </a:moveTo>
                  <a:lnTo>
                    <a:pt x="88391" y="998225"/>
                  </a:lnTo>
                  <a:lnTo>
                    <a:pt x="89915" y="996701"/>
                  </a:lnTo>
                  <a:lnTo>
                    <a:pt x="91439" y="996701"/>
                  </a:lnTo>
                  <a:lnTo>
                    <a:pt x="91439" y="3048"/>
                  </a:lnTo>
                  <a:lnTo>
                    <a:pt x="89915" y="3048"/>
                  </a:lnTo>
                  <a:lnTo>
                    <a:pt x="88391" y="1524"/>
                  </a:lnTo>
                  <a:close/>
                </a:path>
                <a:path w="91439" h="1000125">
                  <a:moveTo>
                    <a:pt x="91439" y="996701"/>
                  </a:moveTo>
                  <a:lnTo>
                    <a:pt x="89915" y="996701"/>
                  </a:lnTo>
                  <a:lnTo>
                    <a:pt x="88391" y="998225"/>
                  </a:lnTo>
                  <a:lnTo>
                    <a:pt x="91439" y="998225"/>
                  </a:lnTo>
                  <a:lnTo>
                    <a:pt x="91439" y="996701"/>
                  </a:lnTo>
                  <a:close/>
                </a:path>
                <a:path w="91439" h="1000125">
                  <a:moveTo>
                    <a:pt x="3047" y="1524"/>
                  </a:moveTo>
                  <a:lnTo>
                    <a:pt x="1524" y="3048"/>
                  </a:lnTo>
                  <a:lnTo>
                    <a:pt x="3047" y="3048"/>
                  </a:lnTo>
                  <a:lnTo>
                    <a:pt x="3047" y="1524"/>
                  </a:lnTo>
                  <a:close/>
                </a:path>
                <a:path w="91439" h="1000125">
                  <a:moveTo>
                    <a:pt x="88391" y="1524"/>
                  </a:moveTo>
                  <a:lnTo>
                    <a:pt x="3047" y="1524"/>
                  </a:lnTo>
                  <a:lnTo>
                    <a:pt x="3047" y="3048"/>
                  </a:lnTo>
                  <a:lnTo>
                    <a:pt x="88391" y="3048"/>
                  </a:lnTo>
                  <a:lnTo>
                    <a:pt x="88391" y="1524"/>
                  </a:lnTo>
                  <a:close/>
                </a:path>
                <a:path w="91439" h="1000125">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18" name="object 118"/>
            <p:cNvSpPr/>
            <p:nvPr/>
          </p:nvSpPr>
          <p:spPr>
            <a:xfrm>
              <a:off x="2901696" y="5373629"/>
              <a:ext cx="88900" cy="1083945"/>
            </a:xfrm>
            <a:custGeom>
              <a:avLst/>
              <a:gdLst/>
              <a:ahLst/>
              <a:cxnLst/>
              <a:rect l="l" t="t" r="r" b="b"/>
              <a:pathLst>
                <a:path w="88900" h="1083945">
                  <a:moveTo>
                    <a:pt x="88392" y="0"/>
                  </a:moveTo>
                  <a:lnTo>
                    <a:pt x="0" y="0"/>
                  </a:lnTo>
                  <a:lnTo>
                    <a:pt x="0" y="1083564"/>
                  </a:lnTo>
                  <a:lnTo>
                    <a:pt x="88392" y="1083564"/>
                  </a:lnTo>
                  <a:lnTo>
                    <a:pt x="88392" y="0"/>
                  </a:lnTo>
                  <a:close/>
                </a:path>
              </a:pathLst>
            </a:custGeom>
            <a:solidFill>
              <a:srgbClr val="8080FF"/>
            </a:solidFill>
          </p:spPr>
          <p:txBody>
            <a:bodyPr wrap="square" lIns="0" tIns="0" rIns="0" bIns="0" rtlCol="0"/>
            <a:lstStyle/>
            <a:p>
              <a:endParaRPr sz="1539"/>
            </a:p>
          </p:txBody>
        </p:sp>
        <p:sp>
          <p:nvSpPr>
            <p:cNvPr id="119" name="object 119"/>
            <p:cNvSpPr/>
            <p:nvPr/>
          </p:nvSpPr>
          <p:spPr>
            <a:xfrm>
              <a:off x="2900171" y="5372100"/>
              <a:ext cx="91440" cy="1087120"/>
            </a:xfrm>
            <a:custGeom>
              <a:avLst/>
              <a:gdLst/>
              <a:ahLst/>
              <a:cxnLst/>
              <a:rect l="l" t="t" r="r" b="b"/>
              <a:pathLst>
                <a:path w="91439" h="1087120">
                  <a:moveTo>
                    <a:pt x="89915" y="0"/>
                  </a:moveTo>
                  <a:lnTo>
                    <a:pt x="1523" y="0"/>
                  </a:lnTo>
                  <a:lnTo>
                    <a:pt x="0" y="1524"/>
                  </a:lnTo>
                  <a:lnTo>
                    <a:pt x="0" y="1085093"/>
                  </a:lnTo>
                  <a:lnTo>
                    <a:pt x="1523" y="1086617"/>
                  </a:lnTo>
                  <a:lnTo>
                    <a:pt x="89915" y="1086617"/>
                  </a:lnTo>
                  <a:lnTo>
                    <a:pt x="91439" y="1085093"/>
                  </a:lnTo>
                  <a:lnTo>
                    <a:pt x="3047" y="1085093"/>
                  </a:lnTo>
                  <a:lnTo>
                    <a:pt x="1523" y="1083569"/>
                  </a:lnTo>
                  <a:lnTo>
                    <a:pt x="3047" y="1083569"/>
                  </a:lnTo>
                  <a:lnTo>
                    <a:pt x="3047" y="3048"/>
                  </a:lnTo>
                  <a:lnTo>
                    <a:pt x="1523" y="3048"/>
                  </a:lnTo>
                  <a:lnTo>
                    <a:pt x="3047" y="1524"/>
                  </a:lnTo>
                  <a:lnTo>
                    <a:pt x="91439" y="1524"/>
                  </a:lnTo>
                  <a:lnTo>
                    <a:pt x="89915" y="0"/>
                  </a:lnTo>
                  <a:close/>
                </a:path>
                <a:path w="91439" h="1087120">
                  <a:moveTo>
                    <a:pt x="3047" y="1083569"/>
                  </a:moveTo>
                  <a:lnTo>
                    <a:pt x="1523" y="1083569"/>
                  </a:lnTo>
                  <a:lnTo>
                    <a:pt x="3047" y="1085093"/>
                  </a:lnTo>
                  <a:lnTo>
                    <a:pt x="3047" y="1083569"/>
                  </a:lnTo>
                  <a:close/>
                </a:path>
                <a:path w="91439" h="1087120">
                  <a:moveTo>
                    <a:pt x="88391" y="1083569"/>
                  </a:moveTo>
                  <a:lnTo>
                    <a:pt x="3047" y="1083569"/>
                  </a:lnTo>
                  <a:lnTo>
                    <a:pt x="3047" y="1085093"/>
                  </a:lnTo>
                  <a:lnTo>
                    <a:pt x="88391" y="1085093"/>
                  </a:lnTo>
                  <a:lnTo>
                    <a:pt x="88391" y="1083569"/>
                  </a:lnTo>
                  <a:close/>
                </a:path>
                <a:path w="91439" h="1087120">
                  <a:moveTo>
                    <a:pt x="88391" y="1524"/>
                  </a:moveTo>
                  <a:lnTo>
                    <a:pt x="88391" y="1085093"/>
                  </a:lnTo>
                  <a:lnTo>
                    <a:pt x="89915" y="1083569"/>
                  </a:lnTo>
                  <a:lnTo>
                    <a:pt x="91439" y="1083569"/>
                  </a:lnTo>
                  <a:lnTo>
                    <a:pt x="91439" y="3048"/>
                  </a:lnTo>
                  <a:lnTo>
                    <a:pt x="89915" y="3048"/>
                  </a:lnTo>
                  <a:lnTo>
                    <a:pt x="88391" y="1524"/>
                  </a:lnTo>
                  <a:close/>
                </a:path>
                <a:path w="91439" h="1087120">
                  <a:moveTo>
                    <a:pt x="91439" y="1083569"/>
                  </a:moveTo>
                  <a:lnTo>
                    <a:pt x="89915" y="1083569"/>
                  </a:lnTo>
                  <a:lnTo>
                    <a:pt x="88391" y="1085093"/>
                  </a:lnTo>
                  <a:lnTo>
                    <a:pt x="91439" y="1085093"/>
                  </a:lnTo>
                  <a:lnTo>
                    <a:pt x="91439" y="1083569"/>
                  </a:lnTo>
                  <a:close/>
                </a:path>
                <a:path w="91439" h="1087120">
                  <a:moveTo>
                    <a:pt x="3047" y="1524"/>
                  </a:moveTo>
                  <a:lnTo>
                    <a:pt x="1523" y="3048"/>
                  </a:lnTo>
                  <a:lnTo>
                    <a:pt x="3047" y="3048"/>
                  </a:lnTo>
                  <a:lnTo>
                    <a:pt x="3047" y="1524"/>
                  </a:lnTo>
                  <a:close/>
                </a:path>
                <a:path w="91439" h="1087120">
                  <a:moveTo>
                    <a:pt x="88391" y="1524"/>
                  </a:moveTo>
                  <a:lnTo>
                    <a:pt x="3047" y="1524"/>
                  </a:lnTo>
                  <a:lnTo>
                    <a:pt x="3047" y="3048"/>
                  </a:lnTo>
                  <a:lnTo>
                    <a:pt x="88391" y="3048"/>
                  </a:lnTo>
                  <a:lnTo>
                    <a:pt x="88391" y="1524"/>
                  </a:lnTo>
                  <a:close/>
                </a:path>
                <a:path w="91439" h="108712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20" name="object 120"/>
            <p:cNvSpPr/>
            <p:nvPr/>
          </p:nvSpPr>
          <p:spPr>
            <a:xfrm>
              <a:off x="3122675" y="5335529"/>
              <a:ext cx="88900" cy="1122045"/>
            </a:xfrm>
            <a:custGeom>
              <a:avLst/>
              <a:gdLst/>
              <a:ahLst/>
              <a:cxnLst/>
              <a:rect l="l" t="t" r="r" b="b"/>
              <a:pathLst>
                <a:path w="88900" h="1122045">
                  <a:moveTo>
                    <a:pt x="88392" y="0"/>
                  </a:moveTo>
                  <a:lnTo>
                    <a:pt x="0" y="0"/>
                  </a:lnTo>
                  <a:lnTo>
                    <a:pt x="0" y="1121664"/>
                  </a:lnTo>
                  <a:lnTo>
                    <a:pt x="88392" y="1121664"/>
                  </a:lnTo>
                  <a:lnTo>
                    <a:pt x="88392" y="0"/>
                  </a:lnTo>
                  <a:close/>
                </a:path>
              </a:pathLst>
            </a:custGeom>
            <a:solidFill>
              <a:srgbClr val="8080FF"/>
            </a:solidFill>
          </p:spPr>
          <p:txBody>
            <a:bodyPr wrap="square" lIns="0" tIns="0" rIns="0" bIns="0" rtlCol="0"/>
            <a:lstStyle/>
            <a:p>
              <a:endParaRPr sz="1539"/>
            </a:p>
          </p:txBody>
        </p:sp>
        <p:sp>
          <p:nvSpPr>
            <p:cNvPr id="121" name="object 121"/>
            <p:cNvSpPr/>
            <p:nvPr/>
          </p:nvSpPr>
          <p:spPr>
            <a:xfrm>
              <a:off x="3121152" y="5334000"/>
              <a:ext cx="91440" cy="1125220"/>
            </a:xfrm>
            <a:custGeom>
              <a:avLst/>
              <a:gdLst/>
              <a:ahLst/>
              <a:cxnLst/>
              <a:rect l="l" t="t" r="r" b="b"/>
              <a:pathLst>
                <a:path w="91439" h="1125220">
                  <a:moveTo>
                    <a:pt x="89916" y="0"/>
                  </a:moveTo>
                  <a:lnTo>
                    <a:pt x="1524" y="0"/>
                  </a:lnTo>
                  <a:lnTo>
                    <a:pt x="0" y="1524"/>
                  </a:lnTo>
                  <a:lnTo>
                    <a:pt x="0" y="1123193"/>
                  </a:lnTo>
                  <a:lnTo>
                    <a:pt x="1524" y="1124717"/>
                  </a:lnTo>
                  <a:lnTo>
                    <a:pt x="89916" y="1124717"/>
                  </a:lnTo>
                  <a:lnTo>
                    <a:pt x="91440" y="1123193"/>
                  </a:lnTo>
                  <a:lnTo>
                    <a:pt x="3048" y="1123193"/>
                  </a:lnTo>
                  <a:lnTo>
                    <a:pt x="1524" y="1121669"/>
                  </a:lnTo>
                  <a:lnTo>
                    <a:pt x="3048" y="1121669"/>
                  </a:lnTo>
                  <a:lnTo>
                    <a:pt x="3048" y="3048"/>
                  </a:lnTo>
                  <a:lnTo>
                    <a:pt x="1524" y="3048"/>
                  </a:lnTo>
                  <a:lnTo>
                    <a:pt x="3048" y="1524"/>
                  </a:lnTo>
                  <a:lnTo>
                    <a:pt x="91440" y="1524"/>
                  </a:lnTo>
                  <a:lnTo>
                    <a:pt x="89916" y="0"/>
                  </a:lnTo>
                  <a:close/>
                </a:path>
                <a:path w="91439" h="1125220">
                  <a:moveTo>
                    <a:pt x="3048" y="1121669"/>
                  </a:moveTo>
                  <a:lnTo>
                    <a:pt x="1524" y="1121669"/>
                  </a:lnTo>
                  <a:lnTo>
                    <a:pt x="3048" y="1123193"/>
                  </a:lnTo>
                  <a:lnTo>
                    <a:pt x="3048" y="1121669"/>
                  </a:lnTo>
                  <a:close/>
                </a:path>
                <a:path w="91439" h="1125220">
                  <a:moveTo>
                    <a:pt x="88392" y="1121669"/>
                  </a:moveTo>
                  <a:lnTo>
                    <a:pt x="3048" y="1121669"/>
                  </a:lnTo>
                  <a:lnTo>
                    <a:pt x="3048" y="1123193"/>
                  </a:lnTo>
                  <a:lnTo>
                    <a:pt x="88392" y="1123193"/>
                  </a:lnTo>
                  <a:lnTo>
                    <a:pt x="88392" y="1121669"/>
                  </a:lnTo>
                  <a:close/>
                </a:path>
                <a:path w="91439" h="1125220">
                  <a:moveTo>
                    <a:pt x="88392" y="1524"/>
                  </a:moveTo>
                  <a:lnTo>
                    <a:pt x="88392" y="1123193"/>
                  </a:lnTo>
                  <a:lnTo>
                    <a:pt x="89916" y="1121669"/>
                  </a:lnTo>
                  <a:lnTo>
                    <a:pt x="91440" y="1121669"/>
                  </a:lnTo>
                  <a:lnTo>
                    <a:pt x="91440" y="3048"/>
                  </a:lnTo>
                  <a:lnTo>
                    <a:pt x="89916" y="3048"/>
                  </a:lnTo>
                  <a:lnTo>
                    <a:pt x="88392" y="1524"/>
                  </a:lnTo>
                  <a:close/>
                </a:path>
                <a:path w="91439" h="1125220">
                  <a:moveTo>
                    <a:pt x="91440" y="1121669"/>
                  </a:moveTo>
                  <a:lnTo>
                    <a:pt x="89916" y="1121669"/>
                  </a:lnTo>
                  <a:lnTo>
                    <a:pt x="88392" y="1123193"/>
                  </a:lnTo>
                  <a:lnTo>
                    <a:pt x="91440" y="1123193"/>
                  </a:lnTo>
                  <a:lnTo>
                    <a:pt x="91440" y="1121669"/>
                  </a:lnTo>
                  <a:close/>
                </a:path>
                <a:path w="91439" h="1125220">
                  <a:moveTo>
                    <a:pt x="3048" y="1524"/>
                  </a:moveTo>
                  <a:lnTo>
                    <a:pt x="1524" y="3048"/>
                  </a:lnTo>
                  <a:lnTo>
                    <a:pt x="3048" y="3048"/>
                  </a:lnTo>
                  <a:lnTo>
                    <a:pt x="3048" y="1524"/>
                  </a:lnTo>
                  <a:close/>
                </a:path>
                <a:path w="91439" h="1125220">
                  <a:moveTo>
                    <a:pt x="88392" y="1524"/>
                  </a:moveTo>
                  <a:lnTo>
                    <a:pt x="3048" y="1524"/>
                  </a:lnTo>
                  <a:lnTo>
                    <a:pt x="3048" y="3048"/>
                  </a:lnTo>
                  <a:lnTo>
                    <a:pt x="88392" y="3048"/>
                  </a:lnTo>
                  <a:lnTo>
                    <a:pt x="88392" y="1524"/>
                  </a:lnTo>
                  <a:close/>
                </a:path>
                <a:path w="91439" h="112522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22" name="object 122"/>
            <p:cNvSpPr/>
            <p:nvPr/>
          </p:nvSpPr>
          <p:spPr>
            <a:xfrm>
              <a:off x="3343655" y="5292856"/>
              <a:ext cx="88900" cy="1164590"/>
            </a:xfrm>
            <a:custGeom>
              <a:avLst/>
              <a:gdLst/>
              <a:ahLst/>
              <a:cxnLst/>
              <a:rect l="l" t="t" r="r" b="b"/>
              <a:pathLst>
                <a:path w="88900" h="1164589">
                  <a:moveTo>
                    <a:pt x="88391" y="0"/>
                  </a:moveTo>
                  <a:lnTo>
                    <a:pt x="0" y="0"/>
                  </a:lnTo>
                  <a:lnTo>
                    <a:pt x="0" y="1164336"/>
                  </a:lnTo>
                  <a:lnTo>
                    <a:pt x="88391" y="1164336"/>
                  </a:lnTo>
                  <a:lnTo>
                    <a:pt x="88391" y="0"/>
                  </a:lnTo>
                  <a:close/>
                </a:path>
              </a:pathLst>
            </a:custGeom>
            <a:solidFill>
              <a:srgbClr val="8080FF"/>
            </a:solidFill>
          </p:spPr>
          <p:txBody>
            <a:bodyPr wrap="square" lIns="0" tIns="0" rIns="0" bIns="0" rtlCol="0"/>
            <a:lstStyle/>
            <a:p>
              <a:endParaRPr sz="1539"/>
            </a:p>
          </p:txBody>
        </p:sp>
        <p:sp>
          <p:nvSpPr>
            <p:cNvPr id="123" name="object 123"/>
            <p:cNvSpPr/>
            <p:nvPr/>
          </p:nvSpPr>
          <p:spPr>
            <a:xfrm>
              <a:off x="3342131" y="5291327"/>
              <a:ext cx="91440" cy="1167765"/>
            </a:xfrm>
            <a:custGeom>
              <a:avLst/>
              <a:gdLst/>
              <a:ahLst/>
              <a:cxnLst/>
              <a:rect l="l" t="t" r="r" b="b"/>
              <a:pathLst>
                <a:path w="91439" h="1167764">
                  <a:moveTo>
                    <a:pt x="89915" y="0"/>
                  </a:moveTo>
                  <a:lnTo>
                    <a:pt x="1523" y="0"/>
                  </a:lnTo>
                  <a:lnTo>
                    <a:pt x="0" y="1523"/>
                  </a:lnTo>
                  <a:lnTo>
                    <a:pt x="0" y="1165865"/>
                  </a:lnTo>
                  <a:lnTo>
                    <a:pt x="1523" y="1167389"/>
                  </a:lnTo>
                  <a:lnTo>
                    <a:pt x="89915" y="1167389"/>
                  </a:lnTo>
                  <a:lnTo>
                    <a:pt x="91439" y="1165865"/>
                  </a:lnTo>
                  <a:lnTo>
                    <a:pt x="3047" y="1165865"/>
                  </a:lnTo>
                  <a:lnTo>
                    <a:pt x="1523" y="1164341"/>
                  </a:lnTo>
                  <a:lnTo>
                    <a:pt x="3047" y="1164341"/>
                  </a:lnTo>
                  <a:lnTo>
                    <a:pt x="3047" y="3048"/>
                  </a:lnTo>
                  <a:lnTo>
                    <a:pt x="1523" y="3048"/>
                  </a:lnTo>
                  <a:lnTo>
                    <a:pt x="3047" y="1523"/>
                  </a:lnTo>
                  <a:lnTo>
                    <a:pt x="91439" y="1523"/>
                  </a:lnTo>
                  <a:lnTo>
                    <a:pt x="89915" y="0"/>
                  </a:lnTo>
                  <a:close/>
                </a:path>
                <a:path w="91439" h="1167764">
                  <a:moveTo>
                    <a:pt x="3047" y="1164341"/>
                  </a:moveTo>
                  <a:lnTo>
                    <a:pt x="1523" y="1164341"/>
                  </a:lnTo>
                  <a:lnTo>
                    <a:pt x="3047" y="1165865"/>
                  </a:lnTo>
                  <a:lnTo>
                    <a:pt x="3047" y="1164341"/>
                  </a:lnTo>
                  <a:close/>
                </a:path>
                <a:path w="91439" h="1167764">
                  <a:moveTo>
                    <a:pt x="88391" y="1164341"/>
                  </a:moveTo>
                  <a:lnTo>
                    <a:pt x="3047" y="1164341"/>
                  </a:lnTo>
                  <a:lnTo>
                    <a:pt x="3047" y="1165865"/>
                  </a:lnTo>
                  <a:lnTo>
                    <a:pt x="88391" y="1165865"/>
                  </a:lnTo>
                  <a:lnTo>
                    <a:pt x="88391" y="1164341"/>
                  </a:lnTo>
                  <a:close/>
                </a:path>
                <a:path w="91439" h="1167764">
                  <a:moveTo>
                    <a:pt x="88391" y="1523"/>
                  </a:moveTo>
                  <a:lnTo>
                    <a:pt x="88391" y="1165865"/>
                  </a:lnTo>
                  <a:lnTo>
                    <a:pt x="89915" y="1164341"/>
                  </a:lnTo>
                  <a:lnTo>
                    <a:pt x="91439" y="1164341"/>
                  </a:lnTo>
                  <a:lnTo>
                    <a:pt x="91439" y="3048"/>
                  </a:lnTo>
                  <a:lnTo>
                    <a:pt x="89916" y="3048"/>
                  </a:lnTo>
                  <a:lnTo>
                    <a:pt x="88391" y="1523"/>
                  </a:lnTo>
                  <a:close/>
                </a:path>
                <a:path w="91439" h="1167764">
                  <a:moveTo>
                    <a:pt x="91439" y="1164341"/>
                  </a:moveTo>
                  <a:lnTo>
                    <a:pt x="89915" y="1164341"/>
                  </a:lnTo>
                  <a:lnTo>
                    <a:pt x="88391" y="1165865"/>
                  </a:lnTo>
                  <a:lnTo>
                    <a:pt x="91439" y="1165865"/>
                  </a:lnTo>
                  <a:lnTo>
                    <a:pt x="91439" y="1164341"/>
                  </a:lnTo>
                  <a:close/>
                </a:path>
                <a:path w="91439" h="1167764">
                  <a:moveTo>
                    <a:pt x="3047" y="1523"/>
                  </a:moveTo>
                  <a:lnTo>
                    <a:pt x="1523" y="3048"/>
                  </a:lnTo>
                  <a:lnTo>
                    <a:pt x="3047" y="3048"/>
                  </a:lnTo>
                  <a:lnTo>
                    <a:pt x="3047" y="1523"/>
                  </a:lnTo>
                  <a:close/>
                </a:path>
                <a:path w="91439" h="1167764">
                  <a:moveTo>
                    <a:pt x="88391" y="1523"/>
                  </a:moveTo>
                  <a:lnTo>
                    <a:pt x="3047" y="1523"/>
                  </a:lnTo>
                  <a:lnTo>
                    <a:pt x="3047" y="3048"/>
                  </a:lnTo>
                  <a:lnTo>
                    <a:pt x="88391" y="3048"/>
                  </a:lnTo>
                  <a:lnTo>
                    <a:pt x="88391" y="1523"/>
                  </a:lnTo>
                  <a:close/>
                </a:path>
                <a:path w="91439" h="1167764">
                  <a:moveTo>
                    <a:pt x="91439" y="1523"/>
                  </a:moveTo>
                  <a:lnTo>
                    <a:pt x="88391" y="1523"/>
                  </a:lnTo>
                  <a:lnTo>
                    <a:pt x="89916" y="3048"/>
                  </a:lnTo>
                  <a:lnTo>
                    <a:pt x="91439" y="3048"/>
                  </a:lnTo>
                  <a:lnTo>
                    <a:pt x="91439" y="1523"/>
                  </a:lnTo>
                  <a:close/>
                </a:path>
              </a:pathLst>
            </a:custGeom>
            <a:solidFill>
              <a:srgbClr val="000000"/>
            </a:solidFill>
          </p:spPr>
          <p:txBody>
            <a:bodyPr wrap="square" lIns="0" tIns="0" rIns="0" bIns="0" rtlCol="0"/>
            <a:lstStyle/>
            <a:p>
              <a:endParaRPr sz="1539"/>
            </a:p>
          </p:txBody>
        </p:sp>
        <p:sp>
          <p:nvSpPr>
            <p:cNvPr id="124" name="object 124"/>
            <p:cNvSpPr/>
            <p:nvPr/>
          </p:nvSpPr>
          <p:spPr>
            <a:xfrm>
              <a:off x="3564635" y="5221229"/>
              <a:ext cx="86995" cy="1236345"/>
            </a:xfrm>
            <a:custGeom>
              <a:avLst/>
              <a:gdLst/>
              <a:ahLst/>
              <a:cxnLst/>
              <a:rect l="l" t="t" r="r" b="b"/>
              <a:pathLst>
                <a:path w="86995" h="1236345">
                  <a:moveTo>
                    <a:pt x="86867" y="0"/>
                  </a:moveTo>
                  <a:lnTo>
                    <a:pt x="0" y="0"/>
                  </a:lnTo>
                  <a:lnTo>
                    <a:pt x="0" y="1235964"/>
                  </a:lnTo>
                  <a:lnTo>
                    <a:pt x="86867" y="1235964"/>
                  </a:lnTo>
                  <a:lnTo>
                    <a:pt x="86867" y="0"/>
                  </a:lnTo>
                  <a:close/>
                </a:path>
              </a:pathLst>
            </a:custGeom>
            <a:solidFill>
              <a:srgbClr val="8080FF"/>
            </a:solidFill>
          </p:spPr>
          <p:txBody>
            <a:bodyPr wrap="square" lIns="0" tIns="0" rIns="0" bIns="0" rtlCol="0"/>
            <a:lstStyle/>
            <a:p>
              <a:endParaRPr sz="1539"/>
            </a:p>
          </p:txBody>
        </p:sp>
        <p:sp>
          <p:nvSpPr>
            <p:cNvPr id="125" name="object 125"/>
            <p:cNvSpPr/>
            <p:nvPr/>
          </p:nvSpPr>
          <p:spPr>
            <a:xfrm>
              <a:off x="3563111" y="5219700"/>
              <a:ext cx="90170" cy="1239520"/>
            </a:xfrm>
            <a:custGeom>
              <a:avLst/>
              <a:gdLst/>
              <a:ahLst/>
              <a:cxnLst/>
              <a:rect l="l" t="t" r="r" b="b"/>
              <a:pathLst>
                <a:path w="90170" h="1239520">
                  <a:moveTo>
                    <a:pt x="88391" y="0"/>
                  </a:moveTo>
                  <a:lnTo>
                    <a:pt x="1524" y="0"/>
                  </a:lnTo>
                  <a:lnTo>
                    <a:pt x="0" y="1524"/>
                  </a:lnTo>
                  <a:lnTo>
                    <a:pt x="0" y="1237493"/>
                  </a:lnTo>
                  <a:lnTo>
                    <a:pt x="1524" y="1239017"/>
                  </a:lnTo>
                  <a:lnTo>
                    <a:pt x="88391" y="1239017"/>
                  </a:lnTo>
                  <a:lnTo>
                    <a:pt x="89915" y="1237493"/>
                  </a:lnTo>
                  <a:lnTo>
                    <a:pt x="3048" y="1237493"/>
                  </a:lnTo>
                  <a:lnTo>
                    <a:pt x="1524" y="1235969"/>
                  </a:lnTo>
                  <a:lnTo>
                    <a:pt x="3048" y="1235969"/>
                  </a:lnTo>
                  <a:lnTo>
                    <a:pt x="3048" y="3048"/>
                  </a:lnTo>
                  <a:lnTo>
                    <a:pt x="1524" y="3048"/>
                  </a:lnTo>
                  <a:lnTo>
                    <a:pt x="3048" y="1524"/>
                  </a:lnTo>
                  <a:lnTo>
                    <a:pt x="89915" y="1524"/>
                  </a:lnTo>
                  <a:lnTo>
                    <a:pt x="88391" y="0"/>
                  </a:lnTo>
                  <a:close/>
                </a:path>
                <a:path w="90170" h="1239520">
                  <a:moveTo>
                    <a:pt x="3048" y="1235969"/>
                  </a:moveTo>
                  <a:lnTo>
                    <a:pt x="1524" y="1235969"/>
                  </a:lnTo>
                  <a:lnTo>
                    <a:pt x="3048" y="1237493"/>
                  </a:lnTo>
                  <a:lnTo>
                    <a:pt x="3048" y="1235969"/>
                  </a:lnTo>
                  <a:close/>
                </a:path>
                <a:path w="90170" h="1239520">
                  <a:moveTo>
                    <a:pt x="86867" y="1235969"/>
                  </a:moveTo>
                  <a:lnTo>
                    <a:pt x="3048" y="1235969"/>
                  </a:lnTo>
                  <a:lnTo>
                    <a:pt x="3048" y="1237493"/>
                  </a:lnTo>
                  <a:lnTo>
                    <a:pt x="86867" y="1237493"/>
                  </a:lnTo>
                  <a:lnTo>
                    <a:pt x="86867" y="1235969"/>
                  </a:lnTo>
                  <a:close/>
                </a:path>
                <a:path w="90170" h="1239520">
                  <a:moveTo>
                    <a:pt x="86867" y="1524"/>
                  </a:moveTo>
                  <a:lnTo>
                    <a:pt x="86867" y="1237493"/>
                  </a:lnTo>
                  <a:lnTo>
                    <a:pt x="88391" y="1235969"/>
                  </a:lnTo>
                  <a:lnTo>
                    <a:pt x="89915" y="1235969"/>
                  </a:lnTo>
                  <a:lnTo>
                    <a:pt x="89915" y="3048"/>
                  </a:lnTo>
                  <a:lnTo>
                    <a:pt x="88391" y="3048"/>
                  </a:lnTo>
                  <a:lnTo>
                    <a:pt x="86867" y="1524"/>
                  </a:lnTo>
                  <a:close/>
                </a:path>
                <a:path w="90170" h="1239520">
                  <a:moveTo>
                    <a:pt x="89915" y="1235969"/>
                  </a:moveTo>
                  <a:lnTo>
                    <a:pt x="88391" y="1235969"/>
                  </a:lnTo>
                  <a:lnTo>
                    <a:pt x="86867" y="1237493"/>
                  </a:lnTo>
                  <a:lnTo>
                    <a:pt x="89915" y="1237493"/>
                  </a:lnTo>
                  <a:lnTo>
                    <a:pt x="89915" y="1235969"/>
                  </a:lnTo>
                  <a:close/>
                </a:path>
                <a:path w="90170" h="1239520">
                  <a:moveTo>
                    <a:pt x="3048" y="1524"/>
                  </a:moveTo>
                  <a:lnTo>
                    <a:pt x="1524" y="3048"/>
                  </a:lnTo>
                  <a:lnTo>
                    <a:pt x="3048" y="3048"/>
                  </a:lnTo>
                  <a:lnTo>
                    <a:pt x="3048" y="1524"/>
                  </a:lnTo>
                  <a:close/>
                </a:path>
                <a:path w="90170" h="1239520">
                  <a:moveTo>
                    <a:pt x="86867" y="1524"/>
                  </a:moveTo>
                  <a:lnTo>
                    <a:pt x="3048" y="1524"/>
                  </a:lnTo>
                  <a:lnTo>
                    <a:pt x="3048" y="3048"/>
                  </a:lnTo>
                  <a:lnTo>
                    <a:pt x="86867" y="3048"/>
                  </a:lnTo>
                  <a:lnTo>
                    <a:pt x="86867" y="1524"/>
                  </a:lnTo>
                  <a:close/>
                </a:path>
                <a:path w="90170" h="1239520">
                  <a:moveTo>
                    <a:pt x="89915" y="1524"/>
                  </a:moveTo>
                  <a:lnTo>
                    <a:pt x="86867" y="1524"/>
                  </a:lnTo>
                  <a:lnTo>
                    <a:pt x="88391" y="3048"/>
                  </a:lnTo>
                  <a:lnTo>
                    <a:pt x="89915" y="3048"/>
                  </a:lnTo>
                  <a:lnTo>
                    <a:pt x="89915" y="1524"/>
                  </a:lnTo>
                  <a:close/>
                </a:path>
              </a:pathLst>
            </a:custGeom>
            <a:solidFill>
              <a:srgbClr val="000000"/>
            </a:solidFill>
          </p:spPr>
          <p:txBody>
            <a:bodyPr wrap="square" lIns="0" tIns="0" rIns="0" bIns="0" rtlCol="0"/>
            <a:lstStyle/>
            <a:p>
              <a:endParaRPr sz="1539"/>
            </a:p>
          </p:txBody>
        </p:sp>
        <p:sp>
          <p:nvSpPr>
            <p:cNvPr id="126" name="object 126"/>
            <p:cNvSpPr/>
            <p:nvPr/>
          </p:nvSpPr>
          <p:spPr>
            <a:xfrm>
              <a:off x="3784092" y="5082544"/>
              <a:ext cx="88900" cy="1374775"/>
            </a:xfrm>
            <a:custGeom>
              <a:avLst/>
              <a:gdLst/>
              <a:ahLst/>
              <a:cxnLst/>
              <a:rect l="l" t="t" r="r" b="b"/>
              <a:pathLst>
                <a:path w="88900" h="1374775">
                  <a:moveTo>
                    <a:pt x="88391" y="0"/>
                  </a:moveTo>
                  <a:lnTo>
                    <a:pt x="0" y="0"/>
                  </a:lnTo>
                  <a:lnTo>
                    <a:pt x="0" y="1374648"/>
                  </a:lnTo>
                  <a:lnTo>
                    <a:pt x="88391" y="1374648"/>
                  </a:lnTo>
                  <a:lnTo>
                    <a:pt x="88391" y="0"/>
                  </a:lnTo>
                  <a:close/>
                </a:path>
              </a:pathLst>
            </a:custGeom>
            <a:solidFill>
              <a:srgbClr val="8080FF"/>
            </a:solidFill>
          </p:spPr>
          <p:txBody>
            <a:bodyPr wrap="square" lIns="0" tIns="0" rIns="0" bIns="0" rtlCol="0"/>
            <a:lstStyle/>
            <a:p>
              <a:endParaRPr sz="1539"/>
            </a:p>
          </p:txBody>
        </p:sp>
        <p:sp>
          <p:nvSpPr>
            <p:cNvPr id="127" name="object 127"/>
            <p:cNvSpPr/>
            <p:nvPr/>
          </p:nvSpPr>
          <p:spPr>
            <a:xfrm>
              <a:off x="3782567" y="5081016"/>
              <a:ext cx="91440" cy="1377950"/>
            </a:xfrm>
            <a:custGeom>
              <a:avLst/>
              <a:gdLst/>
              <a:ahLst/>
              <a:cxnLst/>
              <a:rect l="l" t="t" r="r" b="b"/>
              <a:pathLst>
                <a:path w="91439" h="1377950">
                  <a:moveTo>
                    <a:pt x="89916" y="0"/>
                  </a:moveTo>
                  <a:lnTo>
                    <a:pt x="1524" y="0"/>
                  </a:lnTo>
                  <a:lnTo>
                    <a:pt x="0" y="1524"/>
                  </a:lnTo>
                  <a:lnTo>
                    <a:pt x="0" y="1376177"/>
                  </a:lnTo>
                  <a:lnTo>
                    <a:pt x="1524" y="1377701"/>
                  </a:lnTo>
                  <a:lnTo>
                    <a:pt x="89916" y="1377701"/>
                  </a:lnTo>
                  <a:lnTo>
                    <a:pt x="91440" y="1376177"/>
                  </a:lnTo>
                  <a:lnTo>
                    <a:pt x="3048" y="1376177"/>
                  </a:lnTo>
                  <a:lnTo>
                    <a:pt x="1524" y="1374653"/>
                  </a:lnTo>
                  <a:lnTo>
                    <a:pt x="3048" y="1374653"/>
                  </a:lnTo>
                  <a:lnTo>
                    <a:pt x="3048" y="3048"/>
                  </a:lnTo>
                  <a:lnTo>
                    <a:pt x="1524" y="3048"/>
                  </a:lnTo>
                  <a:lnTo>
                    <a:pt x="3048" y="1524"/>
                  </a:lnTo>
                  <a:lnTo>
                    <a:pt x="91440" y="1524"/>
                  </a:lnTo>
                  <a:lnTo>
                    <a:pt x="89916" y="0"/>
                  </a:lnTo>
                  <a:close/>
                </a:path>
                <a:path w="91439" h="1377950">
                  <a:moveTo>
                    <a:pt x="3048" y="1374653"/>
                  </a:moveTo>
                  <a:lnTo>
                    <a:pt x="1524" y="1374653"/>
                  </a:lnTo>
                  <a:lnTo>
                    <a:pt x="3048" y="1376177"/>
                  </a:lnTo>
                  <a:lnTo>
                    <a:pt x="3048" y="1374653"/>
                  </a:lnTo>
                  <a:close/>
                </a:path>
                <a:path w="91439" h="1377950">
                  <a:moveTo>
                    <a:pt x="88392" y="1374653"/>
                  </a:moveTo>
                  <a:lnTo>
                    <a:pt x="3048" y="1374653"/>
                  </a:lnTo>
                  <a:lnTo>
                    <a:pt x="3048" y="1376177"/>
                  </a:lnTo>
                  <a:lnTo>
                    <a:pt x="88392" y="1376177"/>
                  </a:lnTo>
                  <a:lnTo>
                    <a:pt x="88392" y="1374653"/>
                  </a:lnTo>
                  <a:close/>
                </a:path>
                <a:path w="91439" h="1377950">
                  <a:moveTo>
                    <a:pt x="88392" y="1524"/>
                  </a:moveTo>
                  <a:lnTo>
                    <a:pt x="88392" y="1376177"/>
                  </a:lnTo>
                  <a:lnTo>
                    <a:pt x="89916" y="1374653"/>
                  </a:lnTo>
                  <a:lnTo>
                    <a:pt x="91440" y="1374653"/>
                  </a:lnTo>
                  <a:lnTo>
                    <a:pt x="91440" y="3048"/>
                  </a:lnTo>
                  <a:lnTo>
                    <a:pt x="89916" y="3048"/>
                  </a:lnTo>
                  <a:lnTo>
                    <a:pt x="88392" y="1524"/>
                  </a:lnTo>
                  <a:close/>
                </a:path>
                <a:path w="91439" h="1377950">
                  <a:moveTo>
                    <a:pt x="91440" y="1374653"/>
                  </a:moveTo>
                  <a:lnTo>
                    <a:pt x="89916" y="1374653"/>
                  </a:lnTo>
                  <a:lnTo>
                    <a:pt x="88392" y="1376177"/>
                  </a:lnTo>
                  <a:lnTo>
                    <a:pt x="91440" y="1376177"/>
                  </a:lnTo>
                  <a:lnTo>
                    <a:pt x="91440" y="1374653"/>
                  </a:lnTo>
                  <a:close/>
                </a:path>
                <a:path w="91439" h="1377950">
                  <a:moveTo>
                    <a:pt x="3048" y="1524"/>
                  </a:moveTo>
                  <a:lnTo>
                    <a:pt x="1524" y="3048"/>
                  </a:lnTo>
                  <a:lnTo>
                    <a:pt x="3048" y="3048"/>
                  </a:lnTo>
                  <a:lnTo>
                    <a:pt x="3048" y="1524"/>
                  </a:lnTo>
                  <a:close/>
                </a:path>
                <a:path w="91439" h="1377950">
                  <a:moveTo>
                    <a:pt x="88392" y="1524"/>
                  </a:moveTo>
                  <a:lnTo>
                    <a:pt x="3048" y="1524"/>
                  </a:lnTo>
                  <a:lnTo>
                    <a:pt x="3048" y="3048"/>
                  </a:lnTo>
                  <a:lnTo>
                    <a:pt x="88392" y="3048"/>
                  </a:lnTo>
                  <a:lnTo>
                    <a:pt x="88392" y="1524"/>
                  </a:lnTo>
                  <a:close/>
                </a:path>
                <a:path w="91439" h="137795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28" name="object 128"/>
            <p:cNvSpPr/>
            <p:nvPr/>
          </p:nvSpPr>
          <p:spPr>
            <a:xfrm>
              <a:off x="4005072" y="4905761"/>
              <a:ext cx="88900" cy="1551940"/>
            </a:xfrm>
            <a:custGeom>
              <a:avLst/>
              <a:gdLst/>
              <a:ahLst/>
              <a:cxnLst/>
              <a:rect l="l" t="t" r="r" b="b"/>
              <a:pathLst>
                <a:path w="88900" h="1551939">
                  <a:moveTo>
                    <a:pt x="88391" y="0"/>
                  </a:moveTo>
                  <a:lnTo>
                    <a:pt x="0" y="0"/>
                  </a:lnTo>
                  <a:lnTo>
                    <a:pt x="0" y="1551431"/>
                  </a:lnTo>
                  <a:lnTo>
                    <a:pt x="88391" y="1551431"/>
                  </a:lnTo>
                  <a:lnTo>
                    <a:pt x="88391" y="0"/>
                  </a:lnTo>
                  <a:close/>
                </a:path>
              </a:pathLst>
            </a:custGeom>
            <a:solidFill>
              <a:srgbClr val="8080FF"/>
            </a:solidFill>
          </p:spPr>
          <p:txBody>
            <a:bodyPr wrap="square" lIns="0" tIns="0" rIns="0" bIns="0" rtlCol="0"/>
            <a:lstStyle/>
            <a:p>
              <a:endParaRPr sz="1539"/>
            </a:p>
          </p:txBody>
        </p:sp>
        <p:sp>
          <p:nvSpPr>
            <p:cNvPr id="129" name="object 129"/>
            <p:cNvSpPr/>
            <p:nvPr/>
          </p:nvSpPr>
          <p:spPr>
            <a:xfrm>
              <a:off x="4003548" y="4904232"/>
              <a:ext cx="91440" cy="1554480"/>
            </a:xfrm>
            <a:custGeom>
              <a:avLst/>
              <a:gdLst/>
              <a:ahLst/>
              <a:cxnLst/>
              <a:rect l="l" t="t" r="r" b="b"/>
              <a:pathLst>
                <a:path w="91439" h="1554479">
                  <a:moveTo>
                    <a:pt x="89915" y="0"/>
                  </a:moveTo>
                  <a:lnTo>
                    <a:pt x="1524" y="0"/>
                  </a:lnTo>
                  <a:lnTo>
                    <a:pt x="0" y="1523"/>
                  </a:lnTo>
                  <a:lnTo>
                    <a:pt x="0" y="1552961"/>
                  </a:lnTo>
                  <a:lnTo>
                    <a:pt x="1524" y="1554485"/>
                  </a:lnTo>
                  <a:lnTo>
                    <a:pt x="89915" y="1554485"/>
                  </a:lnTo>
                  <a:lnTo>
                    <a:pt x="91439" y="1552961"/>
                  </a:lnTo>
                  <a:lnTo>
                    <a:pt x="3048" y="1552961"/>
                  </a:lnTo>
                  <a:lnTo>
                    <a:pt x="1524" y="1551437"/>
                  </a:lnTo>
                  <a:lnTo>
                    <a:pt x="3048" y="1551437"/>
                  </a:lnTo>
                  <a:lnTo>
                    <a:pt x="3048" y="3047"/>
                  </a:lnTo>
                  <a:lnTo>
                    <a:pt x="1524" y="3047"/>
                  </a:lnTo>
                  <a:lnTo>
                    <a:pt x="3048" y="1523"/>
                  </a:lnTo>
                  <a:lnTo>
                    <a:pt x="91439" y="1523"/>
                  </a:lnTo>
                  <a:lnTo>
                    <a:pt x="89915" y="0"/>
                  </a:lnTo>
                  <a:close/>
                </a:path>
                <a:path w="91439" h="1554479">
                  <a:moveTo>
                    <a:pt x="3048" y="1551437"/>
                  </a:moveTo>
                  <a:lnTo>
                    <a:pt x="1524" y="1551437"/>
                  </a:lnTo>
                  <a:lnTo>
                    <a:pt x="3048" y="1552961"/>
                  </a:lnTo>
                  <a:lnTo>
                    <a:pt x="3048" y="1551437"/>
                  </a:lnTo>
                  <a:close/>
                </a:path>
                <a:path w="91439" h="1554479">
                  <a:moveTo>
                    <a:pt x="88391" y="1551437"/>
                  </a:moveTo>
                  <a:lnTo>
                    <a:pt x="3048" y="1551437"/>
                  </a:lnTo>
                  <a:lnTo>
                    <a:pt x="3048" y="1552961"/>
                  </a:lnTo>
                  <a:lnTo>
                    <a:pt x="88391" y="1552961"/>
                  </a:lnTo>
                  <a:lnTo>
                    <a:pt x="88391" y="1551437"/>
                  </a:lnTo>
                  <a:close/>
                </a:path>
                <a:path w="91439" h="1554479">
                  <a:moveTo>
                    <a:pt x="88391" y="1523"/>
                  </a:moveTo>
                  <a:lnTo>
                    <a:pt x="88391" y="1552961"/>
                  </a:lnTo>
                  <a:lnTo>
                    <a:pt x="89915" y="1551437"/>
                  </a:lnTo>
                  <a:lnTo>
                    <a:pt x="91439" y="1551437"/>
                  </a:lnTo>
                  <a:lnTo>
                    <a:pt x="91439" y="3047"/>
                  </a:lnTo>
                  <a:lnTo>
                    <a:pt x="89915" y="3047"/>
                  </a:lnTo>
                  <a:lnTo>
                    <a:pt x="88391" y="1523"/>
                  </a:lnTo>
                  <a:close/>
                </a:path>
                <a:path w="91439" h="1554479">
                  <a:moveTo>
                    <a:pt x="91439" y="1551437"/>
                  </a:moveTo>
                  <a:lnTo>
                    <a:pt x="89915" y="1551437"/>
                  </a:lnTo>
                  <a:lnTo>
                    <a:pt x="88391" y="1552961"/>
                  </a:lnTo>
                  <a:lnTo>
                    <a:pt x="91439" y="1552961"/>
                  </a:lnTo>
                  <a:lnTo>
                    <a:pt x="91439" y="1551437"/>
                  </a:lnTo>
                  <a:close/>
                </a:path>
                <a:path w="91439" h="1554479">
                  <a:moveTo>
                    <a:pt x="3048" y="1523"/>
                  </a:moveTo>
                  <a:lnTo>
                    <a:pt x="1524" y="3047"/>
                  </a:lnTo>
                  <a:lnTo>
                    <a:pt x="3048" y="3047"/>
                  </a:lnTo>
                  <a:lnTo>
                    <a:pt x="3048" y="1523"/>
                  </a:lnTo>
                  <a:close/>
                </a:path>
                <a:path w="91439" h="1554479">
                  <a:moveTo>
                    <a:pt x="88391" y="1523"/>
                  </a:moveTo>
                  <a:lnTo>
                    <a:pt x="3048" y="1523"/>
                  </a:lnTo>
                  <a:lnTo>
                    <a:pt x="3048" y="3047"/>
                  </a:lnTo>
                  <a:lnTo>
                    <a:pt x="88391" y="3047"/>
                  </a:lnTo>
                  <a:lnTo>
                    <a:pt x="88391" y="1523"/>
                  </a:lnTo>
                  <a:close/>
                </a:path>
                <a:path w="91439" h="1554479">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30" name="object 130"/>
            <p:cNvSpPr/>
            <p:nvPr/>
          </p:nvSpPr>
          <p:spPr>
            <a:xfrm>
              <a:off x="4226052" y="4815844"/>
              <a:ext cx="88900" cy="1641475"/>
            </a:xfrm>
            <a:custGeom>
              <a:avLst/>
              <a:gdLst/>
              <a:ahLst/>
              <a:cxnLst/>
              <a:rect l="l" t="t" r="r" b="b"/>
              <a:pathLst>
                <a:path w="88900" h="1641475">
                  <a:moveTo>
                    <a:pt x="88391" y="0"/>
                  </a:moveTo>
                  <a:lnTo>
                    <a:pt x="0" y="0"/>
                  </a:lnTo>
                  <a:lnTo>
                    <a:pt x="0" y="1641348"/>
                  </a:lnTo>
                  <a:lnTo>
                    <a:pt x="88391" y="1641348"/>
                  </a:lnTo>
                  <a:lnTo>
                    <a:pt x="88391" y="0"/>
                  </a:lnTo>
                  <a:close/>
                </a:path>
              </a:pathLst>
            </a:custGeom>
            <a:solidFill>
              <a:srgbClr val="8080FF"/>
            </a:solidFill>
          </p:spPr>
          <p:txBody>
            <a:bodyPr wrap="square" lIns="0" tIns="0" rIns="0" bIns="0" rtlCol="0"/>
            <a:lstStyle/>
            <a:p>
              <a:endParaRPr sz="1539"/>
            </a:p>
          </p:txBody>
        </p:sp>
        <p:sp>
          <p:nvSpPr>
            <p:cNvPr id="131" name="object 131"/>
            <p:cNvSpPr/>
            <p:nvPr/>
          </p:nvSpPr>
          <p:spPr>
            <a:xfrm>
              <a:off x="4224528" y="4814316"/>
              <a:ext cx="91440" cy="1644650"/>
            </a:xfrm>
            <a:custGeom>
              <a:avLst/>
              <a:gdLst/>
              <a:ahLst/>
              <a:cxnLst/>
              <a:rect l="l" t="t" r="r" b="b"/>
              <a:pathLst>
                <a:path w="91439" h="1644650">
                  <a:moveTo>
                    <a:pt x="89916" y="0"/>
                  </a:moveTo>
                  <a:lnTo>
                    <a:pt x="1524" y="0"/>
                  </a:lnTo>
                  <a:lnTo>
                    <a:pt x="0" y="1524"/>
                  </a:lnTo>
                  <a:lnTo>
                    <a:pt x="0" y="1642877"/>
                  </a:lnTo>
                  <a:lnTo>
                    <a:pt x="1524" y="1644401"/>
                  </a:lnTo>
                  <a:lnTo>
                    <a:pt x="89916" y="1644401"/>
                  </a:lnTo>
                  <a:lnTo>
                    <a:pt x="91439" y="1642877"/>
                  </a:lnTo>
                  <a:lnTo>
                    <a:pt x="3048" y="1642877"/>
                  </a:lnTo>
                  <a:lnTo>
                    <a:pt x="1524" y="1641353"/>
                  </a:lnTo>
                  <a:lnTo>
                    <a:pt x="3048" y="1641353"/>
                  </a:lnTo>
                  <a:lnTo>
                    <a:pt x="3048" y="3048"/>
                  </a:lnTo>
                  <a:lnTo>
                    <a:pt x="1524" y="3048"/>
                  </a:lnTo>
                  <a:lnTo>
                    <a:pt x="3048" y="1524"/>
                  </a:lnTo>
                  <a:lnTo>
                    <a:pt x="91439" y="1524"/>
                  </a:lnTo>
                  <a:lnTo>
                    <a:pt x="89916" y="0"/>
                  </a:lnTo>
                  <a:close/>
                </a:path>
                <a:path w="91439" h="1644650">
                  <a:moveTo>
                    <a:pt x="3048" y="1641353"/>
                  </a:moveTo>
                  <a:lnTo>
                    <a:pt x="1524" y="1641353"/>
                  </a:lnTo>
                  <a:lnTo>
                    <a:pt x="3048" y="1642877"/>
                  </a:lnTo>
                  <a:lnTo>
                    <a:pt x="3048" y="1641353"/>
                  </a:lnTo>
                  <a:close/>
                </a:path>
                <a:path w="91439" h="1644650">
                  <a:moveTo>
                    <a:pt x="88392" y="1641353"/>
                  </a:moveTo>
                  <a:lnTo>
                    <a:pt x="3048" y="1641353"/>
                  </a:lnTo>
                  <a:lnTo>
                    <a:pt x="3048" y="1642877"/>
                  </a:lnTo>
                  <a:lnTo>
                    <a:pt x="88392" y="1642877"/>
                  </a:lnTo>
                  <a:lnTo>
                    <a:pt x="88392" y="1641353"/>
                  </a:lnTo>
                  <a:close/>
                </a:path>
                <a:path w="91439" h="1644650">
                  <a:moveTo>
                    <a:pt x="88392" y="1524"/>
                  </a:moveTo>
                  <a:lnTo>
                    <a:pt x="88392" y="1642877"/>
                  </a:lnTo>
                  <a:lnTo>
                    <a:pt x="89916" y="1641353"/>
                  </a:lnTo>
                  <a:lnTo>
                    <a:pt x="91439" y="1641353"/>
                  </a:lnTo>
                  <a:lnTo>
                    <a:pt x="91439" y="3048"/>
                  </a:lnTo>
                  <a:lnTo>
                    <a:pt x="89916" y="3048"/>
                  </a:lnTo>
                  <a:lnTo>
                    <a:pt x="88392" y="1524"/>
                  </a:lnTo>
                  <a:close/>
                </a:path>
                <a:path w="91439" h="1644650">
                  <a:moveTo>
                    <a:pt x="91439" y="1641353"/>
                  </a:moveTo>
                  <a:lnTo>
                    <a:pt x="89916" y="1641353"/>
                  </a:lnTo>
                  <a:lnTo>
                    <a:pt x="88392" y="1642877"/>
                  </a:lnTo>
                  <a:lnTo>
                    <a:pt x="91439" y="1642877"/>
                  </a:lnTo>
                  <a:lnTo>
                    <a:pt x="91439" y="1641353"/>
                  </a:lnTo>
                  <a:close/>
                </a:path>
                <a:path w="91439" h="1644650">
                  <a:moveTo>
                    <a:pt x="3048" y="1524"/>
                  </a:moveTo>
                  <a:lnTo>
                    <a:pt x="1524" y="3048"/>
                  </a:lnTo>
                  <a:lnTo>
                    <a:pt x="3048" y="3048"/>
                  </a:lnTo>
                  <a:lnTo>
                    <a:pt x="3048" y="1524"/>
                  </a:lnTo>
                  <a:close/>
                </a:path>
                <a:path w="91439" h="1644650">
                  <a:moveTo>
                    <a:pt x="88392" y="1524"/>
                  </a:moveTo>
                  <a:lnTo>
                    <a:pt x="3048" y="1524"/>
                  </a:lnTo>
                  <a:lnTo>
                    <a:pt x="3048" y="3048"/>
                  </a:lnTo>
                  <a:lnTo>
                    <a:pt x="88392" y="3048"/>
                  </a:lnTo>
                  <a:lnTo>
                    <a:pt x="88392" y="1524"/>
                  </a:lnTo>
                  <a:close/>
                </a:path>
                <a:path w="91439" h="1644650">
                  <a:moveTo>
                    <a:pt x="91439" y="1524"/>
                  </a:moveTo>
                  <a:lnTo>
                    <a:pt x="88392" y="1524"/>
                  </a:lnTo>
                  <a:lnTo>
                    <a:pt x="89916" y="3048"/>
                  </a:lnTo>
                  <a:lnTo>
                    <a:pt x="91439" y="3048"/>
                  </a:lnTo>
                  <a:lnTo>
                    <a:pt x="91439" y="1524"/>
                  </a:lnTo>
                  <a:close/>
                </a:path>
              </a:pathLst>
            </a:custGeom>
            <a:solidFill>
              <a:srgbClr val="000000"/>
            </a:solidFill>
          </p:spPr>
          <p:txBody>
            <a:bodyPr wrap="square" lIns="0" tIns="0" rIns="0" bIns="0" rtlCol="0"/>
            <a:lstStyle/>
            <a:p>
              <a:endParaRPr sz="1539"/>
            </a:p>
          </p:txBody>
        </p:sp>
        <p:sp>
          <p:nvSpPr>
            <p:cNvPr id="132" name="object 132"/>
            <p:cNvSpPr/>
            <p:nvPr/>
          </p:nvSpPr>
          <p:spPr>
            <a:xfrm>
              <a:off x="4447031" y="4861565"/>
              <a:ext cx="88900" cy="1595755"/>
            </a:xfrm>
            <a:custGeom>
              <a:avLst/>
              <a:gdLst/>
              <a:ahLst/>
              <a:cxnLst/>
              <a:rect l="l" t="t" r="r" b="b"/>
              <a:pathLst>
                <a:path w="88900" h="1595754">
                  <a:moveTo>
                    <a:pt x="88391" y="0"/>
                  </a:moveTo>
                  <a:lnTo>
                    <a:pt x="0" y="0"/>
                  </a:lnTo>
                  <a:lnTo>
                    <a:pt x="0" y="1595627"/>
                  </a:lnTo>
                  <a:lnTo>
                    <a:pt x="88391" y="1595627"/>
                  </a:lnTo>
                  <a:lnTo>
                    <a:pt x="88391" y="0"/>
                  </a:lnTo>
                  <a:close/>
                </a:path>
              </a:pathLst>
            </a:custGeom>
            <a:solidFill>
              <a:srgbClr val="8080FF"/>
            </a:solidFill>
          </p:spPr>
          <p:txBody>
            <a:bodyPr wrap="square" lIns="0" tIns="0" rIns="0" bIns="0" rtlCol="0"/>
            <a:lstStyle/>
            <a:p>
              <a:endParaRPr sz="1539"/>
            </a:p>
          </p:txBody>
        </p:sp>
        <p:sp>
          <p:nvSpPr>
            <p:cNvPr id="133" name="object 133"/>
            <p:cNvSpPr/>
            <p:nvPr/>
          </p:nvSpPr>
          <p:spPr>
            <a:xfrm>
              <a:off x="4445508" y="4860036"/>
              <a:ext cx="91440" cy="1598930"/>
            </a:xfrm>
            <a:custGeom>
              <a:avLst/>
              <a:gdLst/>
              <a:ahLst/>
              <a:cxnLst/>
              <a:rect l="l" t="t" r="r" b="b"/>
              <a:pathLst>
                <a:path w="91439" h="1598929">
                  <a:moveTo>
                    <a:pt x="89915" y="0"/>
                  </a:moveTo>
                  <a:lnTo>
                    <a:pt x="1524" y="0"/>
                  </a:lnTo>
                  <a:lnTo>
                    <a:pt x="0" y="1524"/>
                  </a:lnTo>
                  <a:lnTo>
                    <a:pt x="0" y="1597157"/>
                  </a:lnTo>
                  <a:lnTo>
                    <a:pt x="1524" y="1598681"/>
                  </a:lnTo>
                  <a:lnTo>
                    <a:pt x="89915" y="1598681"/>
                  </a:lnTo>
                  <a:lnTo>
                    <a:pt x="91439" y="1597157"/>
                  </a:lnTo>
                  <a:lnTo>
                    <a:pt x="3047" y="1597157"/>
                  </a:lnTo>
                  <a:lnTo>
                    <a:pt x="1524" y="1595633"/>
                  </a:lnTo>
                  <a:lnTo>
                    <a:pt x="3047" y="1595633"/>
                  </a:lnTo>
                  <a:lnTo>
                    <a:pt x="3047" y="3048"/>
                  </a:lnTo>
                  <a:lnTo>
                    <a:pt x="1524" y="3048"/>
                  </a:lnTo>
                  <a:lnTo>
                    <a:pt x="3047" y="1524"/>
                  </a:lnTo>
                  <a:lnTo>
                    <a:pt x="91439" y="1524"/>
                  </a:lnTo>
                  <a:lnTo>
                    <a:pt x="89915" y="0"/>
                  </a:lnTo>
                  <a:close/>
                </a:path>
                <a:path w="91439" h="1598929">
                  <a:moveTo>
                    <a:pt x="3047" y="1595633"/>
                  </a:moveTo>
                  <a:lnTo>
                    <a:pt x="1524" y="1595633"/>
                  </a:lnTo>
                  <a:lnTo>
                    <a:pt x="3047" y="1597157"/>
                  </a:lnTo>
                  <a:lnTo>
                    <a:pt x="3047" y="1595633"/>
                  </a:lnTo>
                  <a:close/>
                </a:path>
                <a:path w="91439" h="1598929">
                  <a:moveTo>
                    <a:pt x="88391" y="1595633"/>
                  </a:moveTo>
                  <a:lnTo>
                    <a:pt x="3047" y="1595633"/>
                  </a:lnTo>
                  <a:lnTo>
                    <a:pt x="3047" y="1597157"/>
                  </a:lnTo>
                  <a:lnTo>
                    <a:pt x="88391" y="1597157"/>
                  </a:lnTo>
                  <a:lnTo>
                    <a:pt x="88391" y="1595633"/>
                  </a:lnTo>
                  <a:close/>
                </a:path>
                <a:path w="91439" h="1598929">
                  <a:moveTo>
                    <a:pt x="88391" y="1524"/>
                  </a:moveTo>
                  <a:lnTo>
                    <a:pt x="88391" y="1597157"/>
                  </a:lnTo>
                  <a:lnTo>
                    <a:pt x="89915" y="1595633"/>
                  </a:lnTo>
                  <a:lnTo>
                    <a:pt x="91439" y="1595633"/>
                  </a:lnTo>
                  <a:lnTo>
                    <a:pt x="91439" y="3048"/>
                  </a:lnTo>
                  <a:lnTo>
                    <a:pt x="89915" y="3048"/>
                  </a:lnTo>
                  <a:lnTo>
                    <a:pt x="88391" y="1524"/>
                  </a:lnTo>
                  <a:close/>
                </a:path>
                <a:path w="91439" h="1598929">
                  <a:moveTo>
                    <a:pt x="91439" y="1595633"/>
                  </a:moveTo>
                  <a:lnTo>
                    <a:pt x="89915" y="1595633"/>
                  </a:lnTo>
                  <a:lnTo>
                    <a:pt x="88391" y="1597157"/>
                  </a:lnTo>
                  <a:lnTo>
                    <a:pt x="91439" y="1597157"/>
                  </a:lnTo>
                  <a:lnTo>
                    <a:pt x="91439" y="1595633"/>
                  </a:lnTo>
                  <a:close/>
                </a:path>
                <a:path w="91439" h="1598929">
                  <a:moveTo>
                    <a:pt x="3047" y="1524"/>
                  </a:moveTo>
                  <a:lnTo>
                    <a:pt x="1524" y="3048"/>
                  </a:lnTo>
                  <a:lnTo>
                    <a:pt x="3047" y="3048"/>
                  </a:lnTo>
                  <a:lnTo>
                    <a:pt x="3047" y="1524"/>
                  </a:lnTo>
                  <a:close/>
                </a:path>
                <a:path w="91439" h="1598929">
                  <a:moveTo>
                    <a:pt x="88391" y="1524"/>
                  </a:moveTo>
                  <a:lnTo>
                    <a:pt x="3047" y="1524"/>
                  </a:lnTo>
                  <a:lnTo>
                    <a:pt x="3047" y="3048"/>
                  </a:lnTo>
                  <a:lnTo>
                    <a:pt x="88391" y="3048"/>
                  </a:lnTo>
                  <a:lnTo>
                    <a:pt x="88391" y="1524"/>
                  </a:lnTo>
                  <a:close/>
                </a:path>
                <a:path w="91439" h="159892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34" name="object 134"/>
            <p:cNvSpPr/>
            <p:nvPr/>
          </p:nvSpPr>
          <p:spPr>
            <a:xfrm>
              <a:off x="4668011" y="4768601"/>
              <a:ext cx="88900" cy="1689100"/>
            </a:xfrm>
            <a:custGeom>
              <a:avLst/>
              <a:gdLst/>
              <a:ahLst/>
              <a:cxnLst/>
              <a:rect l="l" t="t" r="r" b="b"/>
              <a:pathLst>
                <a:path w="88900" h="1689100">
                  <a:moveTo>
                    <a:pt x="88391" y="0"/>
                  </a:moveTo>
                  <a:lnTo>
                    <a:pt x="0" y="0"/>
                  </a:lnTo>
                  <a:lnTo>
                    <a:pt x="0" y="1688592"/>
                  </a:lnTo>
                  <a:lnTo>
                    <a:pt x="88391" y="1688592"/>
                  </a:lnTo>
                  <a:lnTo>
                    <a:pt x="88391" y="0"/>
                  </a:lnTo>
                  <a:close/>
                </a:path>
              </a:pathLst>
            </a:custGeom>
            <a:solidFill>
              <a:srgbClr val="8080FF"/>
            </a:solidFill>
          </p:spPr>
          <p:txBody>
            <a:bodyPr wrap="square" lIns="0" tIns="0" rIns="0" bIns="0" rtlCol="0"/>
            <a:lstStyle/>
            <a:p>
              <a:endParaRPr sz="1539"/>
            </a:p>
          </p:txBody>
        </p:sp>
        <p:sp>
          <p:nvSpPr>
            <p:cNvPr id="135" name="object 135"/>
            <p:cNvSpPr/>
            <p:nvPr/>
          </p:nvSpPr>
          <p:spPr>
            <a:xfrm>
              <a:off x="4666487" y="4767072"/>
              <a:ext cx="91440" cy="1691639"/>
            </a:xfrm>
            <a:custGeom>
              <a:avLst/>
              <a:gdLst/>
              <a:ahLst/>
              <a:cxnLst/>
              <a:rect l="l" t="t" r="r" b="b"/>
              <a:pathLst>
                <a:path w="91439" h="1691639">
                  <a:moveTo>
                    <a:pt x="89915" y="0"/>
                  </a:moveTo>
                  <a:lnTo>
                    <a:pt x="1524" y="0"/>
                  </a:lnTo>
                  <a:lnTo>
                    <a:pt x="0" y="1524"/>
                  </a:lnTo>
                  <a:lnTo>
                    <a:pt x="0" y="1690121"/>
                  </a:lnTo>
                  <a:lnTo>
                    <a:pt x="1524" y="1691645"/>
                  </a:lnTo>
                  <a:lnTo>
                    <a:pt x="89915" y="1691645"/>
                  </a:lnTo>
                  <a:lnTo>
                    <a:pt x="91439" y="1690121"/>
                  </a:lnTo>
                  <a:lnTo>
                    <a:pt x="3048" y="1690121"/>
                  </a:lnTo>
                  <a:lnTo>
                    <a:pt x="1524" y="1688597"/>
                  </a:lnTo>
                  <a:lnTo>
                    <a:pt x="3048" y="1688597"/>
                  </a:lnTo>
                  <a:lnTo>
                    <a:pt x="3048" y="3048"/>
                  </a:lnTo>
                  <a:lnTo>
                    <a:pt x="1524" y="3048"/>
                  </a:lnTo>
                  <a:lnTo>
                    <a:pt x="3048" y="1524"/>
                  </a:lnTo>
                  <a:lnTo>
                    <a:pt x="91439" y="1524"/>
                  </a:lnTo>
                  <a:lnTo>
                    <a:pt x="89915" y="0"/>
                  </a:lnTo>
                  <a:close/>
                </a:path>
                <a:path w="91439" h="1691639">
                  <a:moveTo>
                    <a:pt x="3048" y="1688597"/>
                  </a:moveTo>
                  <a:lnTo>
                    <a:pt x="1524" y="1688597"/>
                  </a:lnTo>
                  <a:lnTo>
                    <a:pt x="3048" y="1690121"/>
                  </a:lnTo>
                  <a:lnTo>
                    <a:pt x="3048" y="1688597"/>
                  </a:lnTo>
                  <a:close/>
                </a:path>
                <a:path w="91439" h="1691639">
                  <a:moveTo>
                    <a:pt x="88391" y="1688597"/>
                  </a:moveTo>
                  <a:lnTo>
                    <a:pt x="3048" y="1688597"/>
                  </a:lnTo>
                  <a:lnTo>
                    <a:pt x="3048" y="1690121"/>
                  </a:lnTo>
                  <a:lnTo>
                    <a:pt x="88391" y="1690121"/>
                  </a:lnTo>
                  <a:lnTo>
                    <a:pt x="88391" y="1688597"/>
                  </a:lnTo>
                  <a:close/>
                </a:path>
                <a:path w="91439" h="1691639">
                  <a:moveTo>
                    <a:pt x="88391" y="1524"/>
                  </a:moveTo>
                  <a:lnTo>
                    <a:pt x="88391" y="1690121"/>
                  </a:lnTo>
                  <a:lnTo>
                    <a:pt x="89915" y="1688597"/>
                  </a:lnTo>
                  <a:lnTo>
                    <a:pt x="91439" y="1688597"/>
                  </a:lnTo>
                  <a:lnTo>
                    <a:pt x="91439" y="3048"/>
                  </a:lnTo>
                  <a:lnTo>
                    <a:pt x="89915" y="3048"/>
                  </a:lnTo>
                  <a:lnTo>
                    <a:pt x="88391" y="1524"/>
                  </a:lnTo>
                  <a:close/>
                </a:path>
                <a:path w="91439" h="1691639">
                  <a:moveTo>
                    <a:pt x="91439" y="1688597"/>
                  </a:moveTo>
                  <a:lnTo>
                    <a:pt x="89915" y="1688597"/>
                  </a:lnTo>
                  <a:lnTo>
                    <a:pt x="88391" y="1690121"/>
                  </a:lnTo>
                  <a:lnTo>
                    <a:pt x="91439" y="1690121"/>
                  </a:lnTo>
                  <a:lnTo>
                    <a:pt x="91439" y="1688597"/>
                  </a:lnTo>
                  <a:close/>
                </a:path>
                <a:path w="91439" h="1691639">
                  <a:moveTo>
                    <a:pt x="3048" y="1524"/>
                  </a:moveTo>
                  <a:lnTo>
                    <a:pt x="1524" y="3048"/>
                  </a:lnTo>
                  <a:lnTo>
                    <a:pt x="3048" y="3048"/>
                  </a:lnTo>
                  <a:lnTo>
                    <a:pt x="3048" y="1524"/>
                  </a:lnTo>
                  <a:close/>
                </a:path>
                <a:path w="91439" h="1691639">
                  <a:moveTo>
                    <a:pt x="88391" y="1524"/>
                  </a:moveTo>
                  <a:lnTo>
                    <a:pt x="3048" y="1524"/>
                  </a:lnTo>
                  <a:lnTo>
                    <a:pt x="3048" y="3048"/>
                  </a:lnTo>
                  <a:lnTo>
                    <a:pt x="88391" y="3048"/>
                  </a:lnTo>
                  <a:lnTo>
                    <a:pt x="88391" y="1524"/>
                  </a:lnTo>
                  <a:close/>
                </a:path>
                <a:path w="91439" h="169163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36" name="object 136"/>
            <p:cNvSpPr/>
            <p:nvPr/>
          </p:nvSpPr>
          <p:spPr>
            <a:xfrm>
              <a:off x="4888992" y="4799081"/>
              <a:ext cx="88900" cy="1658620"/>
            </a:xfrm>
            <a:custGeom>
              <a:avLst/>
              <a:gdLst/>
              <a:ahLst/>
              <a:cxnLst/>
              <a:rect l="l" t="t" r="r" b="b"/>
              <a:pathLst>
                <a:path w="88900" h="1658620">
                  <a:moveTo>
                    <a:pt x="88391" y="0"/>
                  </a:moveTo>
                  <a:lnTo>
                    <a:pt x="0" y="0"/>
                  </a:lnTo>
                  <a:lnTo>
                    <a:pt x="0" y="1658112"/>
                  </a:lnTo>
                  <a:lnTo>
                    <a:pt x="88391" y="1658112"/>
                  </a:lnTo>
                  <a:lnTo>
                    <a:pt x="88391" y="0"/>
                  </a:lnTo>
                  <a:close/>
                </a:path>
              </a:pathLst>
            </a:custGeom>
            <a:solidFill>
              <a:srgbClr val="8080FF"/>
            </a:solidFill>
          </p:spPr>
          <p:txBody>
            <a:bodyPr wrap="square" lIns="0" tIns="0" rIns="0" bIns="0" rtlCol="0"/>
            <a:lstStyle/>
            <a:p>
              <a:endParaRPr sz="1539"/>
            </a:p>
          </p:txBody>
        </p:sp>
        <p:sp>
          <p:nvSpPr>
            <p:cNvPr id="137" name="object 137"/>
            <p:cNvSpPr/>
            <p:nvPr/>
          </p:nvSpPr>
          <p:spPr>
            <a:xfrm>
              <a:off x="4887467" y="4797551"/>
              <a:ext cx="91440" cy="1661160"/>
            </a:xfrm>
            <a:custGeom>
              <a:avLst/>
              <a:gdLst/>
              <a:ahLst/>
              <a:cxnLst/>
              <a:rect l="l" t="t" r="r" b="b"/>
              <a:pathLst>
                <a:path w="91439" h="1661160">
                  <a:moveTo>
                    <a:pt x="89916" y="0"/>
                  </a:moveTo>
                  <a:lnTo>
                    <a:pt x="1524" y="0"/>
                  </a:lnTo>
                  <a:lnTo>
                    <a:pt x="0" y="1523"/>
                  </a:lnTo>
                  <a:lnTo>
                    <a:pt x="0" y="1659641"/>
                  </a:lnTo>
                  <a:lnTo>
                    <a:pt x="1524" y="1661165"/>
                  </a:lnTo>
                  <a:lnTo>
                    <a:pt x="89916" y="1661165"/>
                  </a:lnTo>
                  <a:lnTo>
                    <a:pt x="91440" y="1659641"/>
                  </a:lnTo>
                  <a:lnTo>
                    <a:pt x="3048" y="1659641"/>
                  </a:lnTo>
                  <a:lnTo>
                    <a:pt x="1524" y="1658117"/>
                  </a:lnTo>
                  <a:lnTo>
                    <a:pt x="3048" y="1658117"/>
                  </a:lnTo>
                  <a:lnTo>
                    <a:pt x="3048" y="3047"/>
                  </a:lnTo>
                  <a:lnTo>
                    <a:pt x="1524" y="3047"/>
                  </a:lnTo>
                  <a:lnTo>
                    <a:pt x="3048" y="1523"/>
                  </a:lnTo>
                  <a:lnTo>
                    <a:pt x="91440" y="1523"/>
                  </a:lnTo>
                  <a:lnTo>
                    <a:pt x="89916" y="0"/>
                  </a:lnTo>
                  <a:close/>
                </a:path>
                <a:path w="91439" h="1661160">
                  <a:moveTo>
                    <a:pt x="3048" y="1658117"/>
                  </a:moveTo>
                  <a:lnTo>
                    <a:pt x="1524" y="1658117"/>
                  </a:lnTo>
                  <a:lnTo>
                    <a:pt x="3048" y="1659641"/>
                  </a:lnTo>
                  <a:lnTo>
                    <a:pt x="3048" y="1658117"/>
                  </a:lnTo>
                  <a:close/>
                </a:path>
                <a:path w="91439" h="1661160">
                  <a:moveTo>
                    <a:pt x="88392" y="1658117"/>
                  </a:moveTo>
                  <a:lnTo>
                    <a:pt x="3048" y="1658117"/>
                  </a:lnTo>
                  <a:lnTo>
                    <a:pt x="3048" y="1659641"/>
                  </a:lnTo>
                  <a:lnTo>
                    <a:pt x="88392" y="1659641"/>
                  </a:lnTo>
                  <a:lnTo>
                    <a:pt x="88392" y="1658117"/>
                  </a:lnTo>
                  <a:close/>
                </a:path>
                <a:path w="91439" h="1661160">
                  <a:moveTo>
                    <a:pt x="88392" y="1523"/>
                  </a:moveTo>
                  <a:lnTo>
                    <a:pt x="88392" y="1659641"/>
                  </a:lnTo>
                  <a:lnTo>
                    <a:pt x="89916" y="1658117"/>
                  </a:lnTo>
                  <a:lnTo>
                    <a:pt x="91440" y="1658117"/>
                  </a:lnTo>
                  <a:lnTo>
                    <a:pt x="91440" y="3047"/>
                  </a:lnTo>
                  <a:lnTo>
                    <a:pt x="89916" y="3047"/>
                  </a:lnTo>
                  <a:lnTo>
                    <a:pt x="88392" y="1523"/>
                  </a:lnTo>
                  <a:close/>
                </a:path>
                <a:path w="91439" h="1661160">
                  <a:moveTo>
                    <a:pt x="91440" y="1658117"/>
                  </a:moveTo>
                  <a:lnTo>
                    <a:pt x="89916" y="1658117"/>
                  </a:lnTo>
                  <a:lnTo>
                    <a:pt x="88392" y="1659641"/>
                  </a:lnTo>
                  <a:lnTo>
                    <a:pt x="91440" y="1659641"/>
                  </a:lnTo>
                  <a:lnTo>
                    <a:pt x="91440" y="1658117"/>
                  </a:lnTo>
                  <a:close/>
                </a:path>
                <a:path w="91439" h="1661160">
                  <a:moveTo>
                    <a:pt x="3048" y="1523"/>
                  </a:moveTo>
                  <a:lnTo>
                    <a:pt x="1524" y="3047"/>
                  </a:lnTo>
                  <a:lnTo>
                    <a:pt x="3048" y="3047"/>
                  </a:lnTo>
                  <a:lnTo>
                    <a:pt x="3048" y="1523"/>
                  </a:lnTo>
                  <a:close/>
                </a:path>
                <a:path w="91439" h="1661160">
                  <a:moveTo>
                    <a:pt x="88392" y="1523"/>
                  </a:moveTo>
                  <a:lnTo>
                    <a:pt x="3048" y="1523"/>
                  </a:lnTo>
                  <a:lnTo>
                    <a:pt x="3048" y="3047"/>
                  </a:lnTo>
                  <a:lnTo>
                    <a:pt x="88392" y="3047"/>
                  </a:lnTo>
                  <a:lnTo>
                    <a:pt x="88392" y="1523"/>
                  </a:lnTo>
                  <a:close/>
                </a:path>
                <a:path w="91439" h="1661160">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38" name="object 138"/>
            <p:cNvSpPr/>
            <p:nvPr/>
          </p:nvSpPr>
          <p:spPr>
            <a:xfrm>
              <a:off x="5109972" y="4875281"/>
              <a:ext cx="88900" cy="1582420"/>
            </a:xfrm>
            <a:custGeom>
              <a:avLst/>
              <a:gdLst/>
              <a:ahLst/>
              <a:cxnLst/>
              <a:rect l="l" t="t" r="r" b="b"/>
              <a:pathLst>
                <a:path w="88900" h="1582420">
                  <a:moveTo>
                    <a:pt x="88391" y="0"/>
                  </a:moveTo>
                  <a:lnTo>
                    <a:pt x="0" y="0"/>
                  </a:lnTo>
                  <a:lnTo>
                    <a:pt x="0" y="1581912"/>
                  </a:lnTo>
                  <a:lnTo>
                    <a:pt x="88391" y="1581912"/>
                  </a:lnTo>
                  <a:lnTo>
                    <a:pt x="88391" y="0"/>
                  </a:lnTo>
                  <a:close/>
                </a:path>
              </a:pathLst>
            </a:custGeom>
            <a:solidFill>
              <a:srgbClr val="8080FF"/>
            </a:solidFill>
          </p:spPr>
          <p:txBody>
            <a:bodyPr wrap="square" lIns="0" tIns="0" rIns="0" bIns="0" rtlCol="0"/>
            <a:lstStyle/>
            <a:p>
              <a:endParaRPr sz="1539"/>
            </a:p>
          </p:txBody>
        </p:sp>
        <p:sp>
          <p:nvSpPr>
            <p:cNvPr id="139" name="object 139"/>
            <p:cNvSpPr/>
            <p:nvPr/>
          </p:nvSpPr>
          <p:spPr>
            <a:xfrm>
              <a:off x="5108448" y="4873751"/>
              <a:ext cx="91440" cy="1584960"/>
            </a:xfrm>
            <a:custGeom>
              <a:avLst/>
              <a:gdLst/>
              <a:ahLst/>
              <a:cxnLst/>
              <a:rect l="l" t="t" r="r" b="b"/>
              <a:pathLst>
                <a:path w="91439" h="1584960">
                  <a:moveTo>
                    <a:pt x="89915" y="0"/>
                  </a:moveTo>
                  <a:lnTo>
                    <a:pt x="1524" y="0"/>
                  </a:lnTo>
                  <a:lnTo>
                    <a:pt x="0" y="1523"/>
                  </a:lnTo>
                  <a:lnTo>
                    <a:pt x="0" y="1583441"/>
                  </a:lnTo>
                  <a:lnTo>
                    <a:pt x="1524" y="1584965"/>
                  </a:lnTo>
                  <a:lnTo>
                    <a:pt x="89915" y="1584965"/>
                  </a:lnTo>
                  <a:lnTo>
                    <a:pt x="91439" y="1583441"/>
                  </a:lnTo>
                  <a:lnTo>
                    <a:pt x="3048" y="1583441"/>
                  </a:lnTo>
                  <a:lnTo>
                    <a:pt x="1524" y="1581917"/>
                  </a:lnTo>
                  <a:lnTo>
                    <a:pt x="3048" y="1581917"/>
                  </a:lnTo>
                  <a:lnTo>
                    <a:pt x="3048" y="3047"/>
                  </a:lnTo>
                  <a:lnTo>
                    <a:pt x="1524" y="3047"/>
                  </a:lnTo>
                  <a:lnTo>
                    <a:pt x="3048" y="1523"/>
                  </a:lnTo>
                  <a:lnTo>
                    <a:pt x="91439" y="1523"/>
                  </a:lnTo>
                  <a:lnTo>
                    <a:pt x="89915" y="0"/>
                  </a:lnTo>
                  <a:close/>
                </a:path>
                <a:path w="91439" h="1584960">
                  <a:moveTo>
                    <a:pt x="3048" y="1581917"/>
                  </a:moveTo>
                  <a:lnTo>
                    <a:pt x="1524" y="1581917"/>
                  </a:lnTo>
                  <a:lnTo>
                    <a:pt x="3048" y="1583441"/>
                  </a:lnTo>
                  <a:lnTo>
                    <a:pt x="3048" y="1581917"/>
                  </a:lnTo>
                  <a:close/>
                </a:path>
                <a:path w="91439" h="1584960">
                  <a:moveTo>
                    <a:pt x="88391" y="1581917"/>
                  </a:moveTo>
                  <a:lnTo>
                    <a:pt x="3048" y="1581917"/>
                  </a:lnTo>
                  <a:lnTo>
                    <a:pt x="3048" y="1583441"/>
                  </a:lnTo>
                  <a:lnTo>
                    <a:pt x="88391" y="1583441"/>
                  </a:lnTo>
                  <a:lnTo>
                    <a:pt x="88391" y="1581917"/>
                  </a:lnTo>
                  <a:close/>
                </a:path>
                <a:path w="91439" h="1584960">
                  <a:moveTo>
                    <a:pt x="88391" y="1523"/>
                  </a:moveTo>
                  <a:lnTo>
                    <a:pt x="88391" y="1583441"/>
                  </a:lnTo>
                  <a:lnTo>
                    <a:pt x="89915" y="1581917"/>
                  </a:lnTo>
                  <a:lnTo>
                    <a:pt x="91439" y="1581917"/>
                  </a:lnTo>
                  <a:lnTo>
                    <a:pt x="91439" y="3047"/>
                  </a:lnTo>
                  <a:lnTo>
                    <a:pt x="89915" y="3047"/>
                  </a:lnTo>
                  <a:lnTo>
                    <a:pt x="88391" y="1523"/>
                  </a:lnTo>
                  <a:close/>
                </a:path>
                <a:path w="91439" h="1584960">
                  <a:moveTo>
                    <a:pt x="91439" y="1581917"/>
                  </a:moveTo>
                  <a:lnTo>
                    <a:pt x="89915" y="1581917"/>
                  </a:lnTo>
                  <a:lnTo>
                    <a:pt x="88391" y="1583441"/>
                  </a:lnTo>
                  <a:lnTo>
                    <a:pt x="91439" y="1583441"/>
                  </a:lnTo>
                  <a:lnTo>
                    <a:pt x="91439" y="1581917"/>
                  </a:lnTo>
                  <a:close/>
                </a:path>
                <a:path w="91439" h="1584960">
                  <a:moveTo>
                    <a:pt x="3048" y="1523"/>
                  </a:moveTo>
                  <a:lnTo>
                    <a:pt x="1524" y="3047"/>
                  </a:lnTo>
                  <a:lnTo>
                    <a:pt x="3048" y="3047"/>
                  </a:lnTo>
                  <a:lnTo>
                    <a:pt x="3048" y="1523"/>
                  </a:lnTo>
                  <a:close/>
                </a:path>
                <a:path w="91439" h="1584960">
                  <a:moveTo>
                    <a:pt x="88391" y="1523"/>
                  </a:moveTo>
                  <a:lnTo>
                    <a:pt x="3048" y="1523"/>
                  </a:lnTo>
                  <a:lnTo>
                    <a:pt x="3048" y="3047"/>
                  </a:lnTo>
                  <a:lnTo>
                    <a:pt x="88391" y="3047"/>
                  </a:lnTo>
                  <a:lnTo>
                    <a:pt x="88391" y="1523"/>
                  </a:lnTo>
                  <a:close/>
                </a:path>
                <a:path w="91439" h="1584960">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40" name="object 140"/>
            <p:cNvSpPr/>
            <p:nvPr/>
          </p:nvSpPr>
          <p:spPr>
            <a:xfrm>
              <a:off x="5330952" y="4826513"/>
              <a:ext cx="88900" cy="1630680"/>
            </a:xfrm>
            <a:custGeom>
              <a:avLst/>
              <a:gdLst/>
              <a:ahLst/>
              <a:cxnLst/>
              <a:rect l="l" t="t" r="r" b="b"/>
              <a:pathLst>
                <a:path w="88900" h="1630679">
                  <a:moveTo>
                    <a:pt x="88391" y="0"/>
                  </a:moveTo>
                  <a:lnTo>
                    <a:pt x="0" y="0"/>
                  </a:lnTo>
                  <a:lnTo>
                    <a:pt x="0" y="1630679"/>
                  </a:lnTo>
                  <a:lnTo>
                    <a:pt x="88391" y="1630679"/>
                  </a:lnTo>
                  <a:lnTo>
                    <a:pt x="88391" y="0"/>
                  </a:lnTo>
                  <a:close/>
                </a:path>
              </a:pathLst>
            </a:custGeom>
            <a:solidFill>
              <a:srgbClr val="8080FF"/>
            </a:solidFill>
          </p:spPr>
          <p:txBody>
            <a:bodyPr wrap="square" lIns="0" tIns="0" rIns="0" bIns="0" rtlCol="0"/>
            <a:lstStyle/>
            <a:p>
              <a:endParaRPr sz="1539"/>
            </a:p>
          </p:txBody>
        </p:sp>
        <p:sp>
          <p:nvSpPr>
            <p:cNvPr id="141" name="object 141"/>
            <p:cNvSpPr/>
            <p:nvPr/>
          </p:nvSpPr>
          <p:spPr>
            <a:xfrm>
              <a:off x="5329428" y="4824983"/>
              <a:ext cx="91440" cy="1633855"/>
            </a:xfrm>
            <a:custGeom>
              <a:avLst/>
              <a:gdLst/>
              <a:ahLst/>
              <a:cxnLst/>
              <a:rect l="l" t="t" r="r" b="b"/>
              <a:pathLst>
                <a:path w="91439" h="1633854">
                  <a:moveTo>
                    <a:pt x="89916" y="0"/>
                  </a:moveTo>
                  <a:lnTo>
                    <a:pt x="1524" y="0"/>
                  </a:lnTo>
                  <a:lnTo>
                    <a:pt x="0" y="1524"/>
                  </a:lnTo>
                  <a:lnTo>
                    <a:pt x="0" y="1632209"/>
                  </a:lnTo>
                  <a:lnTo>
                    <a:pt x="1524" y="1633733"/>
                  </a:lnTo>
                  <a:lnTo>
                    <a:pt x="89916" y="1633733"/>
                  </a:lnTo>
                  <a:lnTo>
                    <a:pt x="91439" y="1632209"/>
                  </a:lnTo>
                  <a:lnTo>
                    <a:pt x="3048" y="1632209"/>
                  </a:lnTo>
                  <a:lnTo>
                    <a:pt x="1524" y="1630685"/>
                  </a:lnTo>
                  <a:lnTo>
                    <a:pt x="3048" y="1630685"/>
                  </a:lnTo>
                  <a:lnTo>
                    <a:pt x="3048" y="3047"/>
                  </a:lnTo>
                  <a:lnTo>
                    <a:pt x="1524" y="3047"/>
                  </a:lnTo>
                  <a:lnTo>
                    <a:pt x="3048" y="1524"/>
                  </a:lnTo>
                  <a:lnTo>
                    <a:pt x="91439" y="1524"/>
                  </a:lnTo>
                  <a:lnTo>
                    <a:pt x="89916" y="0"/>
                  </a:lnTo>
                  <a:close/>
                </a:path>
                <a:path w="91439" h="1633854">
                  <a:moveTo>
                    <a:pt x="3048" y="1630685"/>
                  </a:moveTo>
                  <a:lnTo>
                    <a:pt x="1524" y="1630685"/>
                  </a:lnTo>
                  <a:lnTo>
                    <a:pt x="3048" y="1632209"/>
                  </a:lnTo>
                  <a:lnTo>
                    <a:pt x="3048" y="1630685"/>
                  </a:lnTo>
                  <a:close/>
                </a:path>
                <a:path w="91439" h="1633854">
                  <a:moveTo>
                    <a:pt x="88392" y="1630685"/>
                  </a:moveTo>
                  <a:lnTo>
                    <a:pt x="3048" y="1630685"/>
                  </a:lnTo>
                  <a:lnTo>
                    <a:pt x="3048" y="1632209"/>
                  </a:lnTo>
                  <a:lnTo>
                    <a:pt x="88392" y="1632209"/>
                  </a:lnTo>
                  <a:lnTo>
                    <a:pt x="88392" y="1630685"/>
                  </a:lnTo>
                  <a:close/>
                </a:path>
                <a:path w="91439" h="1633854">
                  <a:moveTo>
                    <a:pt x="88392" y="1524"/>
                  </a:moveTo>
                  <a:lnTo>
                    <a:pt x="88392" y="1632209"/>
                  </a:lnTo>
                  <a:lnTo>
                    <a:pt x="89916" y="1630685"/>
                  </a:lnTo>
                  <a:lnTo>
                    <a:pt x="91439" y="1630685"/>
                  </a:lnTo>
                  <a:lnTo>
                    <a:pt x="91439" y="3047"/>
                  </a:lnTo>
                  <a:lnTo>
                    <a:pt x="89916" y="3047"/>
                  </a:lnTo>
                  <a:lnTo>
                    <a:pt x="88392" y="1524"/>
                  </a:lnTo>
                  <a:close/>
                </a:path>
                <a:path w="91439" h="1633854">
                  <a:moveTo>
                    <a:pt x="91439" y="1630685"/>
                  </a:moveTo>
                  <a:lnTo>
                    <a:pt x="89916" y="1630685"/>
                  </a:lnTo>
                  <a:lnTo>
                    <a:pt x="88392" y="1632209"/>
                  </a:lnTo>
                  <a:lnTo>
                    <a:pt x="91439" y="1632209"/>
                  </a:lnTo>
                  <a:lnTo>
                    <a:pt x="91439" y="1630685"/>
                  </a:lnTo>
                  <a:close/>
                </a:path>
                <a:path w="91439" h="1633854">
                  <a:moveTo>
                    <a:pt x="3048" y="1524"/>
                  </a:moveTo>
                  <a:lnTo>
                    <a:pt x="1524" y="3047"/>
                  </a:lnTo>
                  <a:lnTo>
                    <a:pt x="3048" y="3047"/>
                  </a:lnTo>
                  <a:lnTo>
                    <a:pt x="3048" y="1524"/>
                  </a:lnTo>
                  <a:close/>
                </a:path>
                <a:path w="91439" h="1633854">
                  <a:moveTo>
                    <a:pt x="88392" y="1524"/>
                  </a:moveTo>
                  <a:lnTo>
                    <a:pt x="3048" y="1524"/>
                  </a:lnTo>
                  <a:lnTo>
                    <a:pt x="3048" y="3047"/>
                  </a:lnTo>
                  <a:lnTo>
                    <a:pt x="88392" y="3047"/>
                  </a:lnTo>
                  <a:lnTo>
                    <a:pt x="88392" y="1524"/>
                  </a:lnTo>
                  <a:close/>
                </a:path>
                <a:path w="91439" h="1633854">
                  <a:moveTo>
                    <a:pt x="91439" y="1524"/>
                  </a:moveTo>
                  <a:lnTo>
                    <a:pt x="88392" y="1524"/>
                  </a:lnTo>
                  <a:lnTo>
                    <a:pt x="89916" y="3047"/>
                  </a:lnTo>
                  <a:lnTo>
                    <a:pt x="91439" y="3047"/>
                  </a:lnTo>
                  <a:lnTo>
                    <a:pt x="91439" y="1524"/>
                  </a:lnTo>
                  <a:close/>
                </a:path>
              </a:pathLst>
            </a:custGeom>
            <a:solidFill>
              <a:srgbClr val="000000"/>
            </a:solidFill>
          </p:spPr>
          <p:txBody>
            <a:bodyPr wrap="square" lIns="0" tIns="0" rIns="0" bIns="0" rtlCol="0"/>
            <a:lstStyle/>
            <a:p>
              <a:endParaRPr sz="1539"/>
            </a:p>
          </p:txBody>
        </p:sp>
        <p:sp>
          <p:nvSpPr>
            <p:cNvPr id="142" name="object 142"/>
            <p:cNvSpPr/>
            <p:nvPr/>
          </p:nvSpPr>
          <p:spPr>
            <a:xfrm>
              <a:off x="5550408" y="4925573"/>
              <a:ext cx="88900" cy="1531620"/>
            </a:xfrm>
            <a:custGeom>
              <a:avLst/>
              <a:gdLst/>
              <a:ahLst/>
              <a:cxnLst/>
              <a:rect l="l" t="t" r="r" b="b"/>
              <a:pathLst>
                <a:path w="88900" h="1531620">
                  <a:moveTo>
                    <a:pt x="88391" y="0"/>
                  </a:moveTo>
                  <a:lnTo>
                    <a:pt x="0" y="0"/>
                  </a:lnTo>
                  <a:lnTo>
                    <a:pt x="0" y="1531620"/>
                  </a:lnTo>
                  <a:lnTo>
                    <a:pt x="88391" y="1531620"/>
                  </a:lnTo>
                  <a:lnTo>
                    <a:pt x="88391" y="0"/>
                  </a:lnTo>
                  <a:close/>
                </a:path>
              </a:pathLst>
            </a:custGeom>
            <a:solidFill>
              <a:srgbClr val="8080FF"/>
            </a:solidFill>
          </p:spPr>
          <p:txBody>
            <a:bodyPr wrap="square" lIns="0" tIns="0" rIns="0" bIns="0" rtlCol="0"/>
            <a:lstStyle/>
            <a:p>
              <a:endParaRPr sz="1539"/>
            </a:p>
          </p:txBody>
        </p:sp>
        <p:sp>
          <p:nvSpPr>
            <p:cNvPr id="143" name="object 143"/>
            <p:cNvSpPr/>
            <p:nvPr/>
          </p:nvSpPr>
          <p:spPr>
            <a:xfrm>
              <a:off x="5548884" y="4924044"/>
              <a:ext cx="91440" cy="1534795"/>
            </a:xfrm>
            <a:custGeom>
              <a:avLst/>
              <a:gdLst/>
              <a:ahLst/>
              <a:cxnLst/>
              <a:rect l="l" t="t" r="r" b="b"/>
              <a:pathLst>
                <a:path w="91439" h="1534795">
                  <a:moveTo>
                    <a:pt x="89915" y="0"/>
                  </a:moveTo>
                  <a:lnTo>
                    <a:pt x="1524" y="0"/>
                  </a:lnTo>
                  <a:lnTo>
                    <a:pt x="0" y="1524"/>
                  </a:lnTo>
                  <a:lnTo>
                    <a:pt x="0" y="1533149"/>
                  </a:lnTo>
                  <a:lnTo>
                    <a:pt x="1524" y="1534673"/>
                  </a:lnTo>
                  <a:lnTo>
                    <a:pt x="89915" y="1534673"/>
                  </a:lnTo>
                  <a:lnTo>
                    <a:pt x="91439" y="1533149"/>
                  </a:lnTo>
                  <a:lnTo>
                    <a:pt x="3048" y="1533149"/>
                  </a:lnTo>
                  <a:lnTo>
                    <a:pt x="1524" y="1531625"/>
                  </a:lnTo>
                  <a:lnTo>
                    <a:pt x="3048" y="1531625"/>
                  </a:lnTo>
                  <a:lnTo>
                    <a:pt x="3048" y="3048"/>
                  </a:lnTo>
                  <a:lnTo>
                    <a:pt x="1523" y="3048"/>
                  </a:lnTo>
                  <a:lnTo>
                    <a:pt x="3048" y="1524"/>
                  </a:lnTo>
                  <a:lnTo>
                    <a:pt x="91439" y="1524"/>
                  </a:lnTo>
                  <a:lnTo>
                    <a:pt x="89915" y="0"/>
                  </a:lnTo>
                  <a:close/>
                </a:path>
                <a:path w="91439" h="1534795">
                  <a:moveTo>
                    <a:pt x="3048" y="1531625"/>
                  </a:moveTo>
                  <a:lnTo>
                    <a:pt x="1524" y="1531625"/>
                  </a:lnTo>
                  <a:lnTo>
                    <a:pt x="3048" y="1533149"/>
                  </a:lnTo>
                  <a:lnTo>
                    <a:pt x="3048" y="1531625"/>
                  </a:lnTo>
                  <a:close/>
                </a:path>
                <a:path w="91439" h="1534795">
                  <a:moveTo>
                    <a:pt x="88391" y="1531625"/>
                  </a:moveTo>
                  <a:lnTo>
                    <a:pt x="3048" y="1531625"/>
                  </a:lnTo>
                  <a:lnTo>
                    <a:pt x="3048" y="1533149"/>
                  </a:lnTo>
                  <a:lnTo>
                    <a:pt x="88391" y="1533149"/>
                  </a:lnTo>
                  <a:lnTo>
                    <a:pt x="88391" y="1531625"/>
                  </a:lnTo>
                  <a:close/>
                </a:path>
                <a:path w="91439" h="1534795">
                  <a:moveTo>
                    <a:pt x="88391" y="1524"/>
                  </a:moveTo>
                  <a:lnTo>
                    <a:pt x="88391" y="1533149"/>
                  </a:lnTo>
                  <a:lnTo>
                    <a:pt x="89915" y="1531625"/>
                  </a:lnTo>
                  <a:lnTo>
                    <a:pt x="91439" y="1531625"/>
                  </a:lnTo>
                  <a:lnTo>
                    <a:pt x="91439" y="3048"/>
                  </a:lnTo>
                  <a:lnTo>
                    <a:pt x="89916" y="3048"/>
                  </a:lnTo>
                  <a:lnTo>
                    <a:pt x="88391" y="1524"/>
                  </a:lnTo>
                  <a:close/>
                </a:path>
                <a:path w="91439" h="1534795">
                  <a:moveTo>
                    <a:pt x="91439" y="1531625"/>
                  </a:moveTo>
                  <a:lnTo>
                    <a:pt x="89915" y="1531625"/>
                  </a:lnTo>
                  <a:lnTo>
                    <a:pt x="88391" y="1533149"/>
                  </a:lnTo>
                  <a:lnTo>
                    <a:pt x="91439" y="1533149"/>
                  </a:lnTo>
                  <a:lnTo>
                    <a:pt x="91439" y="1531625"/>
                  </a:lnTo>
                  <a:close/>
                </a:path>
                <a:path w="91439" h="1534795">
                  <a:moveTo>
                    <a:pt x="3048" y="1524"/>
                  </a:moveTo>
                  <a:lnTo>
                    <a:pt x="1523" y="3048"/>
                  </a:lnTo>
                  <a:lnTo>
                    <a:pt x="3048" y="3048"/>
                  </a:lnTo>
                  <a:lnTo>
                    <a:pt x="3048" y="1524"/>
                  </a:lnTo>
                  <a:close/>
                </a:path>
                <a:path w="91439" h="1534795">
                  <a:moveTo>
                    <a:pt x="88391" y="1524"/>
                  </a:moveTo>
                  <a:lnTo>
                    <a:pt x="3048" y="1524"/>
                  </a:lnTo>
                  <a:lnTo>
                    <a:pt x="3048" y="3048"/>
                  </a:lnTo>
                  <a:lnTo>
                    <a:pt x="88391" y="3048"/>
                  </a:lnTo>
                  <a:lnTo>
                    <a:pt x="88391" y="1524"/>
                  </a:lnTo>
                  <a:close/>
                </a:path>
                <a:path w="91439" h="1534795">
                  <a:moveTo>
                    <a:pt x="91439" y="1524"/>
                  </a:moveTo>
                  <a:lnTo>
                    <a:pt x="88391" y="1524"/>
                  </a:lnTo>
                  <a:lnTo>
                    <a:pt x="89916" y="3048"/>
                  </a:lnTo>
                  <a:lnTo>
                    <a:pt x="91439" y="3048"/>
                  </a:lnTo>
                  <a:lnTo>
                    <a:pt x="91439" y="1524"/>
                  </a:lnTo>
                  <a:close/>
                </a:path>
              </a:pathLst>
            </a:custGeom>
            <a:solidFill>
              <a:srgbClr val="000000"/>
            </a:solidFill>
          </p:spPr>
          <p:txBody>
            <a:bodyPr wrap="square" lIns="0" tIns="0" rIns="0" bIns="0" rtlCol="0"/>
            <a:lstStyle/>
            <a:p>
              <a:endParaRPr sz="1539"/>
            </a:p>
          </p:txBody>
        </p:sp>
        <p:sp>
          <p:nvSpPr>
            <p:cNvPr id="144" name="object 144"/>
            <p:cNvSpPr/>
            <p:nvPr/>
          </p:nvSpPr>
          <p:spPr>
            <a:xfrm>
              <a:off x="5771387" y="5020061"/>
              <a:ext cx="88900" cy="1437640"/>
            </a:xfrm>
            <a:custGeom>
              <a:avLst/>
              <a:gdLst/>
              <a:ahLst/>
              <a:cxnLst/>
              <a:rect l="l" t="t" r="r" b="b"/>
              <a:pathLst>
                <a:path w="88900" h="1437639">
                  <a:moveTo>
                    <a:pt x="88391" y="0"/>
                  </a:moveTo>
                  <a:lnTo>
                    <a:pt x="0" y="0"/>
                  </a:lnTo>
                  <a:lnTo>
                    <a:pt x="0" y="1437131"/>
                  </a:lnTo>
                  <a:lnTo>
                    <a:pt x="88391" y="1437131"/>
                  </a:lnTo>
                  <a:lnTo>
                    <a:pt x="88391" y="0"/>
                  </a:lnTo>
                  <a:close/>
                </a:path>
              </a:pathLst>
            </a:custGeom>
            <a:solidFill>
              <a:srgbClr val="8080FF"/>
            </a:solidFill>
          </p:spPr>
          <p:txBody>
            <a:bodyPr wrap="square" lIns="0" tIns="0" rIns="0" bIns="0" rtlCol="0"/>
            <a:lstStyle/>
            <a:p>
              <a:endParaRPr sz="1539"/>
            </a:p>
          </p:txBody>
        </p:sp>
        <p:sp>
          <p:nvSpPr>
            <p:cNvPr id="145" name="object 145"/>
            <p:cNvSpPr/>
            <p:nvPr/>
          </p:nvSpPr>
          <p:spPr>
            <a:xfrm>
              <a:off x="5769864" y="5018532"/>
              <a:ext cx="91440" cy="1440180"/>
            </a:xfrm>
            <a:custGeom>
              <a:avLst/>
              <a:gdLst/>
              <a:ahLst/>
              <a:cxnLst/>
              <a:rect l="l" t="t" r="r" b="b"/>
              <a:pathLst>
                <a:path w="91439" h="1440179">
                  <a:moveTo>
                    <a:pt x="89915" y="0"/>
                  </a:moveTo>
                  <a:lnTo>
                    <a:pt x="1524" y="0"/>
                  </a:lnTo>
                  <a:lnTo>
                    <a:pt x="0" y="1523"/>
                  </a:lnTo>
                  <a:lnTo>
                    <a:pt x="0" y="1438661"/>
                  </a:lnTo>
                  <a:lnTo>
                    <a:pt x="1524" y="1440185"/>
                  </a:lnTo>
                  <a:lnTo>
                    <a:pt x="89915" y="1440185"/>
                  </a:lnTo>
                  <a:lnTo>
                    <a:pt x="91439" y="1438661"/>
                  </a:lnTo>
                  <a:lnTo>
                    <a:pt x="3048" y="1438661"/>
                  </a:lnTo>
                  <a:lnTo>
                    <a:pt x="1524" y="1437137"/>
                  </a:lnTo>
                  <a:lnTo>
                    <a:pt x="3048" y="1437137"/>
                  </a:lnTo>
                  <a:lnTo>
                    <a:pt x="3048" y="3048"/>
                  </a:lnTo>
                  <a:lnTo>
                    <a:pt x="1523" y="3048"/>
                  </a:lnTo>
                  <a:lnTo>
                    <a:pt x="3048" y="1523"/>
                  </a:lnTo>
                  <a:lnTo>
                    <a:pt x="91439" y="1523"/>
                  </a:lnTo>
                  <a:lnTo>
                    <a:pt x="89915" y="0"/>
                  </a:lnTo>
                  <a:close/>
                </a:path>
                <a:path w="91439" h="1440179">
                  <a:moveTo>
                    <a:pt x="3048" y="1437137"/>
                  </a:moveTo>
                  <a:lnTo>
                    <a:pt x="1524" y="1437137"/>
                  </a:lnTo>
                  <a:lnTo>
                    <a:pt x="3048" y="1438661"/>
                  </a:lnTo>
                  <a:lnTo>
                    <a:pt x="3048" y="1437137"/>
                  </a:lnTo>
                  <a:close/>
                </a:path>
                <a:path w="91439" h="1440179">
                  <a:moveTo>
                    <a:pt x="88391" y="1437137"/>
                  </a:moveTo>
                  <a:lnTo>
                    <a:pt x="3048" y="1437137"/>
                  </a:lnTo>
                  <a:lnTo>
                    <a:pt x="3048" y="1438661"/>
                  </a:lnTo>
                  <a:lnTo>
                    <a:pt x="88391" y="1438661"/>
                  </a:lnTo>
                  <a:lnTo>
                    <a:pt x="88391" y="1437137"/>
                  </a:lnTo>
                  <a:close/>
                </a:path>
                <a:path w="91439" h="1440179">
                  <a:moveTo>
                    <a:pt x="88391" y="1523"/>
                  </a:moveTo>
                  <a:lnTo>
                    <a:pt x="88391" y="1438661"/>
                  </a:lnTo>
                  <a:lnTo>
                    <a:pt x="89915" y="1437137"/>
                  </a:lnTo>
                  <a:lnTo>
                    <a:pt x="91439" y="1437137"/>
                  </a:lnTo>
                  <a:lnTo>
                    <a:pt x="91439" y="3048"/>
                  </a:lnTo>
                  <a:lnTo>
                    <a:pt x="89916" y="3048"/>
                  </a:lnTo>
                  <a:lnTo>
                    <a:pt x="88391" y="1523"/>
                  </a:lnTo>
                  <a:close/>
                </a:path>
                <a:path w="91439" h="1440179">
                  <a:moveTo>
                    <a:pt x="91439" y="1437137"/>
                  </a:moveTo>
                  <a:lnTo>
                    <a:pt x="89915" y="1437137"/>
                  </a:lnTo>
                  <a:lnTo>
                    <a:pt x="88391" y="1438661"/>
                  </a:lnTo>
                  <a:lnTo>
                    <a:pt x="91439" y="1438661"/>
                  </a:lnTo>
                  <a:lnTo>
                    <a:pt x="91439" y="1437137"/>
                  </a:lnTo>
                  <a:close/>
                </a:path>
                <a:path w="91439" h="1440179">
                  <a:moveTo>
                    <a:pt x="3048" y="1523"/>
                  </a:moveTo>
                  <a:lnTo>
                    <a:pt x="1523" y="3048"/>
                  </a:lnTo>
                  <a:lnTo>
                    <a:pt x="3048" y="3048"/>
                  </a:lnTo>
                  <a:lnTo>
                    <a:pt x="3048" y="1523"/>
                  </a:lnTo>
                  <a:close/>
                </a:path>
                <a:path w="91439" h="1440179">
                  <a:moveTo>
                    <a:pt x="88391" y="1523"/>
                  </a:moveTo>
                  <a:lnTo>
                    <a:pt x="3048" y="1523"/>
                  </a:lnTo>
                  <a:lnTo>
                    <a:pt x="3048" y="3048"/>
                  </a:lnTo>
                  <a:lnTo>
                    <a:pt x="88391" y="3048"/>
                  </a:lnTo>
                  <a:lnTo>
                    <a:pt x="88391" y="1523"/>
                  </a:lnTo>
                  <a:close/>
                </a:path>
                <a:path w="91439" h="1440179">
                  <a:moveTo>
                    <a:pt x="91439" y="1523"/>
                  </a:moveTo>
                  <a:lnTo>
                    <a:pt x="88391" y="1523"/>
                  </a:lnTo>
                  <a:lnTo>
                    <a:pt x="89916" y="3048"/>
                  </a:lnTo>
                  <a:lnTo>
                    <a:pt x="91439" y="3048"/>
                  </a:lnTo>
                  <a:lnTo>
                    <a:pt x="91439" y="1523"/>
                  </a:lnTo>
                  <a:close/>
                </a:path>
              </a:pathLst>
            </a:custGeom>
            <a:solidFill>
              <a:srgbClr val="000000"/>
            </a:solidFill>
          </p:spPr>
          <p:txBody>
            <a:bodyPr wrap="square" lIns="0" tIns="0" rIns="0" bIns="0" rtlCol="0"/>
            <a:lstStyle/>
            <a:p>
              <a:endParaRPr sz="1539"/>
            </a:p>
          </p:txBody>
        </p:sp>
        <p:sp>
          <p:nvSpPr>
            <p:cNvPr id="146" name="object 146"/>
            <p:cNvSpPr/>
            <p:nvPr/>
          </p:nvSpPr>
          <p:spPr>
            <a:xfrm>
              <a:off x="5992367" y="5103881"/>
              <a:ext cx="88900" cy="1353820"/>
            </a:xfrm>
            <a:custGeom>
              <a:avLst/>
              <a:gdLst/>
              <a:ahLst/>
              <a:cxnLst/>
              <a:rect l="l" t="t" r="r" b="b"/>
              <a:pathLst>
                <a:path w="88900" h="1353820">
                  <a:moveTo>
                    <a:pt x="88391" y="0"/>
                  </a:moveTo>
                  <a:lnTo>
                    <a:pt x="0" y="0"/>
                  </a:lnTo>
                  <a:lnTo>
                    <a:pt x="0" y="1353312"/>
                  </a:lnTo>
                  <a:lnTo>
                    <a:pt x="88391" y="1353312"/>
                  </a:lnTo>
                  <a:lnTo>
                    <a:pt x="88391" y="0"/>
                  </a:lnTo>
                  <a:close/>
                </a:path>
              </a:pathLst>
            </a:custGeom>
            <a:solidFill>
              <a:srgbClr val="8080FF"/>
            </a:solidFill>
          </p:spPr>
          <p:txBody>
            <a:bodyPr wrap="square" lIns="0" tIns="0" rIns="0" bIns="0" rtlCol="0"/>
            <a:lstStyle/>
            <a:p>
              <a:endParaRPr sz="1539"/>
            </a:p>
          </p:txBody>
        </p:sp>
        <p:sp>
          <p:nvSpPr>
            <p:cNvPr id="147" name="object 147"/>
            <p:cNvSpPr/>
            <p:nvPr/>
          </p:nvSpPr>
          <p:spPr>
            <a:xfrm>
              <a:off x="5990843" y="5102351"/>
              <a:ext cx="91440" cy="1356360"/>
            </a:xfrm>
            <a:custGeom>
              <a:avLst/>
              <a:gdLst/>
              <a:ahLst/>
              <a:cxnLst/>
              <a:rect l="l" t="t" r="r" b="b"/>
              <a:pathLst>
                <a:path w="91439" h="1356360">
                  <a:moveTo>
                    <a:pt x="89915" y="0"/>
                  </a:moveTo>
                  <a:lnTo>
                    <a:pt x="1523" y="0"/>
                  </a:lnTo>
                  <a:lnTo>
                    <a:pt x="0" y="1523"/>
                  </a:lnTo>
                  <a:lnTo>
                    <a:pt x="0" y="1354841"/>
                  </a:lnTo>
                  <a:lnTo>
                    <a:pt x="1523" y="1356365"/>
                  </a:lnTo>
                  <a:lnTo>
                    <a:pt x="89915" y="1356365"/>
                  </a:lnTo>
                  <a:lnTo>
                    <a:pt x="91439" y="1354841"/>
                  </a:lnTo>
                  <a:lnTo>
                    <a:pt x="3047" y="1354841"/>
                  </a:lnTo>
                  <a:lnTo>
                    <a:pt x="1523" y="1353317"/>
                  </a:lnTo>
                  <a:lnTo>
                    <a:pt x="3047" y="1353317"/>
                  </a:lnTo>
                  <a:lnTo>
                    <a:pt x="3047" y="3047"/>
                  </a:lnTo>
                  <a:lnTo>
                    <a:pt x="1523" y="3047"/>
                  </a:lnTo>
                  <a:lnTo>
                    <a:pt x="3047" y="1523"/>
                  </a:lnTo>
                  <a:lnTo>
                    <a:pt x="91439" y="1523"/>
                  </a:lnTo>
                  <a:lnTo>
                    <a:pt x="89915" y="0"/>
                  </a:lnTo>
                  <a:close/>
                </a:path>
                <a:path w="91439" h="1356360">
                  <a:moveTo>
                    <a:pt x="3047" y="1353317"/>
                  </a:moveTo>
                  <a:lnTo>
                    <a:pt x="1523" y="1353317"/>
                  </a:lnTo>
                  <a:lnTo>
                    <a:pt x="3047" y="1354841"/>
                  </a:lnTo>
                  <a:lnTo>
                    <a:pt x="3047" y="1353317"/>
                  </a:lnTo>
                  <a:close/>
                </a:path>
                <a:path w="91439" h="1356360">
                  <a:moveTo>
                    <a:pt x="88391" y="1353317"/>
                  </a:moveTo>
                  <a:lnTo>
                    <a:pt x="3047" y="1353317"/>
                  </a:lnTo>
                  <a:lnTo>
                    <a:pt x="3047" y="1354841"/>
                  </a:lnTo>
                  <a:lnTo>
                    <a:pt x="88391" y="1354841"/>
                  </a:lnTo>
                  <a:lnTo>
                    <a:pt x="88391" y="1353317"/>
                  </a:lnTo>
                  <a:close/>
                </a:path>
                <a:path w="91439" h="1356360">
                  <a:moveTo>
                    <a:pt x="88391" y="1523"/>
                  </a:moveTo>
                  <a:lnTo>
                    <a:pt x="88391" y="1354841"/>
                  </a:lnTo>
                  <a:lnTo>
                    <a:pt x="89915" y="1353317"/>
                  </a:lnTo>
                  <a:lnTo>
                    <a:pt x="91439" y="1353317"/>
                  </a:lnTo>
                  <a:lnTo>
                    <a:pt x="91439" y="3047"/>
                  </a:lnTo>
                  <a:lnTo>
                    <a:pt x="89915" y="3047"/>
                  </a:lnTo>
                  <a:lnTo>
                    <a:pt x="88391" y="1523"/>
                  </a:lnTo>
                  <a:close/>
                </a:path>
                <a:path w="91439" h="1356360">
                  <a:moveTo>
                    <a:pt x="91439" y="1353317"/>
                  </a:moveTo>
                  <a:lnTo>
                    <a:pt x="89915" y="1353317"/>
                  </a:lnTo>
                  <a:lnTo>
                    <a:pt x="88391" y="1354841"/>
                  </a:lnTo>
                  <a:lnTo>
                    <a:pt x="91439" y="1354841"/>
                  </a:lnTo>
                  <a:lnTo>
                    <a:pt x="91439" y="1353317"/>
                  </a:lnTo>
                  <a:close/>
                </a:path>
                <a:path w="91439" h="1356360">
                  <a:moveTo>
                    <a:pt x="3047" y="1523"/>
                  </a:moveTo>
                  <a:lnTo>
                    <a:pt x="1523" y="3047"/>
                  </a:lnTo>
                  <a:lnTo>
                    <a:pt x="3047" y="3047"/>
                  </a:lnTo>
                  <a:lnTo>
                    <a:pt x="3047" y="1523"/>
                  </a:lnTo>
                  <a:close/>
                </a:path>
                <a:path w="91439" h="1356360">
                  <a:moveTo>
                    <a:pt x="88391" y="1523"/>
                  </a:moveTo>
                  <a:lnTo>
                    <a:pt x="3047" y="1523"/>
                  </a:lnTo>
                  <a:lnTo>
                    <a:pt x="3047" y="3047"/>
                  </a:lnTo>
                  <a:lnTo>
                    <a:pt x="88391" y="3047"/>
                  </a:lnTo>
                  <a:lnTo>
                    <a:pt x="88391" y="1523"/>
                  </a:lnTo>
                  <a:close/>
                </a:path>
                <a:path w="91439" h="1356360">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48" name="object 148"/>
            <p:cNvSpPr/>
            <p:nvPr/>
          </p:nvSpPr>
          <p:spPr>
            <a:xfrm>
              <a:off x="6213348" y="5213609"/>
              <a:ext cx="88900" cy="1243965"/>
            </a:xfrm>
            <a:custGeom>
              <a:avLst/>
              <a:gdLst/>
              <a:ahLst/>
              <a:cxnLst/>
              <a:rect l="l" t="t" r="r" b="b"/>
              <a:pathLst>
                <a:path w="88900" h="1243964">
                  <a:moveTo>
                    <a:pt x="88391" y="0"/>
                  </a:moveTo>
                  <a:lnTo>
                    <a:pt x="0" y="0"/>
                  </a:lnTo>
                  <a:lnTo>
                    <a:pt x="0" y="1243584"/>
                  </a:lnTo>
                  <a:lnTo>
                    <a:pt x="88391" y="1243584"/>
                  </a:lnTo>
                  <a:lnTo>
                    <a:pt x="88391" y="0"/>
                  </a:lnTo>
                  <a:close/>
                </a:path>
              </a:pathLst>
            </a:custGeom>
            <a:solidFill>
              <a:srgbClr val="8080FF"/>
            </a:solidFill>
          </p:spPr>
          <p:txBody>
            <a:bodyPr wrap="square" lIns="0" tIns="0" rIns="0" bIns="0" rtlCol="0"/>
            <a:lstStyle/>
            <a:p>
              <a:endParaRPr sz="1539"/>
            </a:p>
          </p:txBody>
        </p:sp>
        <p:sp>
          <p:nvSpPr>
            <p:cNvPr id="149" name="object 149"/>
            <p:cNvSpPr/>
            <p:nvPr/>
          </p:nvSpPr>
          <p:spPr>
            <a:xfrm>
              <a:off x="6211823" y="5212079"/>
              <a:ext cx="91440" cy="1247140"/>
            </a:xfrm>
            <a:custGeom>
              <a:avLst/>
              <a:gdLst/>
              <a:ahLst/>
              <a:cxnLst/>
              <a:rect l="l" t="t" r="r" b="b"/>
              <a:pathLst>
                <a:path w="91439" h="1247139">
                  <a:moveTo>
                    <a:pt x="89915" y="0"/>
                  </a:moveTo>
                  <a:lnTo>
                    <a:pt x="1524" y="0"/>
                  </a:lnTo>
                  <a:lnTo>
                    <a:pt x="0" y="1523"/>
                  </a:lnTo>
                  <a:lnTo>
                    <a:pt x="0" y="1245113"/>
                  </a:lnTo>
                  <a:lnTo>
                    <a:pt x="1524" y="1246637"/>
                  </a:lnTo>
                  <a:lnTo>
                    <a:pt x="89915" y="1246637"/>
                  </a:lnTo>
                  <a:lnTo>
                    <a:pt x="91439" y="1245113"/>
                  </a:lnTo>
                  <a:lnTo>
                    <a:pt x="3048" y="1245113"/>
                  </a:lnTo>
                  <a:lnTo>
                    <a:pt x="1524" y="1243589"/>
                  </a:lnTo>
                  <a:lnTo>
                    <a:pt x="3048" y="1243589"/>
                  </a:lnTo>
                  <a:lnTo>
                    <a:pt x="3048" y="3047"/>
                  </a:lnTo>
                  <a:lnTo>
                    <a:pt x="1524" y="3047"/>
                  </a:lnTo>
                  <a:lnTo>
                    <a:pt x="3048" y="1523"/>
                  </a:lnTo>
                  <a:lnTo>
                    <a:pt x="91439" y="1523"/>
                  </a:lnTo>
                  <a:lnTo>
                    <a:pt x="89915" y="0"/>
                  </a:lnTo>
                  <a:close/>
                </a:path>
                <a:path w="91439" h="1247139">
                  <a:moveTo>
                    <a:pt x="3048" y="1243589"/>
                  </a:moveTo>
                  <a:lnTo>
                    <a:pt x="1524" y="1243589"/>
                  </a:lnTo>
                  <a:lnTo>
                    <a:pt x="3048" y="1245113"/>
                  </a:lnTo>
                  <a:lnTo>
                    <a:pt x="3048" y="1243589"/>
                  </a:lnTo>
                  <a:close/>
                </a:path>
                <a:path w="91439" h="1247139">
                  <a:moveTo>
                    <a:pt x="88391" y="1243589"/>
                  </a:moveTo>
                  <a:lnTo>
                    <a:pt x="3048" y="1243589"/>
                  </a:lnTo>
                  <a:lnTo>
                    <a:pt x="3048" y="1245113"/>
                  </a:lnTo>
                  <a:lnTo>
                    <a:pt x="88391" y="1245113"/>
                  </a:lnTo>
                  <a:lnTo>
                    <a:pt x="88391" y="1243589"/>
                  </a:lnTo>
                  <a:close/>
                </a:path>
                <a:path w="91439" h="1247139">
                  <a:moveTo>
                    <a:pt x="88391" y="1523"/>
                  </a:moveTo>
                  <a:lnTo>
                    <a:pt x="88391" y="1245113"/>
                  </a:lnTo>
                  <a:lnTo>
                    <a:pt x="89915" y="1243589"/>
                  </a:lnTo>
                  <a:lnTo>
                    <a:pt x="91439" y="1243589"/>
                  </a:lnTo>
                  <a:lnTo>
                    <a:pt x="91439" y="3047"/>
                  </a:lnTo>
                  <a:lnTo>
                    <a:pt x="89915" y="3047"/>
                  </a:lnTo>
                  <a:lnTo>
                    <a:pt x="88391" y="1523"/>
                  </a:lnTo>
                  <a:close/>
                </a:path>
                <a:path w="91439" h="1247139">
                  <a:moveTo>
                    <a:pt x="91439" y="1243589"/>
                  </a:moveTo>
                  <a:lnTo>
                    <a:pt x="89915" y="1243589"/>
                  </a:lnTo>
                  <a:lnTo>
                    <a:pt x="88391" y="1245113"/>
                  </a:lnTo>
                  <a:lnTo>
                    <a:pt x="91439" y="1245113"/>
                  </a:lnTo>
                  <a:lnTo>
                    <a:pt x="91439" y="1243589"/>
                  </a:lnTo>
                  <a:close/>
                </a:path>
                <a:path w="91439" h="1247139">
                  <a:moveTo>
                    <a:pt x="3048" y="1523"/>
                  </a:moveTo>
                  <a:lnTo>
                    <a:pt x="1524" y="3047"/>
                  </a:lnTo>
                  <a:lnTo>
                    <a:pt x="3048" y="3047"/>
                  </a:lnTo>
                  <a:lnTo>
                    <a:pt x="3048" y="1523"/>
                  </a:lnTo>
                  <a:close/>
                </a:path>
                <a:path w="91439" h="1247139">
                  <a:moveTo>
                    <a:pt x="88391" y="1523"/>
                  </a:moveTo>
                  <a:lnTo>
                    <a:pt x="3048" y="1523"/>
                  </a:lnTo>
                  <a:lnTo>
                    <a:pt x="3048" y="3047"/>
                  </a:lnTo>
                  <a:lnTo>
                    <a:pt x="88391" y="3047"/>
                  </a:lnTo>
                  <a:lnTo>
                    <a:pt x="88391" y="1523"/>
                  </a:lnTo>
                  <a:close/>
                </a:path>
                <a:path w="91439" h="1247139">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50" name="object 150"/>
            <p:cNvSpPr/>
            <p:nvPr/>
          </p:nvSpPr>
          <p:spPr>
            <a:xfrm>
              <a:off x="6434328" y="5332480"/>
              <a:ext cx="88900" cy="1125220"/>
            </a:xfrm>
            <a:custGeom>
              <a:avLst/>
              <a:gdLst/>
              <a:ahLst/>
              <a:cxnLst/>
              <a:rect l="l" t="t" r="r" b="b"/>
              <a:pathLst>
                <a:path w="88900" h="1125220">
                  <a:moveTo>
                    <a:pt x="88392" y="0"/>
                  </a:moveTo>
                  <a:lnTo>
                    <a:pt x="0" y="0"/>
                  </a:lnTo>
                  <a:lnTo>
                    <a:pt x="0" y="1124712"/>
                  </a:lnTo>
                  <a:lnTo>
                    <a:pt x="88392" y="1124712"/>
                  </a:lnTo>
                  <a:lnTo>
                    <a:pt x="88392" y="0"/>
                  </a:lnTo>
                  <a:close/>
                </a:path>
              </a:pathLst>
            </a:custGeom>
            <a:solidFill>
              <a:srgbClr val="8080FF"/>
            </a:solidFill>
          </p:spPr>
          <p:txBody>
            <a:bodyPr wrap="square" lIns="0" tIns="0" rIns="0" bIns="0" rtlCol="0"/>
            <a:lstStyle/>
            <a:p>
              <a:endParaRPr sz="1539"/>
            </a:p>
          </p:txBody>
        </p:sp>
        <p:sp>
          <p:nvSpPr>
            <p:cNvPr id="151" name="object 151"/>
            <p:cNvSpPr/>
            <p:nvPr/>
          </p:nvSpPr>
          <p:spPr>
            <a:xfrm>
              <a:off x="6432804" y="5330951"/>
              <a:ext cx="91440" cy="1127760"/>
            </a:xfrm>
            <a:custGeom>
              <a:avLst/>
              <a:gdLst/>
              <a:ahLst/>
              <a:cxnLst/>
              <a:rect l="l" t="t" r="r" b="b"/>
              <a:pathLst>
                <a:path w="91440" h="1127760">
                  <a:moveTo>
                    <a:pt x="89916" y="0"/>
                  </a:moveTo>
                  <a:lnTo>
                    <a:pt x="1524" y="0"/>
                  </a:lnTo>
                  <a:lnTo>
                    <a:pt x="0" y="1523"/>
                  </a:lnTo>
                  <a:lnTo>
                    <a:pt x="0" y="1126241"/>
                  </a:lnTo>
                  <a:lnTo>
                    <a:pt x="1524" y="1127765"/>
                  </a:lnTo>
                  <a:lnTo>
                    <a:pt x="89916" y="1127765"/>
                  </a:lnTo>
                  <a:lnTo>
                    <a:pt x="91440" y="1126241"/>
                  </a:lnTo>
                  <a:lnTo>
                    <a:pt x="3048" y="1126241"/>
                  </a:lnTo>
                  <a:lnTo>
                    <a:pt x="1524" y="1124717"/>
                  </a:lnTo>
                  <a:lnTo>
                    <a:pt x="3048" y="1124717"/>
                  </a:lnTo>
                  <a:lnTo>
                    <a:pt x="3048" y="3047"/>
                  </a:lnTo>
                  <a:lnTo>
                    <a:pt x="1524" y="3047"/>
                  </a:lnTo>
                  <a:lnTo>
                    <a:pt x="3048" y="1523"/>
                  </a:lnTo>
                  <a:lnTo>
                    <a:pt x="91440" y="1523"/>
                  </a:lnTo>
                  <a:lnTo>
                    <a:pt x="89916" y="0"/>
                  </a:lnTo>
                  <a:close/>
                </a:path>
                <a:path w="91440" h="1127760">
                  <a:moveTo>
                    <a:pt x="3048" y="1124717"/>
                  </a:moveTo>
                  <a:lnTo>
                    <a:pt x="1524" y="1124717"/>
                  </a:lnTo>
                  <a:lnTo>
                    <a:pt x="3048" y="1126241"/>
                  </a:lnTo>
                  <a:lnTo>
                    <a:pt x="3048" y="1124717"/>
                  </a:lnTo>
                  <a:close/>
                </a:path>
                <a:path w="91440" h="1127760">
                  <a:moveTo>
                    <a:pt x="88392" y="1124717"/>
                  </a:moveTo>
                  <a:lnTo>
                    <a:pt x="3048" y="1124717"/>
                  </a:lnTo>
                  <a:lnTo>
                    <a:pt x="3048" y="1126241"/>
                  </a:lnTo>
                  <a:lnTo>
                    <a:pt x="88392" y="1126241"/>
                  </a:lnTo>
                  <a:lnTo>
                    <a:pt x="88392" y="1124717"/>
                  </a:lnTo>
                  <a:close/>
                </a:path>
                <a:path w="91440" h="1127760">
                  <a:moveTo>
                    <a:pt x="88392" y="1523"/>
                  </a:moveTo>
                  <a:lnTo>
                    <a:pt x="88392" y="1126241"/>
                  </a:lnTo>
                  <a:lnTo>
                    <a:pt x="89916" y="1124717"/>
                  </a:lnTo>
                  <a:lnTo>
                    <a:pt x="91440" y="1124717"/>
                  </a:lnTo>
                  <a:lnTo>
                    <a:pt x="91440" y="3047"/>
                  </a:lnTo>
                  <a:lnTo>
                    <a:pt x="89916" y="3047"/>
                  </a:lnTo>
                  <a:lnTo>
                    <a:pt x="88392" y="1523"/>
                  </a:lnTo>
                  <a:close/>
                </a:path>
                <a:path w="91440" h="1127760">
                  <a:moveTo>
                    <a:pt x="91440" y="1124717"/>
                  </a:moveTo>
                  <a:lnTo>
                    <a:pt x="89916" y="1124717"/>
                  </a:lnTo>
                  <a:lnTo>
                    <a:pt x="88392" y="1126241"/>
                  </a:lnTo>
                  <a:lnTo>
                    <a:pt x="91440" y="1126241"/>
                  </a:lnTo>
                  <a:lnTo>
                    <a:pt x="91440" y="1124717"/>
                  </a:lnTo>
                  <a:close/>
                </a:path>
                <a:path w="91440" h="1127760">
                  <a:moveTo>
                    <a:pt x="3048" y="1523"/>
                  </a:moveTo>
                  <a:lnTo>
                    <a:pt x="1524" y="3047"/>
                  </a:lnTo>
                  <a:lnTo>
                    <a:pt x="3048" y="3047"/>
                  </a:lnTo>
                  <a:lnTo>
                    <a:pt x="3048" y="1523"/>
                  </a:lnTo>
                  <a:close/>
                </a:path>
                <a:path w="91440" h="1127760">
                  <a:moveTo>
                    <a:pt x="88392" y="1523"/>
                  </a:moveTo>
                  <a:lnTo>
                    <a:pt x="3048" y="1523"/>
                  </a:lnTo>
                  <a:lnTo>
                    <a:pt x="3048" y="3047"/>
                  </a:lnTo>
                  <a:lnTo>
                    <a:pt x="88392" y="3047"/>
                  </a:lnTo>
                  <a:lnTo>
                    <a:pt x="88392" y="1523"/>
                  </a:lnTo>
                  <a:close/>
                </a:path>
                <a:path w="91440" h="1127760">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52" name="object 152"/>
            <p:cNvSpPr/>
            <p:nvPr/>
          </p:nvSpPr>
          <p:spPr>
            <a:xfrm>
              <a:off x="6655307" y="5457449"/>
              <a:ext cx="88900" cy="1000125"/>
            </a:xfrm>
            <a:custGeom>
              <a:avLst/>
              <a:gdLst/>
              <a:ahLst/>
              <a:cxnLst/>
              <a:rect l="l" t="t" r="r" b="b"/>
              <a:pathLst>
                <a:path w="88900" h="1000125">
                  <a:moveTo>
                    <a:pt x="88392" y="0"/>
                  </a:moveTo>
                  <a:lnTo>
                    <a:pt x="0" y="0"/>
                  </a:lnTo>
                  <a:lnTo>
                    <a:pt x="0" y="999744"/>
                  </a:lnTo>
                  <a:lnTo>
                    <a:pt x="88392" y="999744"/>
                  </a:lnTo>
                  <a:lnTo>
                    <a:pt x="88392" y="0"/>
                  </a:lnTo>
                  <a:close/>
                </a:path>
              </a:pathLst>
            </a:custGeom>
            <a:solidFill>
              <a:srgbClr val="8080FF"/>
            </a:solidFill>
          </p:spPr>
          <p:txBody>
            <a:bodyPr wrap="square" lIns="0" tIns="0" rIns="0" bIns="0" rtlCol="0"/>
            <a:lstStyle/>
            <a:p>
              <a:endParaRPr sz="1539"/>
            </a:p>
          </p:txBody>
        </p:sp>
        <p:sp>
          <p:nvSpPr>
            <p:cNvPr id="153" name="object 153"/>
            <p:cNvSpPr/>
            <p:nvPr/>
          </p:nvSpPr>
          <p:spPr>
            <a:xfrm>
              <a:off x="6653783" y="5455919"/>
              <a:ext cx="91440" cy="1003300"/>
            </a:xfrm>
            <a:custGeom>
              <a:avLst/>
              <a:gdLst/>
              <a:ahLst/>
              <a:cxnLst/>
              <a:rect l="l" t="t" r="r" b="b"/>
              <a:pathLst>
                <a:path w="91440" h="1003300">
                  <a:moveTo>
                    <a:pt x="89916" y="0"/>
                  </a:moveTo>
                  <a:lnTo>
                    <a:pt x="1524" y="0"/>
                  </a:lnTo>
                  <a:lnTo>
                    <a:pt x="0" y="1523"/>
                  </a:lnTo>
                  <a:lnTo>
                    <a:pt x="0" y="1001273"/>
                  </a:lnTo>
                  <a:lnTo>
                    <a:pt x="1524" y="1002797"/>
                  </a:lnTo>
                  <a:lnTo>
                    <a:pt x="89916" y="1002797"/>
                  </a:lnTo>
                  <a:lnTo>
                    <a:pt x="91440" y="1001273"/>
                  </a:lnTo>
                  <a:lnTo>
                    <a:pt x="3048" y="1001273"/>
                  </a:lnTo>
                  <a:lnTo>
                    <a:pt x="1524" y="999749"/>
                  </a:lnTo>
                  <a:lnTo>
                    <a:pt x="3048" y="999749"/>
                  </a:lnTo>
                  <a:lnTo>
                    <a:pt x="3048" y="3047"/>
                  </a:lnTo>
                  <a:lnTo>
                    <a:pt x="1524" y="3047"/>
                  </a:lnTo>
                  <a:lnTo>
                    <a:pt x="3048" y="1523"/>
                  </a:lnTo>
                  <a:lnTo>
                    <a:pt x="91440" y="1523"/>
                  </a:lnTo>
                  <a:lnTo>
                    <a:pt x="89916" y="0"/>
                  </a:lnTo>
                  <a:close/>
                </a:path>
                <a:path w="91440" h="1003300">
                  <a:moveTo>
                    <a:pt x="3048" y="999749"/>
                  </a:moveTo>
                  <a:lnTo>
                    <a:pt x="1524" y="999749"/>
                  </a:lnTo>
                  <a:lnTo>
                    <a:pt x="3048" y="1001273"/>
                  </a:lnTo>
                  <a:lnTo>
                    <a:pt x="3048" y="999749"/>
                  </a:lnTo>
                  <a:close/>
                </a:path>
                <a:path w="91440" h="1003300">
                  <a:moveTo>
                    <a:pt x="88392" y="999749"/>
                  </a:moveTo>
                  <a:lnTo>
                    <a:pt x="3048" y="999749"/>
                  </a:lnTo>
                  <a:lnTo>
                    <a:pt x="3048" y="1001273"/>
                  </a:lnTo>
                  <a:lnTo>
                    <a:pt x="88392" y="1001273"/>
                  </a:lnTo>
                  <a:lnTo>
                    <a:pt x="88392" y="999749"/>
                  </a:lnTo>
                  <a:close/>
                </a:path>
                <a:path w="91440" h="1003300">
                  <a:moveTo>
                    <a:pt x="88392" y="1523"/>
                  </a:moveTo>
                  <a:lnTo>
                    <a:pt x="88392" y="1001273"/>
                  </a:lnTo>
                  <a:lnTo>
                    <a:pt x="89916" y="999749"/>
                  </a:lnTo>
                  <a:lnTo>
                    <a:pt x="91440" y="999749"/>
                  </a:lnTo>
                  <a:lnTo>
                    <a:pt x="91440" y="3047"/>
                  </a:lnTo>
                  <a:lnTo>
                    <a:pt x="89916" y="3047"/>
                  </a:lnTo>
                  <a:lnTo>
                    <a:pt x="88392" y="1523"/>
                  </a:lnTo>
                  <a:close/>
                </a:path>
                <a:path w="91440" h="1003300">
                  <a:moveTo>
                    <a:pt x="91440" y="999749"/>
                  </a:moveTo>
                  <a:lnTo>
                    <a:pt x="89916" y="999749"/>
                  </a:lnTo>
                  <a:lnTo>
                    <a:pt x="88392" y="1001273"/>
                  </a:lnTo>
                  <a:lnTo>
                    <a:pt x="91440" y="1001273"/>
                  </a:lnTo>
                  <a:lnTo>
                    <a:pt x="91440" y="999749"/>
                  </a:lnTo>
                  <a:close/>
                </a:path>
                <a:path w="91440" h="1003300">
                  <a:moveTo>
                    <a:pt x="3048" y="1523"/>
                  </a:moveTo>
                  <a:lnTo>
                    <a:pt x="1524" y="3047"/>
                  </a:lnTo>
                  <a:lnTo>
                    <a:pt x="3048" y="3047"/>
                  </a:lnTo>
                  <a:lnTo>
                    <a:pt x="3048" y="1523"/>
                  </a:lnTo>
                  <a:close/>
                </a:path>
                <a:path w="91440" h="1003300">
                  <a:moveTo>
                    <a:pt x="88392" y="1523"/>
                  </a:moveTo>
                  <a:lnTo>
                    <a:pt x="3048" y="1523"/>
                  </a:lnTo>
                  <a:lnTo>
                    <a:pt x="3048" y="3047"/>
                  </a:lnTo>
                  <a:lnTo>
                    <a:pt x="88392" y="3047"/>
                  </a:lnTo>
                  <a:lnTo>
                    <a:pt x="88392" y="1523"/>
                  </a:lnTo>
                  <a:close/>
                </a:path>
                <a:path w="91440" h="1003300">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54" name="object 154"/>
            <p:cNvSpPr/>
            <p:nvPr/>
          </p:nvSpPr>
          <p:spPr>
            <a:xfrm>
              <a:off x="6876287" y="5547365"/>
              <a:ext cx="88900" cy="909955"/>
            </a:xfrm>
            <a:custGeom>
              <a:avLst/>
              <a:gdLst/>
              <a:ahLst/>
              <a:cxnLst/>
              <a:rect l="l" t="t" r="r" b="b"/>
              <a:pathLst>
                <a:path w="88900" h="909954">
                  <a:moveTo>
                    <a:pt x="88392" y="0"/>
                  </a:moveTo>
                  <a:lnTo>
                    <a:pt x="0" y="0"/>
                  </a:lnTo>
                  <a:lnTo>
                    <a:pt x="0" y="909827"/>
                  </a:lnTo>
                  <a:lnTo>
                    <a:pt x="88392" y="909827"/>
                  </a:lnTo>
                  <a:lnTo>
                    <a:pt x="88392" y="0"/>
                  </a:lnTo>
                  <a:close/>
                </a:path>
              </a:pathLst>
            </a:custGeom>
            <a:solidFill>
              <a:srgbClr val="8080FF"/>
            </a:solidFill>
          </p:spPr>
          <p:txBody>
            <a:bodyPr wrap="square" lIns="0" tIns="0" rIns="0" bIns="0" rtlCol="0"/>
            <a:lstStyle/>
            <a:p>
              <a:endParaRPr sz="1539"/>
            </a:p>
          </p:txBody>
        </p:sp>
        <p:sp>
          <p:nvSpPr>
            <p:cNvPr id="155" name="object 155"/>
            <p:cNvSpPr/>
            <p:nvPr/>
          </p:nvSpPr>
          <p:spPr>
            <a:xfrm>
              <a:off x="6874764" y="5545836"/>
              <a:ext cx="91440" cy="913130"/>
            </a:xfrm>
            <a:custGeom>
              <a:avLst/>
              <a:gdLst/>
              <a:ahLst/>
              <a:cxnLst/>
              <a:rect l="l" t="t" r="r" b="b"/>
              <a:pathLst>
                <a:path w="91440" h="913129">
                  <a:moveTo>
                    <a:pt x="89915" y="0"/>
                  </a:moveTo>
                  <a:lnTo>
                    <a:pt x="1524" y="0"/>
                  </a:lnTo>
                  <a:lnTo>
                    <a:pt x="0" y="1524"/>
                  </a:lnTo>
                  <a:lnTo>
                    <a:pt x="0" y="911357"/>
                  </a:lnTo>
                  <a:lnTo>
                    <a:pt x="1524" y="912881"/>
                  </a:lnTo>
                  <a:lnTo>
                    <a:pt x="89915" y="912881"/>
                  </a:lnTo>
                  <a:lnTo>
                    <a:pt x="91439" y="911357"/>
                  </a:lnTo>
                  <a:lnTo>
                    <a:pt x="3047" y="911357"/>
                  </a:lnTo>
                  <a:lnTo>
                    <a:pt x="1524" y="909833"/>
                  </a:lnTo>
                  <a:lnTo>
                    <a:pt x="3047" y="909833"/>
                  </a:lnTo>
                  <a:lnTo>
                    <a:pt x="3047" y="3048"/>
                  </a:lnTo>
                  <a:lnTo>
                    <a:pt x="1524" y="3048"/>
                  </a:lnTo>
                  <a:lnTo>
                    <a:pt x="3047" y="1524"/>
                  </a:lnTo>
                  <a:lnTo>
                    <a:pt x="91439" y="1524"/>
                  </a:lnTo>
                  <a:lnTo>
                    <a:pt x="89915" y="0"/>
                  </a:lnTo>
                  <a:close/>
                </a:path>
                <a:path w="91440" h="913129">
                  <a:moveTo>
                    <a:pt x="3047" y="909833"/>
                  </a:moveTo>
                  <a:lnTo>
                    <a:pt x="1524" y="909833"/>
                  </a:lnTo>
                  <a:lnTo>
                    <a:pt x="3047" y="911357"/>
                  </a:lnTo>
                  <a:lnTo>
                    <a:pt x="3047" y="909833"/>
                  </a:lnTo>
                  <a:close/>
                </a:path>
                <a:path w="91440" h="913129">
                  <a:moveTo>
                    <a:pt x="88391" y="909833"/>
                  </a:moveTo>
                  <a:lnTo>
                    <a:pt x="3047" y="909833"/>
                  </a:lnTo>
                  <a:lnTo>
                    <a:pt x="3047" y="911357"/>
                  </a:lnTo>
                  <a:lnTo>
                    <a:pt x="88391" y="911357"/>
                  </a:lnTo>
                  <a:lnTo>
                    <a:pt x="88391" y="909833"/>
                  </a:lnTo>
                  <a:close/>
                </a:path>
                <a:path w="91440" h="913129">
                  <a:moveTo>
                    <a:pt x="88391" y="1524"/>
                  </a:moveTo>
                  <a:lnTo>
                    <a:pt x="88391" y="911357"/>
                  </a:lnTo>
                  <a:lnTo>
                    <a:pt x="89915" y="909833"/>
                  </a:lnTo>
                  <a:lnTo>
                    <a:pt x="91439" y="909833"/>
                  </a:lnTo>
                  <a:lnTo>
                    <a:pt x="91439" y="3048"/>
                  </a:lnTo>
                  <a:lnTo>
                    <a:pt x="89915" y="3048"/>
                  </a:lnTo>
                  <a:lnTo>
                    <a:pt x="88391" y="1524"/>
                  </a:lnTo>
                  <a:close/>
                </a:path>
                <a:path w="91440" h="913129">
                  <a:moveTo>
                    <a:pt x="91439" y="909833"/>
                  </a:moveTo>
                  <a:lnTo>
                    <a:pt x="89915" y="909833"/>
                  </a:lnTo>
                  <a:lnTo>
                    <a:pt x="88391" y="911357"/>
                  </a:lnTo>
                  <a:lnTo>
                    <a:pt x="91439" y="911357"/>
                  </a:lnTo>
                  <a:lnTo>
                    <a:pt x="91439" y="909833"/>
                  </a:lnTo>
                  <a:close/>
                </a:path>
                <a:path w="91440" h="913129">
                  <a:moveTo>
                    <a:pt x="3047" y="1524"/>
                  </a:moveTo>
                  <a:lnTo>
                    <a:pt x="1524" y="3048"/>
                  </a:lnTo>
                  <a:lnTo>
                    <a:pt x="3047" y="3048"/>
                  </a:lnTo>
                  <a:lnTo>
                    <a:pt x="3047" y="1524"/>
                  </a:lnTo>
                  <a:close/>
                </a:path>
                <a:path w="91440" h="913129">
                  <a:moveTo>
                    <a:pt x="88391" y="1524"/>
                  </a:moveTo>
                  <a:lnTo>
                    <a:pt x="3047" y="1524"/>
                  </a:lnTo>
                  <a:lnTo>
                    <a:pt x="3047" y="3048"/>
                  </a:lnTo>
                  <a:lnTo>
                    <a:pt x="88391" y="3048"/>
                  </a:lnTo>
                  <a:lnTo>
                    <a:pt x="88391" y="1524"/>
                  </a:lnTo>
                  <a:close/>
                </a:path>
                <a:path w="91440" h="91312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56" name="object 156"/>
            <p:cNvSpPr/>
            <p:nvPr/>
          </p:nvSpPr>
          <p:spPr>
            <a:xfrm>
              <a:off x="7097268" y="5603753"/>
              <a:ext cx="88900" cy="853440"/>
            </a:xfrm>
            <a:custGeom>
              <a:avLst/>
              <a:gdLst/>
              <a:ahLst/>
              <a:cxnLst/>
              <a:rect l="l" t="t" r="r" b="b"/>
              <a:pathLst>
                <a:path w="88900" h="853439">
                  <a:moveTo>
                    <a:pt x="88392" y="0"/>
                  </a:moveTo>
                  <a:lnTo>
                    <a:pt x="0" y="0"/>
                  </a:lnTo>
                  <a:lnTo>
                    <a:pt x="0" y="853439"/>
                  </a:lnTo>
                  <a:lnTo>
                    <a:pt x="88392" y="853439"/>
                  </a:lnTo>
                  <a:lnTo>
                    <a:pt x="88392" y="0"/>
                  </a:lnTo>
                  <a:close/>
                </a:path>
              </a:pathLst>
            </a:custGeom>
            <a:solidFill>
              <a:srgbClr val="8080FF"/>
            </a:solidFill>
          </p:spPr>
          <p:txBody>
            <a:bodyPr wrap="square" lIns="0" tIns="0" rIns="0" bIns="0" rtlCol="0"/>
            <a:lstStyle/>
            <a:p>
              <a:endParaRPr sz="1539"/>
            </a:p>
          </p:txBody>
        </p:sp>
        <p:sp>
          <p:nvSpPr>
            <p:cNvPr id="157" name="object 157"/>
            <p:cNvSpPr/>
            <p:nvPr/>
          </p:nvSpPr>
          <p:spPr>
            <a:xfrm>
              <a:off x="7095744" y="5602224"/>
              <a:ext cx="91440" cy="856615"/>
            </a:xfrm>
            <a:custGeom>
              <a:avLst/>
              <a:gdLst/>
              <a:ahLst/>
              <a:cxnLst/>
              <a:rect l="l" t="t" r="r" b="b"/>
              <a:pathLst>
                <a:path w="91440" h="856614">
                  <a:moveTo>
                    <a:pt x="89915" y="0"/>
                  </a:moveTo>
                  <a:lnTo>
                    <a:pt x="1524" y="0"/>
                  </a:lnTo>
                  <a:lnTo>
                    <a:pt x="0" y="1524"/>
                  </a:lnTo>
                  <a:lnTo>
                    <a:pt x="0" y="854969"/>
                  </a:lnTo>
                  <a:lnTo>
                    <a:pt x="1524" y="856493"/>
                  </a:lnTo>
                  <a:lnTo>
                    <a:pt x="89915" y="856493"/>
                  </a:lnTo>
                  <a:lnTo>
                    <a:pt x="91439" y="854969"/>
                  </a:lnTo>
                  <a:lnTo>
                    <a:pt x="3048" y="854969"/>
                  </a:lnTo>
                  <a:lnTo>
                    <a:pt x="1524" y="853445"/>
                  </a:lnTo>
                  <a:lnTo>
                    <a:pt x="3048" y="853445"/>
                  </a:lnTo>
                  <a:lnTo>
                    <a:pt x="3048" y="3048"/>
                  </a:lnTo>
                  <a:lnTo>
                    <a:pt x="1524" y="3048"/>
                  </a:lnTo>
                  <a:lnTo>
                    <a:pt x="3048" y="1524"/>
                  </a:lnTo>
                  <a:lnTo>
                    <a:pt x="91439" y="1524"/>
                  </a:lnTo>
                  <a:lnTo>
                    <a:pt x="89915" y="0"/>
                  </a:lnTo>
                  <a:close/>
                </a:path>
                <a:path w="91440" h="856614">
                  <a:moveTo>
                    <a:pt x="3048" y="853445"/>
                  </a:moveTo>
                  <a:lnTo>
                    <a:pt x="1524" y="853445"/>
                  </a:lnTo>
                  <a:lnTo>
                    <a:pt x="3048" y="854969"/>
                  </a:lnTo>
                  <a:lnTo>
                    <a:pt x="3048" y="853445"/>
                  </a:lnTo>
                  <a:close/>
                </a:path>
                <a:path w="91440" h="856614">
                  <a:moveTo>
                    <a:pt x="88391" y="853445"/>
                  </a:moveTo>
                  <a:lnTo>
                    <a:pt x="3048" y="853445"/>
                  </a:lnTo>
                  <a:lnTo>
                    <a:pt x="3048" y="854969"/>
                  </a:lnTo>
                  <a:lnTo>
                    <a:pt x="88391" y="854969"/>
                  </a:lnTo>
                  <a:lnTo>
                    <a:pt x="88391" y="853445"/>
                  </a:lnTo>
                  <a:close/>
                </a:path>
                <a:path w="91440" h="856614">
                  <a:moveTo>
                    <a:pt x="88391" y="1524"/>
                  </a:moveTo>
                  <a:lnTo>
                    <a:pt x="88391" y="854969"/>
                  </a:lnTo>
                  <a:lnTo>
                    <a:pt x="89915" y="853445"/>
                  </a:lnTo>
                  <a:lnTo>
                    <a:pt x="91439" y="853445"/>
                  </a:lnTo>
                  <a:lnTo>
                    <a:pt x="91439" y="3048"/>
                  </a:lnTo>
                  <a:lnTo>
                    <a:pt x="89915" y="3048"/>
                  </a:lnTo>
                  <a:lnTo>
                    <a:pt x="88391" y="1524"/>
                  </a:lnTo>
                  <a:close/>
                </a:path>
                <a:path w="91440" h="856614">
                  <a:moveTo>
                    <a:pt x="91439" y="853445"/>
                  </a:moveTo>
                  <a:lnTo>
                    <a:pt x="89915" y="853445"/>
                  </a:lnTo>
                  <a:lnTo>
                    <a:pt x="88391" y="854969"/>
                  </a:lnTo>
                  <a:lnTo>
                    <a:pt x="91439" y="854969"/>
                  </a:lnTo>
                  <a:lnTo>
                    <a:pt x="91439" y="853445"/>
                  </a:lnTo>
                  <a:close/>
                </a:path>
                <a:path w="91440" h="856614">
                  <a:moveTo>
                    <a:pt x="3048" y="1524"/>
                  </a:moveTo>
                  <a:lnTo>
                    <a:pt x="1524" y="3048"/>
                  </a:lnTo>
                  <a:lnTo>
                    <a:pt x="3048" y="3048"/>
                  </a:lnTo>
                  <a:lnTo>
                    <a:pt x="3048" y="1524"/>
                  </a:lnTo>
                  <a:close/>
                </a:path>
                <a:path w="91440" h="856614">
                  <a:moveTo>
                    <a:pt x="88391" y="1524"/>
                  </a:moveTo>
                  <a:lnTo>
                    <a:pt x="3048" y="1524"/>
                  </a:lnTo>
                  <a:lnTo>
                    <a:pt x="3048" y="3048"/>
                  </a:lnTo>
                  <a:lnTo>
                    <a:pt x="88391" y="3048"/>
                  </a:lnTo>
                  <a:lnTo>
                    <a:pt x="88391" y="1524"/>
                  </a:lnTo>
                  <a:close/>
                </a:path>
                <a:path w="91440" h="856614">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58" name="object 158"/>
            <p:cNvSpPr/>
            <p:nvPr/>
          </p:nvSpPr>
          <p:spPr>
            <a:xfrm>
              <a:off x="7316723" y="5643377"/>
              <a:ext cx="88900" cy="814069"/>
            </a:xfrm>
            <a:custGeom>
              <a:avLst/>
              <a:gdLst/>
              <a:ahLst/>
              <a:cxnLst/>
              <a:rect l="l" t="t" r="r" b="b"/>
              <a:pathLst>
                <a:path w="88900" h="814070">
                  <a:moveTo>
                    <a:pt x="88392" y="0"/>
                  </a:moveTo>
                  <a:lnTo>
                    <a:pt x="0" y="0"/>
                  </a:lnTo>
                  <a:lnTo>
                    <a:pt x="0" y="813815"/>
                  </a:lnTo>
                  <a:lnTo>
                    <a:pt x="88392" y="813815"/>
                  </a:lnTo>
                  <a:lnTo>
                    <a:pt x="88392" y="0"/>
                  </a:lnTo>
                  <a:close/>
                </a:path>
              </a:pathLst>
            </a:custGeom>
            <a:solidFill>
              <a:srgbClr val="8080FF"/>
            </a:solidFill>
          </p:spPr>
          <p:txBody>
            <a:bodyPr wrap="square" lIns="0" tIns="0" rIns="0" bIns="0" rtlCol="0"/>
            <a:lstStyle/>
            <a:p>
              <a:endParaRPr sz="1539"/>
            </a:p>
          </p:txBody>
        </p:sp>
        <p:sp>
          <p:nvSpPr>
            <p:cNvPr id="159" name="object 159"/>
            <p:cNvSpPr/>
            <p:nvPr/>
          </p:nvSpPr>
          <p:spPr>
            <a:xfrm>
              <a:off x="7315199" y="5641848"/>
              <a:ext cx="91440" cy="817244"/>
            </a:xfrm>
            <a:custGeom>
              <a:avLst/>
              <a:gdLst/>
              <a:ahLst/>
              <a:cxnLst/>
              <a:rect l="l" t="t" r="r" b="b"/>
              <a:pathLst>
                <a:path w="91440" h="817245">
                  <a:moveTo>
                    <a:pt x="89916" y="0"/>
                  </a:moveTo>
                  <a:lnTo>
                    <a:pt x="1524" y="0"/>
                  </a:lnTo>
                  <a:lnTo>
                    <a:pt x="0" y="1524"/>
                  </a:lnTo>
                  <a:lnTo>
                    <a:pt x="0" y="815345"/>
                  </a:lnTo>
                  <a:lnTo>
                    <a:pt x="1524" y="816869"/>
                  </a:lnTo>
                  <a:lnTo>
                    <a:pt x="89916" y="816869"/>
                  </a:lnTo>
                  <a:lnTo>
                    <a:pt x="91440" y="815345"/>
                  </a:lnTo>
                  <a:lnTo>
                    <a:pt x="3048" y="815345"/>
                  </a:lnTo>
                  <a:lnTo>
                    <a:pt x="1524" y="813821"/>
                  </a:lnTo>
                  <a:lnTo>
                    <a:pt x="3048" y="813821"/>
                  </a:lnTo>
                  <a:lnTo>
                    <a:pt x="3048" y="3048"/>
                  </a:lnTo>
                  <a:lnTo>
                    <a:pt x="1524" y="3048"/>
                  </a:lnTo>
                  <a:lnTo>
                    <a:pt x="3048" y="1524"/>
                  </a:lnTo>
                  <a:lnTo>
                    <a:pt x="91440" y="1524"/>
                  </a:lnTo>
                  <a:lnTo>
                    <a:pt x="89916" y="0"/>
                  </a:lnTo>
                  <a:close/>
                </a:path>
                <a:path w="91440" h="817245">
                  <a:moveTo>
                    <a:pt x="3048" y="813821"/>
                  </a:moveTo>
                  <a:lnTo>
                    <a:pt x="1524" y="813821"/>
                  </a:lnTo>
                  <a:lnTo>
                    <a:pt x="3048" y="815345"/>
                  </a:lnTo>
                  <a:lnTo>
                    <a:pt x="3048" y="813821"/>
                  </a:lnTo>
                  <a:close/>
                </a:path>
                <a:path w="91440" h="817245">
                  <a:moveTo>
                    <a:pt x="88392" y="813821"/>
                  </a:moveTo>
                  <a:lnTo>
                    <a:pt x="3048" y="813821"/>
                  </a:lnTo>
                  <a:lnTo>
                    <a:pt x="3048" y="815345"/>
                  </a:lnTo>
                  <a:lnTo>
                    <a:pt x="88392" y="815345"/>
                  </a:lnTo>
                  <a:lnTo>
                    <a:pt x="88392" y="813821"/>
                  </a:lnTo>
                  <a:close/>
                </a:path>
                <a:path w="91440" h="817245">
                  <a:moveTo>
                    <a:pt x="88392" y="1524"/>
                  </a:moveTo>
                  <a:lnTo>
                    <a:pt x="88392" y="815345"/>
                  </a:lnTo>
                  <a:lnTo>
                    <a:pt x="89916" y="813821"/>
                  </a:lnTo>
                  <a:lnTo>
                    <a:pt x="91440" y="813821"/>
                  </a:lnTo>
                  <a:lnTo>
                    <a:pt x="91440" y="3048"/>
                  </a:lnTo>
                  <a:lnTo>
                    <a:pt x="89916" y="3048"/>
                  </a:lnTo>
                  <a:lnTo>
                    <a:pt x="88392" y="1524"/>
                  </a:lnTo>
                  <a:close/>
                </a:path>
                <a:path w="91440" h="817245">
                  <a:moveTo>
                    <a:pt x="91440" y="813821"/>
                  </a:moveTo>
                  <a:lnTo>
                    <a:pt x="89916" y="813821"/>
                  </a:lnTo>
                  <a:lnTo>
                    <a:pt x="88392" y="815345"/>
                  </a:lnTo>
                  <a:lnTo>
                    <a:pt x="91440" y="815345"/>
                  </a:lnTo>
                  <a:lnTo>
                    <a:pt x="91440" y="813821"/>
                  </a:lnTo>
                  <a:close/>
                </a:path>
                <a:path w="91440" h="817245">
                  <a:moveTo>
                    <a:pt x="3048" y="1524"/>
                  </a:moveTo>
                  <a:lnTo>
                    <a:pt x="1524" y="3048"/>
                  </a:lnTo>
                  <a:lnTo>
                    <a:pt x="3048" y="3048"/>
                  </a:lnTo>
                  <a:lnTo>
                    <a:pt x="3048" y="1524"/>
                  </a:lnTo>
                  <a:close/>
                </a:path>
                <a:path w="91440" h="817245">
                  <a:moveTo>
                    <a:pt x="88392" y="1524"/>
                  </a:moveTo>
                  <a:lnTo>
                    <a:pt x="3048" y="1524"/>
                  </a:lnTo>
                  <a:lnTo>
                    <a:pt x="3048" y="3048"/>
                  </a:lnTo>
                  <a:lnTo>
                    <a:pt x="88392" y="3048"/>
                  </a:lnTo>
                  <a:lnTo>
                    <a:pt x="88392" y="1524"/>
                  </a:lnTo>
                  <a:close/>
                </a:path>
                <a:path w="91440" h="817245">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60" name="object 160"/>
            <p:cNvSpPr/>
            <p:nvPr/>
          </p:nvSpPr>
          <p:spPr>
            <a:xfrm>
              <a:off x="7537704" y="5655568"/>
              <a:ext cx="88900" cy="802005"/>
            </a:xfrm>
            <a:custGeom>
              <a:avLst/>
              <a:gdLst/>
              <a:ahLst/>
              <a:cxnLst/>
              <a:rect l="l" t="t" r="r" b="b"/>
              <a:pathLst>
                <a:path w="88900" h="802004">
                  <a:moveTo>
                    <a:pt x="88392" y="0"/>
                  </a:moveTo>
                  <a:lnTo>
                    <a:pt x="0" y="0"/>
                  </a:lnTo>
                  <a:lnTo>
                    <a:pt x="0" y="801624"/>
                  </a:lnTo>
                  <a:lnTo>
                    <a:pt x="88392" y="801624"/>
                  </a:lnTo>
                  <a:lnTo>
                    <a:pt x="88392" y="0"/>
                  </a:lnTo>
                  <a:close/>
                </a:path>
              </a:pathLst>
            </a:custGeom>
            <a:solidFill>
              <a:srgbClr val="8080FF"/>
            </a:solidFill>
          </p:spPr>
          <p:txBody>
            <a:bodyPr wrap="square" lIns="0" tIns="0" rIns="0" bIns="0" rtlCol="0"/>
            <a:lstStyle/>
            <a:p>
              <a:endParaRPr sz="1539"/>
            </a:p>
          </p:txBody>
        </p:sp>
        <p:sp>
          <p:nvSpPr>
            <p:cNvPr id="161" name="object 161"/>
            <p:cNvSpPr/>
            <p:nvPr/>
          </p:nvSpPr>
          <p:spPr>
            <a:xfrm>
              <a:off x="7536180" y="5654039"/>
              <a:ext cx="91440" cy="805180"/>
            </a:xfrm>
            <a:custGeom>
              <a:avLst/>
              <a:gdLst/>
              <a:ahLst/>
              <a:cxnLst/>
              <a:rect l="l" t="t" r="r" b="b"/>
              <a:pathLst>
                <a:path w="91440" h="805179">
                  <a:moveTo>
                    <a:pt x="89916" y="0"/>
                  </a:moveTo>
                  <a:lnTo>
                    <a:pt x="1524" y="0"/>
                  </a:lnTo>
                  <a:lnTo>
                    <a:pt x="0" y="1524"/>
                  </a:lnTo>
                  <a:lnTo>
                    <a:pt x="0" y="803153"/>
                  </a:lnTo>
                  <a:lnTo>
                    <a:pt x="1524" y="804677"/>
                  </a:lnTo>
                  <a:lnTo>
                    <a:pt x="89916" y="804677"/>
                  </a:lnTo>
                  <a:lnTo>
                    <a:pt x="91440" y="803153"/>
                  </a:lnTo>
                  <a:lnTo>
                    <a:pt x="3048" y="803153"/>
                  </a:lnTo>
                  <a:lnTo>
                    <a:pt x="1524" y="801629"/>
                  </a:lnTo>
                  <a:lnTo>
                    <a:pt x="3048" y="801629"/>
                  </a:lnTo>
                  <a:lnTo>
                    <a:pt x="3048" y="3048"/>
                  </a:lnTo>
                  <a:lnTo>
                    <a:pt x="1524" y="3048"/>
                  </a:lnTo>
                  <a:lnTo>
                    <a:pt x="3048" y="1524"/>
                  </a:lnTo>
                  <a:lnTo>
                    <a:pt x="91440" y="1524"/>
                  </a:lnTo>
                  <a:lnTo>
                    <a:pt x="89916" y="0"/>
                  </a:lnTo>
                  <a:close/>
                </a:path>
                <a:path w="91440" h="805179">
                  <a:moveTo>
                    <a:pt x="3048" y="801629"/>
                  </a:moveTo>
                  <a:lnTo>
                    <a:pt x="1524" y="801629"/>
                  </a:lnTo>
                  <a:lnTo>
                    <a:pt x="3048" y="803153"/>
                  </a:lnTo>
                  <a:lnTo>
                    <a:pt x="3048" y="801629"/>
                  </a:lnTo>
                  <a:close/>
                </a:path>
                <a:path w="91440" h="805179">
                  <a:moveTo>
                    <a:pt x="88392" y="801629"/>
                  </a:moveTo>
                  <a:lnTo>
                    <a:pt x="3048" y="801629"/>
                  </a:lnTo>
                  <a:lnTo>
                    <a:pt x="3048" y="803153"/>
                  </a:lnTo>
                  <a:lnTo>
                    <a:pt x="88392" y="803153"/>
                  </a:lnTo>
                  <a:lnTo>
                    <a:pt x="88392" y="801629"/>
                  </a:lnTo>
                  <a:close/>
                </a:path>
                <a:path w="91440" h="805179">
                  <a:moveTo>
                    <a:pt x="88392" y="1524"/>
                  </a:moveTo>
                  <a:lnTo>
                    <a:pt x="88392" y="803153"/>
                  </a:lnTo>
                  <a:lnTo>
                    <a:pt x="89916" y="801629"/>
                  </a:lnTo>
                  <a:lnTo>
                    <a:pt x="91440" y="801629"/>
                  </a:lnTo>
                  <a:lnTo>
                    <a:pt x="91440" y="3048"/>
                  </a:lnTo>
                  <a:lnTo>
                    <a:pt x="89916" y="3048"/>
                  </a:lnTo>
                  <a:lnTo>
                    <a:pt x="88392" y="1524"/>
                  </a:lnTo>
                  <a:close/>
                </a:path>
                <a:path w="91440" h="805179">
                  <a:moveTo>
                    <a:pt x="91440" y="801629"/>
                  </a:moveTo>
                  <a:lnTo>
                    <a:pt x="89916" y="801629"/>
                  </a:lnTo>
                  <a:lnTo>
                    <a:pt x="88392" y="803153"/>
                  </a:lnTo>
                  <a:lnTo>
                    <a:pt x="91440" y="803153"/>
                  </a:lnTo>
                  <a:lnTo>
                    <a:pt x="91440" y="801629"/>
                  </a:lnTo>
                  <a:close/>
                </a:path>
                <a:path w="91440" h="805179">
                  <a:moveTo>
                    <a:pt x="3048" y="1524"/>
                  </a:moveTo>
                  <a:lnTo>
                    <a:pt x="1524" y="3048"/>
                  </a:lnTo>
                  <a:lnTo>
                    <a:pt x="3048" y="3048"/>
                  </a:lnTo>
                  <a:lnTo>
                    <a:pt x="3048" y="1524"/>
                  </a:lnTo>
                  <a:close/>
                </a:path>
                <a:path w="91440" h="805179">
                  <a:moveTo>
                    <a:pt x="88392" y="1524"/>
                  </a:moveTo>
                  <a:lnTo>
                    <a:pt x="3048" y="1524"/>
                  </a:lnTo>
                  <a:lnTo>
                    <a:pt x="3048" y="3048"/>
                  </a:lnTo>
                  <a:lnTo>
                    <a:pt x="88392" y="3048"/>
                  </a:lnTo>
                  <a:lnTo>
                    <a:pt x="88392" y="1524"/>
                  </a:lnTo>
                  <a:close/>
                </a:path>
                <a:path w="91440" h="805179">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62" name="object 162"/>
            <p:cNvSpPr/>
            <p:nvPr/>
          </p:nvSpPr>
          <p:spPr>
            <a:xfrm>
              <a:off x="7758683" y="5596133"/>
              <a:ext cx="88900" cy="861060"/>
            </a:xfrm>
            <a:custGeom>
              <a:avLst/>
              <a:gdLst/>
              <a:ahLst/>
              <a:cxnLst/>
              <a:rect l="l" t="t" r="r" b="b"/>
              <a:pathLst>
                <a:path w="88900" h="861060">
                  <a:moveTo>
                    <a:pt x="88392" y="0"/>
                  </a:moveTo>
                  <a:lnTo>
                    <a:pt x="0" y="0"/>
                  </a:lnTo>
                  <a:lnTo>
                    <a:pt x="0" y="861060"/>
                  </a:lnTo>
                  <a:lnTo>
                    <a:pt x="88392" y="861060"/>
                  </a:lnTo>
                  <a:lnTo>
                    <a:pt x="88392" y="0"/>
                  </a:lnTo>
                  <a:close/>
                </a:path>
              </a:pathLst>
            </a:custGeom>
            <a:solidFill>
              <a:srgbClr val="8080FF"/>
            </a:solidFill>
          </p:spPr>
          <p:txBody>
            <a:bodyPr wrap="square" lIns="0" tIns="0" rIns="0" bIns="0" rtlCol="0"/>
            <a:lstStyle/>
            <a:p>
              <a:endParaRPr sz="1539"/>
            </a:p>
          </p:txBody>
        </p:sp>
        <p:sp>
          <p:nvSpPr>
            <p:cNvPr id="163" name="object 163"/>
            <p:cNvSpPr/>
            <p:nvPr/>
          </p:nvSpPr>
          <p:spPr>
            <a:xfrm>
              <a:off x="7757159" y="5594604"/>
              <a:ext cx="91440" cy="864235"/>
            </a:xfrm>
            <a:custGeom>
              <a:avLst/>
              <a:gdLst/>
              <a:ahLst/>
              <a:cxnLst/>
              <a:rect l="l" t="t" r="r" b="b"/>
              <a:pathLst>
                <a:path w="91440" h="864235">
                  <a:moveTo>
                    <a:pt x="89916" y="0"/>
                  </a:moveTo>
                  <a:lnTo>
                    <a:pt x="1524" y="0"/>
                  </a:lnTo>
                  <a:lnTo>
                    <a:pt x="0" y="1523"/>
                  </a:lnTo>
                  <a:lnTo>
                    <a:pt x="0" y="862589"/>
                  </a:lnTo>
                  <a:lnTo>
                    <a:pt x="1524" y="864113"/>
                  </a:lnTo>
                  <a:lnTo>
                    <a:pt x="89916" y="864113"/>
                  </a:lnTo>
                  <a:lnTo>
                    <a:pt x="91440" y="862589"/>
                  </a:lnTo>
                  <a:lnTo>
                    <a:pt x="3048" y="862589"/>
                  </a:lnTo>
                  <a:lnTo>
                    <a:pt x="1524" y="861065"/>
                  </a:lnTo>
                  <a:lnTo>
                    <a:pt x="3048" y="861065"/>
                  </a:lnTo>
                  <a:lnTo>
                    <a:pt x="3048" y="3047"/>
                  </a:lnTo>
                  <a:lnTo>
                    <a:pt x="1524" y="3047"/>
                  </a:lnTo>
                  <a:lnTo>
                    <a:pt x="3048" y="1523"/>
                  </a:lnTo>
                  <a:lnTo>
                    <a:pt x="91440" y="1523"/>
                  </a:lnTo>
                  <a:lnTo>
                    <a:pt x="89916" y="0"/>
                  </a:lnTo>
                  <a:close/>
                </a:path>
                <a:path w="91440" h="864235">
                  <a:moveTo>
                    <a:pt x="3048" y="861065"/>
                  </a:moveTo>
                  <a:lnTo>
                    <a:pt x="1524" y="861065"/>
                  </a:lnTo>
                  <a:lnTo>
                    <a:pt x="3048" y="862589"/>
                  </a:lnTo>
                  <a:lnTo>
                    <a:pt x="3048" y="861065"/>
                  </a:lnTo>
                  <a:close/>
                </a:path>
                <a:path w="91440" h="864235">
                  <a:moveTo>
                    <a:pt x="88392" y="861065"/>
                  </a:moveTo>
                  <a:lnTo>
                    <a:pt x="3048" y="861065"/>
                  </a:lnTo>
                  <a:lnTo>
                    <a:pt x="3048" y="862589"/>
                  </a:lnTo>
                  <a:lnTo>
                    <a:pt x="88392" y="862589"/>
                  </a:lnTo>
                  <a:lnTo>
                    <a:pt x="88392" y="861065"/>
                  </a:lnTo>
                  <a:close/>
                </a:path>
                <a:path w="91440" h="864235">
                  <a:moveTo>
                    <a:pt x="88392" y="1523"/>
                  </a:moveTo>
                  <a:lnTo>
                    <a:pt x="88392" y="862589"/>
                  </a:lnTo>
                  <a:lnTo>
                    <a:pt x="89916" y="861065"/>
                  </a:lnTo>
                  <a:lnTo>
                    <a:pt x="91440" y="861065"/>
                  </a:lnTo>
                  <a:lnTo>
                    <a:pt x="91440" y="3047"/>
                  </a:lnTo>
                  <a:lnTo>
                    <a:pt x="89916" y="3047"/>
                  </a:lnTo>
                  <a:lnTo>
                    <a:pt x="88392" y="1523"/>
                  </a:lnTo>
                  <a:close/>
                </a:path>
                <a:path w="91440" h="864235">
                  <a:moveTo>
                    <a:pt x="91440" y="861065"/>
                  </a:moveTo>
                  <a:lnTo>
                    <a:pt x="89916" y="861065"/>
                  </a:lnTo>
                  <a:lnTo>
                    <a:pt x="88392" y="862589"/>
                  </a:lnTo>
                  <a:lnTo>
                    <a:pt x="91440" y="862589"/>
                  </a:lnTo>
                  <a:lnTo>
                    <a:pt x="91440" y="861065"/>
                  </a:lnTo>
                  <a:close/>
                </a:path>
                <a:path w="91440" h="864235">
                  <a:moveTo>
                    <a:pt x="3048" y="1523"/>
                  </a:moveTo>
                  <a:lnTo>
                    <a:pt x="1524" y="3047"/>
                  </a:lnTo>
                  <a:lnTo>
                    <a:pt x="3048" y="3047"/>
                  </a:lnTo>
                  <a:lnTo>
                    <a:pt x="3048" y="1523"/>
                  </a:lnTo>
                  <a:close/>
                </a:path>
                <a:path w="91440" h="864235">
                  <a:moveTo>
                    <a:pt x="88392" y="1523"/>
                  </a:moveTo>
                  <a:lnTo>
                    <a:pt x="3048" y="1523"/>
                  </a:lnTo>
                  <a:lnTo>
                    <a:pt x="3048" y="3047"/>
                  </a:lnTo>
                  <a:lnTo>
                    <a:pt x="88392" y="3047"/>
                  </a:lnTo>
                  <a:lnTo>
                    <a:pt x="88392" y="1523"/>
                  </a:lnTo>
                  <a:close/>
                </a:path>
                <a:path w="91440" h="864235">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64" name="object 164"/>
            <p:cNvSpPr/>
            <p:nvPr/>
          </p:nvSpPr>
          <p:spPr>
            <a:xfrm>
              <a:off x="7979664" y="5594609"/>
              <a:ext cx="88900" cy="862965"/>
            </a:xfrm>
            <a:custGeom>
              <a:avLst/>
              <a:gdLst/>
              <a:ahLst/>
              <a:cxnLst/>
              <a:rect l="l" t="t" r="r" b="b"/>
              <a:pathLst>
                <a:path w="88900" h="862964">
                  <a:moveTo>
                    <a:pt x="88392" y="0"/>
                  </a:moveTo>
                  <a:lnTo>
                    <a:pt x="0" y="0"/>
                  </a:lnTo>
                  <a:lnTo>
                    <a:pt x="0" y="862584"/>
                  </a:lnTo>
                  <a:lnTo>
                    <a:pt x="88392" y="862584"/>
                  </a:lnTo>
                  <a:lnTo>
                    <a:pt x="88392" y="0"/>
                  </a:lnTo>
                  <a:close/>
                </a:path>
              </a:pathLst>
            </a:custGeom>
            <a:solidFill>
              <a:srgbClr val="8080FF"/>
            </a:solidFill>
          </p:spPr>
          <p:txBody>
            <a:bodyPr wrap="square" lIns="0" tIns="0" rIns="0" bIns="0" rtlCol="0"/>
            <a:lstStyle/>
            <a:p>
              <a:endParaRPr sz="1539"/>
            </a:p>
          </p:txBody>
        </p:sp>
        <p:sp>
          <p:nvSpPr>
            <p:cNvPr id="165" name="object 165"/>
            <p:cNvSpPr/>
            <p:nvPr/>
          </p:nvSpPr>
          <p:spPr>
            <a:xfrm>
              <a:off x="7978140" y="5593080"/>
              <a:ext cx="91440" cy="866140"/>
            </a:xfrm>
            <a:custGeom>
              <a:avLst/>
              <a:gdLst/>
              <a:ahLst/>
              <a:cxnLst/>
              <a:rect l="l" t="t" r="r" b="b"/>
              <a:pathLst>
                <a:path w="91440" h="866139">
                  <a:moveTo>
                    <a:pt x="89915" y="0"/>
                  </a:moveTo>
                  <a:lnTo>
                    <a:pt x="1524" y="0"/>
                  </a:lnTo>
                  <a:lnTo>
                    <a:pt x="0" y="1523"/>
                  </a:lnTo>
                  <a:lnTo>
                    <a:pt x="0" y="864113"/>
                  </a:lnTo>
                  <a:lnTo>
                    <a:pt x="1524" y="865637"/>
                  </a:lnTo>
                  <a:lnTo>
                    <a:pt x="89915" y="865637"/>
                  </a:lnTo>
                  <a:lnTo>
                    <a:pt x="91439" y="864113"/>
                  </a:lnTo>
                  <a:lnTo>
                    <a:pt x="3048" y="864113"/>
                  </a:lnTo>
                  <a:lnTo>
                    <a:pt x="1524" y="862589"/>
                  </a:lnTo>
                  <a:lnTo>
                    <a:pt x="3048" y="862589"/>
                  </a:lnTo>
                  <a:lnTo>
                    <a:pt x="3048" y="3047"/>
                  </a:lnTo>
                  <a:lnTo>
                    <a:pt x="1524" y="3047"/>
                  </a:lnTo>
                  <a:lnTo>
                    <a:pt x="3048" y="1523"/>
                  </a:lnTo>
                  <a:lnTo>
                    <a:pt x="91439" y="1523"/>
                  </a:lnTo>
                  <a:lnTo>
                    <a:pt x="89915" y="0"/>
                  </a:lnTo>
                  <a:close/>
                </a:path>
                <a:path w="91440" h="866139">
                  <a:moveTo>
                    <a:pt x="3048" y="862589"/>
                  </a:moveTo>
                  <a:lnTo>
                    <a:pt x="1524" y="862589"/>
                  </a:lnTo>
                  <a:lnTo>
                    <a:pt x="3048" y="864113"/>
                  </a:lnTo>
                  <a:lnTo>
                    <a:pt x="3048" y="862589"/>
                  </a:lnTo>
                  <a:close/>
                </a:path>
                <a:path w="91440" h="866139">
                  <a:moveTo>
                    <a:pt x="88391" y="862589"/>
                  </a:moveTo>
                  <a:lnTo>
                    <a:pt x="3048" y="862589"/>
                  </a:lnTo>
                  <a:lnTo>
                    <a:pt x="3048" y="864113"/>
                  </a:lnTo>
                  <a:lnTo>
                    <a:pt x="88391" y="864113"/>
                  </a:lnTo>
                  <a:lnTo>
                    <a:pt x="88391" y="862589"/>
                  </a:lnTo>
                  <a:close/>
                </a:path>
                <a:path w="91440" h="866139">
                  <a:moveTo>
                    <a:pt x="88391" y="1523"/>
                  </a:moveTo>
                  <a:lnTo>
                    <a:pt x="88391" y="864113"/>
                  </a:lnTo>
                  <a:lnTo>
                    <a:pt x="89915" y="862589"/>
                  </a:lnTo>
                  <a:lnTo>
                    <a:pt x="91439" y="862589"/>
                  </a:lnTo>
                  <a:lnTo>
                    <a:pt x="91439" y="3047"/>
                  </a:lnTo>
                  <a:lnTo>
                    <a:pt x="89915" y="3047"/>
                  </a:lnTo>
                  <a:lnTo>
                    <a:pt x="88391" y="1523"/>
                  </a:lnTo>
                  <a:close/>
                </a:path>
                <a:path w="91440" h="866139">
                  <a:moveTo>
                    <a:pt x="91439" y="862589"/>
                  </a:moveTo>
                  <a:lnTo>
                    <a:pt x="89915" y="862589"/>
                  </a:lnTo>
                  <a:lnTo>
                    <a:pt x="88391" y="864113"/>
                  </a:lnTo>
                  <a:lnTo>
                    <a:pt x="91439" y="864113"/>
                  </a:lnTo>
                  <a:lnTo>
                    <a:pt x="91439" y="862589"/>
                  </a:lnTo>
                  <a:close/>
                </a:path>
                <a:path w="91440" h="866139">
                  <a:moveTo>
                    <a:pt x="3048" y="1523"/>
                  </a:moveTo>
                  <a:lnTo>
                    <a:pt x="1524" y="3047"/>
                  </a:lnTo>
                  <a:lnTo>
                    <a:pt x="3048" y="3047"/>
                  </a:lnTo>
                  <a:lnTo>
                    <a:pt x="3048" y="1523"/>
                  </a:lnTo>
                  <a:close/>
                </a:path>
                <a:path w="91440" h="866139">
                  <a:moveTo>
                    <a:pt x="88391" y="1523"/>
                  </a:moveTo>
                  <a:lnTo>
                    <a:pt x="3048" y="1523"/>
                  </a:lnTo>
                  <a:lnTo>
                    <a:pt x="3048" y="3047"/>
                  </a:lnTo>
                  <a:lnTo>
                    <a:pt x="88391" y="3047"/>
                  </a:lnTo>
                  <a:lnTo>
                    <a:pt x="88391" y="1523"/>
                  </a:lnTo>
                  <a:close/>
                </a:path>
                <a:path w="91440" h="866139">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166" name="object 166"/>
            <p:cNvSpPr/>
            <p:nvPr/>
          </p:nvSpPr>
          <p:spPr>
            <a:xfrm>
              <a:off x="8200644" y="5564129"/>
              <a:ext cx="88900" cy="893444"/>
            </a:xfrm>
            <a:custGeom>
              <a:avLst/>
              <a:gdLst/>
              <a:ahLst/>
              <a:cxnLst/>
              <a:rect l="l" t="t" r="r" b="b"/>
              <a:pathLst>
                <a:path w="88900" h="893445">
                  <a:moveTo>
                    <a:pt x="88392" y="0"/>
                  </a:moveTo>
                  <a:lnTo>
                    <a:pt x="0" y="0"/>
                  </a:lnTo>
                  <a:lnTo>
                    <a:pt x="0" y="893063"/>
                  </a:lnTo>
                  <a:lnTo>
                    <a:pt x="88392" y="893063"/>
                  </a:lnTo>
                  <a:lnTo>
                    <a:pt x="88392" y="0"/>
                  </a:lnTo>
                  <a:close/>
                </a:path>
              </a:pathLst>
            </a:custGeom>
            <a:solidFill>
              <a:srgbClr val="8080FF"/>
            </a:solidFill>
          </p:spPr>
          <p:txBody>
            <a:bodyPr wrap="square" lIns="0" tIns="0" rIns="0" bIns="0" rtlCol="0"/>
            <a:lstStyle/>
            <a:p>
              <a:endParaRPr sz="1539"/>
            </a:p>
          </p:txBody>
        </p:sp>
        <p:sp>
          <p:nvSpPr>
            <p:cNvPr id="167" name="object 167"/>
            <p:cNvSpPr/>
            <p:nvPr/>
          </p:nvSpPr>
          <p:spPr>
            <a:xfrm>
              <a:off x="8199120" y="5562600"/>
              <a:ext cx="91440" cy="896619"/>
            </a:xfrm>
            <a:custGeom>
              <a:avLst/>
              <a:gdLst/>
              <a:ahLst/>
              <a:cxnLst/>
              <a:rect l="l" t="t" r="r" b="b"/>
              <a:pathLst>
                <a:path w="91440" h="896620">
                  <a:moveTo>
                    <a:pt x="89915" y="0"/>
                  </a:moveTo>
                  <a:lnTo>
                    <a:pt x="1524" y="0"/>
                  </a:lnTo>
                  <a:lnTo>
                    <a:pt x="0" y="1524"/>
                  </a:lnTo>
                  <a:lnTo>
                    <a:pt x="0" y="894593"/>
                  </a:lnTo>
                  <a:lnTo>
                    <a:pt x="1524" y="896117"/>
                  </a:lnTo>
                  <a:lnTo>
                    <a:pt x="89915" y="896117"/>
                  </a:lnTo>
                  <a:lnTo>
                    <a:pt x="91439" y="894593"/>
                  </a:lnTo>
                  <a:lnTo>
                    <a:pt x="3048" y="894593"/>
                  </a:lnTo>
                  <a:lnTo>
                    <a:pt x="1524" y="893069"/>
                  </a:lnTo>
                  <a:lnTo>
                    <a:pt x="3048" y="893069"/>
                  </a:lnTo>
                  <a:lnTo>
                    <a:pt x="3048" y="3048"/>
                  </a:lnTo>
                  <a:lnTo>
                    <a:pt x="1524" y="3048"/>
                  </a:lnTo>
                  <a:lnTo>
                    <a:pt x="3048" y="1524"/>
                  </a:lnTo>
                  <a:lnTo>
                    <a:pt x="91439" y="1524"/>
                  </a:lnTo>
                  <a:lnTo>
                    <a:pt x="89915" y="0"/>
                  </a:lnTo>
                  <a:close/>
                </a:path>
                <a:path w="91440" h="896620">
                  <a:moveTo>
                    <a:pt x="3048" y="893069"/>
                  </a:moveTo>
                  <a:lnTo>
                    <a:pt x="1524" y="893069"/>
                  </a:lnTo>
                  <a:lnTo>
                    <a:pt x="3048" y="894593"/>
                  </a:lnTo>
                  <a:lnTo>
                    <a:pt x="3048" y="893069"/>
                  </a:lnTo>
                  <a:close/>
                </a:path>
                <a:path w="91440" h="896620">
                  <a:moveTo>
                    <a:pt x="88391" y="893069"/>
                  </a:moveTo>
                  <a:lnTo>
                    <a:pt x="3048" y="893069"/>
                  </a:lnTo>
                  <a:lnTo>
                    <a:pt x="3048" y="894593"/>
                  </a:lnTo>
                  <a:lnTo>
                    <a:pt x="88391" y="894593"/>
                  </a:lnTo>
                  <a:lnTo>
                    <a:pt x="88391" y="893069"/>
                  </a:lnTo>
                  <a:close/>
                </a:path>
                <a:path w="91440" h="896620">
                  <a:moveTo>
                    <a:pt x="88391" y="1524"/>
                  </a:moveTo>
                  <a:lnTo>
                    <a:pt x="88391" y="894593"/>
                  </a:lnTo>
                  <a:lnTo>
                    <a:pt x="89915" y="893069"/>
                  </a:lnTo>
                  <a:lnTo>
                    <a:pt x="91439" y="893069"/>
                  </a:lnTo>
                  <a:lnTo>
                    <a:pt x="91439" y="3048"/>
                  </a:lnTo>
                  <a:lnTo>
                    <a:pt x="89915" y="3048"/>
                  </a:lnTo>
                  <a:lnTo>
                    <a:pt x="88391" y="1524"/>
                  </a:lnTo>
                  <a:close/>
                </a:path>
                <a:path w="91440" h="896620">
                  <a:moveTo>
                    <a:pt x="91439" y="893069"/>
                  </a:moveTo>
                  <a:lnTo>
                    <a:pt x="89915" y="893069"/>
                  </a:lnTo>
                  <a:lnTo>
                    <a:pt x="88391" y="894593"/>
                  </a:lnTo>
                  <a:lnTo>
                    <a:pt x="91439" y="894593"/>
                  </a:lnTo>
                  <a:lnTo>
                    <a:pt x="91439" y="893069"/>
                  </a:lnTo>
                  <a:close/>
                </a:path>
                <a:path w="91440" h="896620">
                  <a:moveTo>
                    <a:pt x="3048" y="1524"/>
                  </a:moveTo>
                  <a:lnTo>
                    <a:pt x="1524" y="3048"/>
                  </a:lnTo>
                  <a:lnTo>
                    <a:pt x="3048" y="3048"/>
                  </a:lnTo>
                  <a:lnTo>
                    <a:pt x="3048" y="1524"/>
                  </a:lnTo>
                  <a:close/>
                </a:path>
                <a:path w="91440" h="896620">
                  <a:moveTo>
                    <a:pt x="88391" y="1524"/>
                  </a:moveTo>
                  <a:lnTo>
                    <a:pt x="3048" y="1524"/>
                  </a:lnTo>
                  <a:lnTo>
                    <a:pt x="3048" y="3048"/>
                  </a:lnTo>
                  <a:lnTo>
                    <a:pt x="88391" y="3048"/>
                  </a:lnTo>
                  <a:lnTo>
                    <a:pt x="88391" y="1524"/>
                  </a:lnTo>
                  <a:close/>
                </a:path>
                <a:path w="91440" h="89662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68" name="object 168"/>
            <p:cNvSpPr/>
            <p:nvPr/>
          </p:nvSpPr>
          <p:spPr>
            <a:xfrm>
              <a:off x="8421623" y="5510789"/>
              <a:ext cx="88900" cy="946785"/>
            </a:xfrm>
            <a:custGeom>
              <a:avLst/>
              <a:gdLst/>
              <a:ahLst/>
              <a:cxnLst/>
              <a:rect l="l" t="t" r="r" b="b"/>
              <a:pathLst>
                <a:path w="88900" h="946785">
                  <a:moveTo>
                    <a:pt x="88392" y="0"/>
                  </a:moveTo>
                  <a:lnTo>
                    <a:pt x="0" y="0"/>
                  </a:lnTo>
                  <a:lnTo>
                    <a:pt x="0" y="946403"/>
                  </a:lnTo>
                  <a:lnTo>
                    <a:pt x="88392" y="946403"/>
                  </a:lnTo>
                  <a:lnTo>
                    <a:pt x="88392" y="0"/>
                  </a:lnTo>
                  <a:close/>
                </a:path>
              </a:pathLst>
            </a:custGeom>
            <a:solidFill>
              <a:srgbClr val="8080FF"/>
            </a:solidFill>
          </p:spPr>
          <p:txBody>
            <a:bodyPr wrap="square" lIns="0" tIns="0" rIns="0" bIns="0" rtlCol="0"/>
            <a:lstStyle/>
            <a:p>
              <a:endParaRPr sz="1539"/>
            </a:p>
          </p:txBody>
        </p:sp>
        <p:sp>
          <p:nvSpPr>
            <p:cNvPr id="169" name="object 169"/>
            <p:cNvSpPr/>
            <p:nvPr/>
          </p:nvSpPr>
          <p:spPr>
            <a:xfrm>
              <a:off x="8420099" y="5509260"/>
              <a:ext cx="91440" cy="949960"/>
            </a:xfrm>
            <a:custGeom>
              <a:avLst/>
              <a:gdLst/>
              <a:ahLst/>
              <a:cxnLst/>
              <a:rect l="l" t="t" r="r" b="b"/>
              <a:pathLst>
                <a:path w="91440" h="949960">
                  <a:moveTo>
                    <a:pt x="89916" y="0"/>
                  </a:moveTo>
                  <a:lnTo>
                    <a:pt x="1524" y="0"/>
                  </a:lnTo>
                  <a:lnTo>
                    <a:pt x="0" y="1524"/>
                  </a:lnTo>
                  <a:lnTo>
                    <a:pt x="0" y="947933"/>
                  </a:lnTo>
                  <a:lnTo>
                    <a:pt x="1524" y="949457"/>
                  </a:lnTo>
                  <a:lnTo>
                    <a:pt x="89916" y="949457"/>
                  </a:lnTo>
                  <a:lnTo>
                    <a:pt x="91440" y="947933"/>
                  </a:lnTo>
                  <a:lnTo>
                    <a:pt x="3048" y="947933"/>
                  </a:lnTo>
                  <a:lnTo>
                    <a:pt x="1524" y="946409"/>
                  </a:lnTo>
                  <a:lnTo>
                    <a:pt x="3048" y="946409"/>
                  </a:lnTo>
                  <a:lnTo>
                    <a:pt x="3048" y="3048"/>
                  </a:lnTo>
                  <a:lnTo>
                    <a:pt x="1524" y="3048"/>
                  </a:lnTo>
                  <a:lnTo>
                    <a:pt x="3048" y="1524"/>
                  </a:lnTo>
                  <a:lnTo>
                    <a:pt x="91440" y="1524"/>
                  </a:lnTo>
                  <a:lnTo>
                    <a:pt x="89916" y="0"/>
                  </a:lnTo>
                  <a:close/>
                </a:path>
                <a:path w="91440" h="949960">
                  <a:moveTo>
                    <a:pt x="3048" y="946409"/>
                  </a:moveTo>
                  <a:lnTo>
                    <a:pt x="1524" y="946409"/>
                  </a:lnTo>
                  <a:lnTo>
                    <a:pt x="3048" y="947933"/>
                  </a:lnTo>
                  <a:lnTo>
                    <a:pt x="3048" y="946409"/>
                  </a:lnTo>
                  <a:close/>
                </a:path>
                <a:path w="91440" h="949960">
                  <a:moveTo>
                    <a:pt x="88392" y="946409"/>
                  </a:moveTo>
                  <a:lnTo>
                    <a:pt x="3048" y="946409"/>
                  </a:lnTo>
                  <a:lnTo>
                    <a:pt x="3048" y="947933"/>
                  </a:lnTo>
                  <a:lnTo>
                    <a:pt x="88392" y="947933"/>
                  </a:lnTo>
                  <a:lnTo>
                    <a:pt x="88392" y="946409"/>
                  </a:lnTo>
                  <a:close/>
                </a:path>
                <a:path w="91440" h="949960">
                  <a:moveTo>
                    <a:pt x="88392" y="1524"/>
                  </a:moveTo>
                  <a:lnTo>
                    <a:pt x="88392" y="947933"/>
                  </a:lnTo>
                  <a:lnTo>
                    <a:pt x="89916" y="946409"/>
                  </a:lnTo>
                  <a:lnTo>
                    <a:pt x="91440" y="946409"/>
                  </a:lnTo>
                  <a:lnTo>
                    <a:pt x="91440" y="3048"/>
                  </a:lnTo>
                  <a:lnTo>
                    <a:pt x="89916" y="3048"/>
                  </a:lnTo>
                  <a:lnTo>
                    <a:pt x="88392" y="1524"/>
                  </a:lnTo>
                  <a:close/>
                </a:path>
                <a:path w="91440" h="949960">
                  <a:moveTo>
                    <a:pt x="91440" y="946409"/>
                  </a:moveTo>
                  <a:lnTo>
                    <a:pt x="89916" y="946409"/>
                  </a:lnTo>
                  <a:lnTo>
                    <a:pt x="88392" y="947933"/>
                  </a:lnTo>
                  <a:lnTo>
                    <a:pt x="91440" y="947933"/>
                  </a:lnTo>
                  <a:lnTo>
                    <a:pt x="91440" y="946409"/>
                  </a:lnTo>
                  <a:close/>
                </a:path>
                <a:path w="91440" h="949960">
                  <a:moveTo>
                    <a:pt x="3048" y="1524"/>
                  </a:moveTo>
                  <a:lnTo>
                    <a:pt x="1524" y="3048"/>
                  </a:lnTo>
                  <a:lnTo>
                    <a:pt x="3048" y="3048"/>
                  </a:lnTo>
                  <a:lnTo>
                    <a:pt x="3048" y="1524"/>
                  </a:lnTo>
                  <a:close/>
                </a:path>
                <a:path w="91440" h="949960">
                  <a:moveTo>
                    <a:pt x="88392" y="1524"/>
                  </a:moveTo>
                  <a:lnTo>
                    <a:pt x="3048" y="1524"/>
                  </a:lnTo>
                  <a:lnTo>
                    <a:pt x="3048" y="3048"/>
                  </a:lnTo>
                  <a:lnTo>
                    <a:pt x="88392" y="3048"/>
                  </a:lnTo>
                  <a:lnTo>
                    <a:pt x="88392" y="1524"/>
                  </a:lnTo>
                  <a:close/>
                </a:path>
                <a:path w="91440" h="94996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70" name="object 170"/>
            <p:cNvSpPr/>
            <p:nvPr/>
          </p:nvSpPr>
          <p:spPr>
            <a:xfrm>
              <a:off x="8642604" y="5375153"/>
              <a:ext cx="88900" cy="1082040"/>
            </a:xfrm>
            <a:custGeom>
              <a:avLst/>
              <a:gdLst/>
              <a:ahLst/>
              <a:cxnLst/>
              <a:rect l="l" t="t" r="r" b="b"/>
              <a:pathLst>
                <a:path w="88900" h="1082039">
                  <a:moveTo>
                    <a:pt x="88392" y="0"/>
                  </a:moveTo>
                  <a:lnTo>
                    <a:pt x="0" y="0"/>
                  </a:lnTo>
                  <a:lnTo>
                    <a:pt x="0" y="1082039"/>
                  </a:lnTo>
                  <a:lnTo>
                    <a:pt x="88392" y="1082039"/>
                  </a:lnTo>
                  <a:lnTo>
                    <a:pt x="88392" y="0"/>
                  </a:lnTo>
                  <a:close/>
                </a:path>
              </a:pathLst>
            </a:custGeom>
            <a:solidFill>
              <a:srgbClr val="8080FF"/>
            </a:solidFill>
          </p:spPr>
          <p:txBody>
            <a:bodyPr wrap="square" lIns="0" tIns="0" rIns="0" bIns="0" rtlCol="0"/>
            <a:lstStyle/>
            <a:p>
              <a:endParaRPr sz="1539"/>
            </a:p>
          </p:txBody>
        </p:sp>
        <p:sp>
          <p:nvSpPr>
            <p:cNvPr id="171" name="object 171"/>
            <p:cNvSpPr/>
            <p:nvPr/>
          </p:nvSpPr>
          <p:spPr>
            <a:xfrm>
              <a:off x="8641080" y="5373624"/>
              <a:ext cx="91440" cy="1085215"/>
            </a:xfrm>
            <a:custGeom>
              <a:avLst/>
              <a:gdLst/>
              <a:ahLst/>
              <a:cxnLst/>
              <a:rect l="l" t="t" r="r" b="b"/>
              <a:pathLst>
                <a:path w="91440" h="1085214">
                  <a:moveTo>
                    <a:pt x="89916" y="0"/>
                  </a:moveTo>
                  <a:lnTo>
                    <a:pt x="1524" y="0"/>
                  </a:lnTo>
                  <a:lnTo>
                    <a:pt x="0" y="1524"/>
                  </a:lnTo>
                  <a:lnTo>
                    <a:pt x="0" y="1083569"/>
                  </a:lnTo>
                  <a:lnTo>
                    <a:pt x="1524" y="1085093"/>
                  </a:lnTo>
                  <a:lnTo>
                    <a:pt x="89916" y="1085093"/>
                  </a:lnTo>
                  <a:lnTo>
                    <a:pt x="91440" y="1083569"/>
                  </a:lnTo>
                  <a:lnTo>
                    <a:pt x="3048" y="1083569"/>
                  </a:lnTo>
                  <a:lnTo>
                    <a:pt x="1524" y="1082045"/>
                  </a:lnTo>
                  <a:lnTo>
                    <a:pt x="3048" y="1082045"/>
                  </a:lnTo>
                  <a:lnTo>
                    <a:pt x="3048" y="3048"/>
                  </a:lnTo>
                  <a:lnTo>
                    <a:pt x="1524" y="3048"/>
                  </a:lnTo>
                  <a:lnTo>
                    <a:pt x="3048" y="1524"/>
                  </a:lnTo>
                  <a:lnTo>
                    <a:pt x="91440" y="1524"/>
                  </a:lnTo>
                  <a:lnTo>
                    <a:pt x="89916" y="0"/>
                  </a:lnTo>
                  <a:close/>
                </a:path>
                <a:path w="91440" h="1085214">
                  <a:moveTo>
                    <a:pt x="3048" y="1082045"/>
                  </a:moveTo>
                  <a:lnTo>
                    <a:pt x="1524" y="1082045"/>
                  </a:lnTo>
                  <a:lnTo>
                    <a:pt x="3048" y="1083569"/>
                  </a:lnTo>
                  <a:lnTo>
                    <a:pt x="3048" y="1082045"/>
                  </a:lnTo>
                  <a:close/>
                </a:path>
                <a:path w="91440" h="1085214">
                  <a:moveTo>
                    <a:pt x="88392" y="1082045"/>
                  </a:moveTo>
                  <a:lnTo>
                    <a:pt x="3048" y="1082045"/>
                  </a:lnTo>
                  <a:lnTo>
                    <a:pt x="3048" y="1083569"/>
                  </a:lnTo>
                  <a:lnTo>
                    <a:pt x="88392" y="1083569"/>
                  </a:lnTo>
                  <a:lnTo>
                    <a:pt x="88392" y="1082045"/>
                  </a:lnTo>
                  <a:close/>
                </a:path>
                <a:path w="91440" h="1085214">
                  <a:moveTo>
                    <a:pt x="88392" y="1524"/>
                  </a:moveTo>
                  <a:lnTo>
                    <a:pt x="88392" y="1083569"/>
                  </a:lnTo>
                  <a:lnTo>
                    <a:pt x="89916" y="1082045"/>
                  </a:lnTo>
                  <a:lnTo>
                    <a:pt x="91440" y="1082045"/>
                  </a:lnTo>
                  <a:lnTo>
                    <a:pt x="91440" y="3048"/>
                  </a:lnTo>
                  <a:lnTo>
                    <a:pt x="89916" y="3048"/>
                  </a:lnTo>
                  <a:lnTo>
                    <a:pt x="88392" y="1524"/>
                  </a:lnTo>
                  <a:close/>
                </a:path>
                <a:path w="91440" h="1085214">
                  <a:moveTo>
                    <a:pt x="91440" y="1082045"/>
                  </a:moveTo>
                  <a:lnTo>
                    <a:pt x="89916" y="1082045"/>
                  </a:lnTo>
                  <a:lnTo>
                    <a:pt x="88392" y="1083569"/>
                  </a:lnTo>
                  <a:lnTo>
                    <a:pt x="91440" y="1083569"/>
                  </a:lnTo>
                  <a:lnTo>
                    <a:pt x="91440" y="1082045"/>
                  </a:lnTo>
                  <a:close/>
                </a:path>
                <a:path w="91440" h="1085214">
                  <a:moveTo>
                    <a:pt x="3048" y="1524"/>
                  </a:moveTo>
                  <a:lnTo>
                    <a:pt x="1524" y="3048"/>
                  </a:lnTo>
                  <a:lnTo>
                    <a:pt x="3048" y="3048"/>
                  </a:lnTo>
                  <a:lnTo>
                    <a:pt x="3048" y="1524"/>
                  </a:lnTo>
                  <a:close/>
                </a:path>
                <a:path w="91440" h="1085214">
                  <a:moveTo>
                    <a:pt x="88392" y="1524"/>
                  </a:moveTo>
                  <a:lnTo>
                    <a:pt x="3048" y="1524"/>
                  </a:lnTo>
                  <a:lnTo>
                    <a:pt x="3048" y="3048"/>
                  </a:lnTo>
                  <a:lnTo>
                    <a:pt x="88392" y="3048"/>
                  </a:lnTo>
                  <a:lnTo>
                    <a:pt x="88392" y="1524"/>
                  </a:lnTo>
                  <a:close/>
                </a:path>
                <a:path w="91440" h="1085214">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72" name="object 172"/>
            <p:cNvSpPr/>
            <p:nvPr/>
          </p:nvSpPr>
          <p:spPr>
            <a:xfrm>
              <a:off x="8863583" y="5355341"/>
              <a:ext cx="88900" cy="1102360"/>
            </a:xfrm>
            <a:custGeom>
              <a:avLst/>
              <a:gdLst/>
              <a:ahLst/>
              <a:cxnLst/>
              <a:rect l="l" t="t" r="r" b="b"/>
              <a:pathLst>
                <a:path w="88900" h="1102360">
                  <a:moveTo>
                    <a:pt x="88392" y="0"/>
                  </a:moveTo>
                  <a:lnTo>
                    <a:pt x="0" y="0"/>
                  </a:lnTo>
                  <a:lnTo>
                    <a:pt x="0" y="1101852"/>
                  </a:lnTo>
                  <a:lnTo>
                    <a:pt x="88392" y="1101852"/>
                  </a:lnTo>
                  <a:lnTo>
                    <a:pt x="88392" y="0"/>
                  </a:lnTo>
                  <a:close/>
                </a:path>
              </a:pathLst>
            </a:custGeom>
            <a:solidFill>
              <a:srgbClr val="8080FF"/>
            </a:solidFill>
          </p:spPr>
          <p:txBody>
            <a:bodyPr wrap="square" lIns="0" tIns="0" rIns="0" bIns="0" rtlCol="0"/>
            <a:lstStyle/>
            <a:p>
              <a:endParaRPr sz="1539"/>
            </a:p>
          </p:txBody>
        </p:sp>
        <p:sp>
          <p:nvSpPr>
            <p:cNvPr id="173" name="object 173"/>
            <p:cNvSpPr/>
            <p:nvPr/>
          </p:nvSpPr>
          <p:spPr>
            <a:xfrm>
              <a:off x="8862059" y="5353812"/>
              <a:ext cx="91440" cy="1104900"/>
            </a:xfrm>
            <a:custGeom>
              <a:avLst/>
              <a:gdLst/>
              <a:ahLst/>
              <a:cxnLst/>
              <a:rect l="l" t="t" r="r" b="b"/>
              <a:pathLst>
                <a:path w="91440" h="1104900">
                  <a:moveTo>
                    <a:pt x="89916" y="0"/>
                  </a:moveTo>
                  <a:lnTo>
                    <a:pt x="1524" y="0"/>
                  </a:lnTo>
                  <a:lnTo>
                    <a:pt x="0" y="1524"/>
                  </a:lnTo>
                  <a:lnTo>
                    <a:pt x="0" y="1103381"/>
                  </a:lnTo>
                  <a:lnTo>
                    <a:pt x="1524" y="1104905"/>
                  </a:lnTo>
                  <a:lnTo>
                    <a:pt x="89916" y="1104905"/>
                  </a:lnTo>
                  <a:lnTo>
                    <a:pt x="91440" y="1103381"/>
                  </a:lnTo>
                  <a:lnTo>
                    <a:pt x="3048" y="1103381"/>
                  </a:lnTo>
                  <a:lnTo>
                    <a:pt x="1524" y="1101857"/>
                  </a:lnTo>
                  <a:lnTo>
                    <a:pt x="3048" y="1101857"/>
                  </a:lnTo>
                  <a:lnTo>
                    <a:pt x="3048" y="3048"/>
                  </a:lnTo>
                  <a:lnTo>
                    <a:pt x="1524" y="3048"/>
                  </a:lnTo>
                  <a:lnTo>
                    <a:pt x="3048" y="1524"/>
                  </a:lnTo>
                  <a:lnTo>
                    <a:pt x="91440" y="1524"/>
                  </a:lnTo>
                  <a:lnTo>
                    <a:pt x="89916" y="0"/>
                  </a:lnTo>
                  <a:close/>
                </a:path>
                <a:path w="91440" h="1104900">
                  <a:moveTo>
                    <a:pt x="3048" y="1101857"/>
                  </a:moveTo>
                  <a:lnTo>
                    <a:pt x="1524" y="1101857"/>
                  </a:lnTo>
                  <a:lnTo>
                    <a:pt x="3048" y="1103381"/>
                  </a:lnTo>
                  <a:lnTo>
                    <a:pt x="3048" y="1101857"/>
                  </a:lnTo>
                  <a:close/>
                </a:path>
                <a:path w="91440" h="1104900">
                  <a:moveTo>
                    <a:pt x="88392" y="1101857"/>
                  </a:moveTo>
                  <a:lnTo>
                    <a:pt x="3048" y="1101857"/>
                  </a:lnTo>
                  <a:lnTo>
                    <a:pt x="3048" y="1103381"/>
                  </a:lnTo>
                  <a:lnTo>
                    <a:pt x="88392" y="1103381"/>
                  </a:lnTo>
                  <a:lnTo>
                    <a:pt x="88392" y="1101857"/>
                  </a:lnTo>
                  <a:close/>
                </a:path>
                <a:path w="91440" h="1104900">
                  <a:moveTo>
                    <a:pt x="88392" y="1524"/>
                  </a:moveTo>
                  <a:lnTo>
                    <a:pt x="88392" y="1103381"/>
                  </a:lnTo>
                  <a:lnTo>
                    <a:pt x="89916" y="1101857"/>
                  </a:lnTo>
                  <a:lnTo>
                    <a:pt x="91440" y="1101857"/>
                  </a:lnTo>
                  <a:lnTo>
                    <a:pt x="91440" y="3048"/>
                  </a:lnTo>
                  <a:lnTo>
                    <a:pt x="89916" y="3048"/>
                  </a:lnTo>
                  <a:lnTo>
                    <a:pt x="88392" y="1524"/>
                  </a:lnTo>
                  <a:close/>
                </a:path>
                <a:path w="91440" h="1104900">
                  <a:moveTo>
                    <a:pt x="91440" y="1101857"/>
                  </a:moveTo>
                  <a:lnTo>
                    <a:pt x="89916" y="1101857"/>
                  </a:lnTo>
                  <a:lnTo>
                    <a:pt x="88392" y="1103381"/>
                  </a:lnTo>
                  <a:lnTo>
                    <a:pt x="91440" y="1103381"/>
                  </a:lnTo>
                  <a:lnTo>
                    <a:pt x="91440" y="1101857"/>
                  </a:lnTo>
                  <a:close/>
                </a:path>
                <a:path w="91440" h="1104900">
                  <a:moveTo>
                    <a:pt x="3048" y="1524"/>
                  </a:moveTo>
                  <a:lnTo>
                    <a:pt x="1524" y="3048"/>
                  </a:lnTo>
                  <a:lnTo>
                    <a:pt x="3048" y="3048"/>
                  </a:lnTo>
                  <a:lnTo>
                    <a:pt x="3048" y="1524"/>
                  </a:lnTo>
                  <a:close/>
                </a:path>
                <a:path w="91440" h="1104900">
                  <a:moveTo>
                    <a:pt x="88392" y="1524"/>
                  </a:moveTo>
                  <a:lnTo>
                    <a:pt x="3048" y="1524"/>
                  </a:lnTo>
                  <a:lnTo>
                    <a:pt x="3048" y="3048"/>
                  </a:lnTo>
                  <a:lnTo>
                    <a:pt x="88392" y="3048"/>
                  </a:lnTo>
                  <a:lnTo>
                    <a:pt x="88392" y="1524"/>
                  </a:lnTo>
                  <a:close/>
                </a:path>
                <a:path w="91440" h="110490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74" name="object 174"/>
            <p:cNvSpPr/>
            <p:nvPr/>
          </p:nvSpPr>
          <p:spPr>
            <a:xfrm>
              <a:off x="9084564" y="5423921"/>
              <a:ext cx="86995" cy="1033780"/>
            </a:xfrm>
            <a:custGeom>
              <a:avLst/>
              <a:gdLst/>
              <a:ahLst/>
              <a:cxnLst/>
              <a:rect l="l" t="t" r="r" b="b"/>
              <a:pathLst>
                <a:path w="86995" h="1033779">
                  <a:moveTo>
                    <a:pt x="86868" y="0"/>
                  </a:moveTo>
                  <a:lnTo>
                    <a:pt x="0" y="0"/>
                  </a:lnTo>
                  <a:lnTo>
                    <a:pt x="0" y="1033272"/>
                  </a:lnTo>
                  <a:lnTo>
                    <a:pt x="86868" y="1033272"/>
                  </a:lnTo>
                  <a:lnTo>
                    <a:pt x="86868" y="0"/>
                  </a:lnTo>
                  <a:close/>
                </a:path>
              </a:pathLst>
            </a:custGeom>
            <a:solidFill>
              <a:srgbClr val="8080FF"/>
            </a:solidFill>
          </p:spPr>
          <p:txBody>
            <a:bodyPr wrap="square" lIns="0" tIns="0" rIns="0" bIns="0" rtlCol="0"/>
            <a:lstStyle/>
            <a:p>
              <a:endParaRPr sz="1539"/>
            </a:p>
          </p:txBody>
        </p:sp>
        <p:sp>
          <p:nvSpPr>
            <p:cNvPr id="175" name="object 175"/>
            <p:cNvSpPr/>
            <p:nvPr/>
          </p:nvSpPr>
          <p:spPr>
            <a:xfrm>
              <a:off x="9083040" y="5422392"/>
              <a:ext cx="90170" cy="1036319"/>
            </a:xfrm>
            <a:custGeom>
              <a:avLst/>
              <a:gdLst/>
              <a:ahLst/>
              <a:cxnLst/>
              <a:rect l="l" t="t" r="r" b="b"/>
              <a:pathLst>
                <a:path w="90170" h="1036320">
                  <a:moveTo>
                    <a:pt x="88391" y="0"/>
                  </a:moveTo>
                  <a:lnTo>
                    <a:pt x="1524" y="0"/>
                  </a:lnTo>
                  <a:lnTo>
                    <a:pt x="0" y="1524"/>
                  </a:lnTo>
                  <a:lnTo>
                    <a:pt x="0" y="1034801"/>
                  </a:lnTo>
                  <a:lnTo>
                    <a:pt x="1524" y="1036325"/>
                  </a:lnTo>
                  <a:lnTo>
                    <a:pt x="88391" y="1036325"/>
                  </a:lnTo>
                  <a:lnTo>
                    <a:pt x="89915" y="1034801"/>
                  </a:lnTo>
                  <a:lnTo>
                    <a:pt x="3048" y="1034801"/>
                  </a:lnTo>
                  <a:lnTo>
                    <a:pt x="1524" y="1033277"/>
                  </a:lnTo>
                  <a:lnTo>
                    <a:pt x="3048" y="1033277"/>
                  </a:lnTo>
                  <a:lnTo>
                    <a:pt x="3048" y="3048"/>
                  </a:lnTo>
                  <a:lnTo>
                    <a:pt x="1524" y="3048"/>
                  </a:lnTo>
                  <a:lnTo>
                    <a:pt x="3048" y="1524"/>
                  </a:lnTo>
                  <a:lnTo>
                    <a:pt x="89915" y="1524"/>
                  </a:lnTo>
                  <a:lnTo>
                    <a:pt x="88391" y="0"/>
                  </a:lnTo>
                  <a:close/>
                </a:path>
                <a:path w="90170" h="1036320">
                  <a:moveTo>
                    <a:pt x="3048" y="1033277"/>
                  </a:moveTo>
                  <a:lnTo>
                    <a:pt x="1524" y="1033277"/>
                  </a:lnTo>
                  <a:lnTo>
                    <a:pt x="3048" y="1034801"/>
                  </a:lnTo>
                  <a:lnTo>
                    <a:pt x="3048" y="1033277"/>
                  </a:lnTo>
                  <a:close/>
                </a:path>
                <a:path w="90170" h="1036320">
                  <a:moveTo>
                    <a:pt x="86867" y="1033277"/>
                  </a:moveTo>
                  <a:lnTo>
                    <a:pt x="3048" y="1033277"/>
                  </a:lnTo>
                  <a:lnTo>
                    <a:pt x="3048" y="1034801"/>
                  </a:lnTo>
                  <a:lnTo>
                    <a:pt x="86867" y="1034801"/>
                  </a:lnTo>
                  <a:lnTo>
                    <a:pt x="86867" y="1033277"/>
                  </a:lnTo>
                  <a:close/>
                </a:path>
                <a:path w="90170" h="1036320">
                  <a:moveTo>
                    <a:pt x="86867" y="1524"/>
                  </a:moveTo>
                  <a:lnTo>
                    <a:pt x="86867" y="1034801"/>
                  </a:lnTo>
                  <a:lnTo>
                    <a:pt x="88391" y="1033277"/>
                  </a:lnTo>
                  <a:lnTo>
                    <a:pt x="89915" y="1033277"/>
                  </a:lnTo>
                  <a:lnTo>
                    <a:pt x="89915" y="3048"/>
                  </a:lnTo>
                  <a:lnTo>
                    <a:pt x="88391" y="3048"/>
                  </a:lnTo>
                  <a:lnTo>
                    <a:pt x="86867" y="1524"/>
                  </a:lnTo>
                  <a:close/>
                </a:path>
                <a:path w="90170" h="1036320">
                  <a:moveTo>
                    <a:pt x="89915" y="1033277"/>
                  </a:moveTo>
                  <a:lnTo>
                    <a:pt x="88391" y="1033277"/>
                  </a:lnTo>
                  <a:lnTo>
                    <a:pt x="86867" y="1034801"/>
                  </a:lnTo>
                  <a:lnTo>
                    <a:pt x="89915" y="1034801"/>
                  </a:lnTo>
                  <a:lnTo>
                    <a:pt x="89915" y="1033277"/>
                  </a:lnTo>
                  <a:close/>
                </a:path>
                <a:path w="90170" h="1036320">
                  <a:moveTo>
                    <a:pt x="3048" y="1524"/>
                  </a:moveTo>
                  <a:lnTo>
                    <a:pt x="1524" y="3048"/>
                  </a:lnTo>
                  <a:lnTo>
                    <a:pt x="3048" y="3048"/>
                  </a:lnTo>
                  <a:lnTo>
                    <a:pt x="3048" y="1524"/>
                  </a:lnTo>
                  <a:close/>
                </a:path>
                <a:path w="90170" h="1036320">
                  <a:moveTo>
                    <a:pt x="86867" y="1524"/>
                  </a:moveTo>
                  <a:lnTo>
                    <a:pt x="3048" y="1524"/>
                  </a:lnTo>
                  <a:lnTo>
                    <a:pt x="3048" y="3048"/>
                  </a:lnTo>
                  <a:lnTo>
                    <a:pt x="86867" y="3048"/>
                  </a:lnTo>
                  <a:lnTo>
                    <a:pt x="86867" y="1524"/>
                  </a:lnTo>
                  <a:close/>
                </a:path>
                <a:path w="90170" h="1036320">
                  <a:moveTo>
                    <a:pt x="89915" y="1524"/>
                  </a:moveTo>
                  <a:lnTo>
                    <a:pt x="86867" y="1524"/>
                  </a:lnTo>
                  <a:lnTo>
                    <a:pt x="88391" y="3048"/>
                  </a:lnTo>
                  <a:lnTo>
                    <a:pt x="89915" y="3048"/>
                  </a:lnTo>
                  <a:lnTo>
                    <a:pt x="89915" y="1524"/>
                  </a:lnTo>
                  <a:close/>
                </a:path>
              </a:pathLst>
            </a:custGeom>
            <a:solidFill>
              <a:srgbClr val="000000"/>
            </a:solidFill>
          </p:spPr>
          <p:txBody>
            <a:bodyPr wrap="square" lIns="0" tIns="0" rIns="0" bIns="0" rtlCol="0"/>
            <a:lstStyle/>
            <a:p>
              <a:endParaRPr sz="1539"/>
            </a:p>
          </p:txBody>
        </p:sp>
        <p:sp>
          <p:nvSpPr>
            <p:cNvPr id="176" name="object 176"/>
            <p:cNvSpPr/>
            <p:nvPr/>
          </p:nvSpPr>
          <p:spPr>
            <a:xfrm>
              <a:off x="9304020" y="5414777"/>
              <a:ext cx="88900" cy="1042669"/>
            </a:xfrm>
            <a:custGeom>
              <a:avLst/>
              <a:gdLst/>
              <a:ahLst/>
              <a:cxnLst/>
              <a:rect l="l" t="t" r="r" b="b"/>
              <a:pathLst>
                <a:path w="88900" h="1042670">
                  <a:moveTo>
                    <a:pt x="88392" y="0"/>
                  </a:moveTo>
                  <a:lnTo>
                    <a:pt x="0" y="0"/>
                  </a:lnTo>
                  <a:lnTo>
                    <a:pt x="0" y="1042415"/>
                  </a:lnTo>
                  <a:lnTo>
                    <a:pt x="88392" y="1042415"/>
                  </a:lnTo>
                  <a:lnTo>
                    <a:pt x="88392" y="0"/>
                  </a:lnTo>
                  <a:close/>
                </a:path>
              </a:pathLst>
            </a:custGeom>
            <a:solidFill>
              <a:srgbClr val="8080FF"/>
            </a:solidFill>
          </p:spPr>
          <p:txBody>
            <a:bodyPr wrap="square" lIns="0" tIns="0" rIns="0" bIns="0" rtlCol="0"/>
            <a:lstStyle/>
            <a:p>
              <a:endParaRPr sz="1539"/>
            </a:p>
          </p:txBody>
        </p:sp>
        <p:sp>
          <p:nvSpPr>
            <p:cNvPr id="177" name="object 177"/>
            <p:cNvSpPr/>
            <p:nvPr/>
          </p:nvSpPr>
          <p:spPr>
            <a:xfrm>
              <a:off x="9302495" y="5413248"/>
              <a:ext cx="91440" cy="1045844"/>
            </a:xfrm>
            <a:custGeom>
              <a:avLst/>
              <a:gdLst/>
              <a:ahLst/>
              <a:cxnLst/>
              <a:rect l="l" t="t" r="r" b="b"/>
              <a:pathLst>
                <a:path w="91440" h="1045845">
                  <a:moveTo>
                    <a:pt x="89915" y="0"/>
                  </a:moveTo>
                  <a:lnTo>
                    <a:pt x="1524" y="0"/>
                  </a:lnTo>
                  <a:lnTo>
                    <a:pt x="0" y="1524"/>
                  </a:lnTo>
                  <a:lnTo>
                    <a:pt x="0" y="1043945"/>
                  </a:lnTo>
                  <a:lnTo>
                    <a:pt x="1524" y="1045469"/>
                  </a:lnTo>
                  <a:lnTo>
                    <a:pt x="89915" y="1045469"/>
                  </a:lnTo>
                  <a:lnTo>
                    <a:pt x="91439" y="1043945"/>
                  </a:lnTo>
                  <a:lnTo>
                    <a:pt x="3048" y="1043945"/>
                  </a:lnTo>
                  <a:lnTo>
                    <a:pt x="1524" y="1042421"/>
                  </a:lnTo>
                  <a:lnTo>
                    <a:pt x="3048" y="1042421"/>
                  </a:lnTo>
                  <a:lnTo>
                    <a:pt x="3048" y="3048"/>
                  </a:lnTo>
                  <a:lnTo>
                    <a:pt x="1524" y="3048"/>
                  </a:lnTo>
                  <a:lnTo>
                    <a:pt x="3048" y="1524"/>
                  </a:lnTo>
                  <a:lnTo>
                    <a:pt x="91439" y="1524"/>
                  </a:lnTo>
                  <a:lnTo>
                    <a:pt x="89915" y="0"/>
                  </a:lnTo>
                  <a:close/>
                </a:path>
                <a:path w="91440" h="1045845">
                  <a:moveTo>
                    <a:pt x="3048" y="1042421"/>
                  </a:moveTo>
                  <a:lnTo>
                    <a:pt x="1524" y="1042421"/>
                  </a:lnTo>
                  <a:lnTo>
                    <a:pt x="3048" y="1043945"/>
                  </a:lnTo>
                  <a:lnTo>
                    <a:pt x="3048" y="1042421"/>
                  </a:lnTo>
                  <a:close/>
                </a:path>
                <a:path w="91440" h="1045845">
                  <a:moveTo>
                    <a:pt x="88392" y="1042421"/>
                  </a:moveTo>
                  <a:lnTo>
                    <a:pt x="3048" y="1042421"/>
                  </a:lnTo>
                  <a:lnTo>
                    <a:pt x="3048" y="1043945"/>
                  </a:lnTo>
                  <a:lnTo>
                    <a:pt x="88392" y="1043945"/>
                  </a:lnTo>
                  <a:lnTo>
                    <a:pt x="88392" y="1042421"/>
                  </a:lnTo>
                  <a:close/>
                </a:path>
                <a:path w="91440" h="1045845">
                  <a:moveTo>
                    <a:pt x="88392" y="1524"/>
                  </a:moveTo>
                  <a:lnTo>
                    <a:pt x="88392" y="1043945"/>
                  </a:lnTo>
                  <a:lnTo>
                    <a:pt x="89915" y="1042421"/>
                  </a:lnTo>
                  <a:lnTo>
                    <a:pt x="91439" y="1042421"/>
                  </a:lnTo>
                  <a:lnTo>
                    <a:pt x="91439" y="3048"/>
                  </a:lnTo>
                  <a:lnTo>
                    <a:pt x="89915" y="3048"/>
                  </a:lnTo>
                  <a:lnTo>
                    <a:pt x="88392" y="1524"/>
                  </a:lnTo>
                  <a:close/>
                </a:path>
                <a:path w="91440" h="1045845">
                  <a:moveTo>
                    <a:pt x="91439" y="1042421"/>
                  </a:moveTo>
                  <a:lnTo>
                    <a:pt x="89915" y="1042421"/>
                  </a:lnTo>
                  <a:lnTo>
                    <a:pt x="88392" y="1043945"/>
                  </a:lnTo>
                  <a:lnTo>
                    <a:pt x="91439" y="1043945"/>
                  </a:lnTo>
                  <a:lnTo>
                    <a:pt x="91439" y="1042421"/>
                  </a:lnTo>
                  <a:close/>
                </a:path>
                <a:path w="91440" h="1045845">
                  <a:moveTo>
                    <a:pt x="3048" y="1524"/>
                  </a:moveTo>
                  <a:lnTo>
                    <a:pt x="1524" y="3048"/>
                  </a:lnTo>
                  <a:lnTo>
                    <a:pt x="3048" y="3048"/>
                  </a:lnTo>
                  <a:lnTo>
                    <a:pt x="3048" y="1524"/>
                  </a:lnTo>
                  <a:close/>
                </a:path>
                <a:path w="91440" h="1045845">
                  <a:moveTo>
                    <a:pt x="88392" y="1524"/>
                  </a:moveTo>
                  <a:lnTo>
                    <a:pt x="3048" y="1524"/>
                  </a:lnTo>
                  <a:lnTo>
                    <a:pt x="3048" y="3048"/>
                  </a:lnTo>
                  <a:lnTo>
                    <a:pt x="88392" y="3048"/>
                  </a:lnTo>
                  <a:lnTo>
                    <a:pt x="88392" y="1524"/>
                  </a:lnTo>
                  <a:close/>
                </a:path>
                <a:path w="91440" h="1045845">
                  <a:moveTo>
                    <a:pt x="91439" y="1524"/>
                  </a:moveTo>
                  <a:lnTo>
                    <a:pt x="88392"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78" name="object 178"/>
            <p:cNvSpPr/>
            <p:nvPr/>
          </p:nvSpPr>
          <p:spPr>
            <a:xfrm>
              <a:off x="472440" y="4817364"/>
              <a:ext cx="88900" cy="1053465"/>
            </a:xfrm>
            <a:custGeom>
              <a:avLst/>
              <a:gdLst/>
              <a:ahLst/>
              <a:cxnLst/>
              <a:rect l="l" t="t" r="r" b="b"/>
              <a:pathLst>
                <a:path w="88900" h="1053464">
                  <a:moveTo>
                    <a:pt x="88392" y="0"/>
                  </a:moveTo>
                  <a:lnTo>
                    <a:pt x="0" y="0"/>
                  </a:lnTo>
                  <a:lnTo>
                    <a:pt x="0" y="1053084"/>
                  </a:lnTo>
                  <a:lnTo>
                    <a:pt x="88392" y="1053084"/>
                  </a:lnTo>
                  <a:lnTo>
                    <a:pt x="88392" y="0"/>
                  </a:lnTo>
                  <a:close/>
                </a:path>
              </a:pathLst>
            </a:custGeom>
            <a:solidFill>
              <a:srgbClr val="FFFF99"/>
            </a:solidFill>
          </p:spPr>
          <p:txBody>
            <a:bodyPr wrap="square" lIns="0" tIns="0" rIns="0" bIns="0" rtlCol="0"/>
            <a:lstStyle/>
            <a:p>
              <a:endParaRPr sz="1539"/>
            </a:p>
          </p:txBody>
        </p:sp>
        <p:sp>
          <p:nvSpPr>
            <p:cNvPr id="179" name="object 179"/>
            <p:cNvSpPr/>
            <p:nvPr/>
          </p:nvSpPr>
          <p:spPr>
            <a:xfrm>
              <a:off x="470915" y="4815839"/>
              <a:ext cx="91440" cy="1056640"/>
            </a:xfrm>
            <a:custGeom>
              <a:avLst/>
              <a:gdLst/>
              <a:ahLst/>
              <a:cxnLst/>
              <a:rect l="l" t="t" r="r" b="b"/>
              <a:pathLst>
                <a:path w="91440" h="1056639">
                  <a:moveTo>
                    <a:pt x="89915" y="0"/>
                  </a:moveTo>
                  <a:lnTo>
                    <a:pt x="1524" y="0"/>
                  </a:lnTo>
                  <a:lnTo>
                    <a:pt x="0" y="1524"/>
                  </a:lnTo>
                  <a:lnTo>
                    <a:pt x="0" y="1054608"/>
                  </a:lnTo>
                  <a:lnTo>
                    <a:pt x="1524" y="1056132"/>
                  </a:lnTo>
                  <a:lnTo>
                    <a:pt x="89915" y="1056132"/>
                  </a:lnTo>
                  <a:lnTo>
                    <a:pt x="91440" y="1054608"/>
                  </a:lnTo>
                  <a:lnTo>
                    <a:pt x="3048" y="1054608"/>
                  </a:lnTo>
                  <a:lnTo>
                    <a:pt x="1524" y="1053084"/>
                  </a:lnTo>
                  <a:lnTo>
                    <a:pt x="3048" y="1053084"/>
                  </a:lnTo>
                  <a:lnTo>
                    <a:pt x="3048" y="3048"/>
                  </a:lnTo>
                  <a:lnTo>
                    <a:pt x="1524" y="3048"/>
                  </a:lnTo>
                  <a:lnTo>
                    <a:pt x="3048" y="1524"/>
                  </a:lnTo>
                  <a:lnTo>
                    <a:pt x="91440" y="1524"/>
                  </a:lnTo>
                  <a:lnTo>
                    <a:pt x="89915" y="0"/>
                  </a:lnTo>
                  <a:close/>
                </a:path>
                <a:path w="91440" h="1056639">
                  <a:moveTo>
                    <a:pt x="3048" y="1053084"/>
                  </a:moveTo>
                  <a:lnTo>
                    <a:pt x="1524" y="1053084"/>
                  </a:lnTo>
                  <a:lnTo>
                    <a:pt x="3048" y="1054608"/>
                  </a:lnTo>
                  <a:lnTo>
                    <a:pt x="3048" y="1053084"/>
                  </a:lnTo>
                  <a:close/>
                </a:path>
                <a:path w="91440" h="1056639">
                  <a:moveTo>
                    <a:pt x="88392" y="1053084"/>
                  </a:moveTo>
                  <a:lnTo>
                    <a:pt x="3048" y="1053084"/>
                  </a:lnTo>
                  <a:lnTo>
                    <a:pt x="3048" y="1054608"/>
                  </a:lnTo>
                  <a:lnTo>
                    <a:pt x="88392" y="1054608"/>
                  </a:lnTo>
                  <a:lnTo>
                    <a:pt x="88392" y="1053084"/>
                  </a:lnTo>
                  <a:close/>
                </a:path>
                <a:path w="91440" h="1056639">
                  <a:moveTo>
                    <a:pt x="88392" y="1524"/>
                  </a:moveTo>
                  <a:lnTo>
                    <a:pt x="88392" y="1054608"/>
                  </a:lnTo>
                  <a:lnTo>
                    <a:pt x="89915" y="1053084"/>
                  </a:lnTo>
                  <a:lnTo>
                    <a:pt x="91440" y="1053084"/>
                  </a:lnTo>
                  <a:lnTo>
                    <a:pt x="91440" y="3048"/>
                  </a:lnTo>
                  <a:lnTo>
                    <a:pt x="89915" y="3048"/>
                  </a:lnTo>
                  <a:lnTo>
                    <a:pt x="88392" y="1524"/>
                  </a:lnTo>
                  <a:close/>
                </a:path>
                <a:path w="91440" h="1056639">
                  <a:moveTo>
                    <a:pt x="91440" y="1053084"/>
                  </a:moveTo>
                  <a:lnTo>
                    <a:pt x="89915" y="1053084"/>
                  </a:lnTo>
                  <a:lnTo>
                    <a:pt x="88392" y="1054608"/>
                  </a:lnTo>
                  <a:lnTo>
                    <a:pt x="91440" y="1054608"/>
                  </a:lnTo>
                  <a:lnTo>
                    <a:pt x="91440" y="1053084"/>
                  </a:lnTo>
                  <a:close/>
                </a:path>
                <a:path w="91440" h="1056639">
                  <a:moveTo>
                    <a:pt x="3048" y="1524"/>
                  </a:moveTo>
                  <a:lnTo>
                    <a:pt x="1524" y="3048"/>
                  </a:lnTo>
                  <a:lnTo>
                    <a:pt x="3048" y="3048"/>
                  </a:lnTo>
                  <a:lnTo>
                    <a:pt x="3048" y="1524"/>
                  </a:lnTo>
                  <a:close/>
                </a:path>
                <a:path w="91440" h="1056639">
                  <a:moveTo>
                    <a:pt x="88392" y="1524"/>
                  </a:moveTo>
                  <a:lnTo>
                    <a:pt x="3048" y="1524"/>
                  </a:lnTo>
                  <a:lnTo>
                    <a:pt x="3048" y="3048"/>
                  </a:lnTo>
                  <a:lnTo>
                    <a:pt x="88392" y="3048"/>
                  </a:lnTo>
                  <a:lnTo>
                    <a:pt x="88392" y="1524"/>
                  </a:lnTo>
                  <a:close/>
                </a:path>
                <a:path w="91440" h="1056639">
                  <a:moveTo>
                    <a:pt x="91440" y="1524"/>
                  </a:moveTo>
                  <a:lnTo>
                    <a:pt x="88392" y="1524"/>
                  </a:lnTo>
                  <a:lnTo>
                    <a:pt x="89915" y="3048"/>
                  </a:lnTo>
                  <a:lnTo>
                    <a:pt x="91440" y="3048"/>
                  </a:lnTo>
                  <a:lnTo>
                    <a:pt x="91440" y="1524"/>
                  </a:lnTo>
                  <a:close/>
                </a:path>
              </a:pathLst>
            </a:custGeom>
            <a:solidFill>
              <a:srgbClr val="000000"/>
            </a:solidFill>
          </p:spPr>
          <p:txBody>
            <a:bodyPr wrap="square" lIns="0" tIns="0" rIns="0" bIns="0" rtlCol="0"/>
            <a:lstStyle/>
            <a:p>
              <a:endParaRPr sz="1539"/>
            </a:p>
          </p:txBody>
        </p:sp>
        <p:sp>
          <p:nvSpPr>
            <p:cNvPr id="180" name="object 180"/>
            <p:cNvSpPr/>
            <p:nvPr/>
          </p:nvSpPr>
          <p:spPr>
            <a:xfrm>
              <a:off x="693419" y="4596383"/>
              <a:ext cx="88900" cy="1138555"/>
            </a:xfrm>
            <a:custGeom>
              <a:avLst/>
              <a:gdLst/>
              <a:ahLst/>
              <a:cxnLst/>
              <a:rect l="l" t="t" r="r" b="b"/>
              <a:pathLst>
                <a:path w="88900" h="1138554">
                  <a:moveTo>
                    <a:pt x="88392" y="0"/>
                  </a:moveTo>
                  <a:lnTo>
                    <a:pt x="0" y="0"/>
                  </a:lnTo>
                  <a:lnTo>
                    <a:pt x="0" y="1138427"/>
                  </a:lnTo>
                  <a:lnTo>
                    <a:pt x="88392" y="1138427"/>
                  </a:lnTo>
                  <a:lnTo>
                    <a:pt x="88392" y="0"/>
                  </a:lnTo>
                  <a:close/>
                </a:path>
              </a:pathLst>
            </a:custGeom>
            <a:solidFill>
              <a:srgbClr val="FFFF99"/>
            </a:solidFill>
          </p:spPr>
          <p:txBody>
            <a:bodyPr wrap="square" lIns="0" tIns="0" rIns="0" bIns="0" rtlCol="0"/>
            <a:lstStyle/>
            <a:p>
              <a:endParaRPr sz="1539"/>
            </a:p>
          </p:txBody>
        </p:sp>
        <p:sp>
          <p:nvSpPr>
            <p:cNvPr id="181" name="object 181"/>
            <p:cNvSpPr/>
            <p:nvPr/>
          </p:nvSpPr>
          <p:spPr>
            <a:xfrm>
              <a:off x="691896" y="4594860"/>
              <a:ext cx="91440" cy="1141730"/>
            </a:xfrm>
            <a:custGeom>
              <a:avLst/>
              <a:gdLst/>
              <a:ahLst/>
              <a:cxnLst/>
              <a:rect l="l" t="t" r="r" b="b"/>
              <a:pathLst>
                <a:path w="91440" h="1141729">
                  <a:moveTo>
                    <a:pt x="89916" y="0"/>
                  </a:moveTo>
                  <a:lnTo>
                    <a:pt x="1524" y="0"/>
                  </a:lnTo>
                  <a:lnTo>
                    <a:pt x="0" y="1524"/>
                  </a:lnTo>
                  <a:lnTo>
                    <a:pt x="0" y="1139952"/>
                  </a:lnTo>
                  <a:lnTo>
                    <a:pt x="1524" y="1141476"/>
                  </a:lnTo>
                  <a:lnTo>
                    <a:pt x="89916" y="1141476"/>
                  </a:lnTo>
                  <a:lnTo>
                    <a:pt x="91440" y="1139952"/>
                  </a:lnTo>
                  <a:lnTo>
                    <a:pt x="3048" y="1139952"/>
                  </a:lnTo>
                  <a:lnTo>
                    <a:pt x="1524" y="1138427"/>
                  </a:lnTo>
                  <a:lnTo>
                    <a:pt x="3048" y="1138427"/>
                  </a:lnTo>
                  <a:lnTo>
                    <a:pt x="3048" y="3048"/>
                  </a:lnTo>
                  <a:lnTo>
                    <a:pt x="1524" y="3048"/>
                  </a:lnTo>
                  <a:lnTo>
                    <a:pt x="3048" y="1524"/>
                  </a:lnTo>
                  <a:lnTo>
                    <a:pt x="91440" y="1524"/>
                  </a:lnTo>
                  <a:lnTo>
                    <a:pt x="89916" y="0"/>
                  </a:lnTo>
                  <a:close/>
                </a:path>
                <a:path w="91440" h="1141729">
                  <a:moveTo>
                    <a:pt x="3048" y="1138427"/>
                  </a:moveTo>
                  <a:lnTo>
                    <a:pt x="1524" y="1138427"/>
                  </a:lnTo>
                  <a:lnTo>
                    <a:pt x="3048" y="1139952"/>
                  </a:lnTo>
                  <a:lnTo>
                    <a:pt x="3048" y="1138427"/>
                  </a:lnTo>
                  <a:close/>
                </a:path>
                <a:path w="91440" h="1141729">
                  <a:moveTo>
                    <a:pt x="88392" y="1138427"/>
                  </a:moveTo>
                  <a:lnTo>
                    <a:pt x="3048" y="1138427"/>
                  </a:lnTo>
                  <a:lnTo>
                    <a:pt x="3048" y="1139952"/>
                  </a:lnTo>
                  <a:lnTo>
                    <a:pt x="88392" y="1139952"/>
                  </a:lnTo>
                  <a:lnTo>
                    <a:pt x="88392" y="1138427"/>
                  </a:lnTo>
                  <a:close/>
                </a:path>
                <a:path w="91440" h="1141729">
                  <a:moveTo>
                    <a:pt x="88392" y="1524"/>
                  </a:moveTo>
                  <a:lnTo>
                    <a:pt x="88392" y="1139952"/>
                  </a:lnTo>
                  <a:lnTo>
                    <a:pt x="89916" y="1138427"/>
                  </a:lnTo>
                  <a:lnTo>
                    <a:pt x="91440" y="1138427"/>
                  </a:lnTo>
                  <a:lnTo>
                    <a:pt x="91440" y="3048"/>
                  </a:lnTo>
                  <a:lnTo>
                    <a:pt x="89916" y="3048"/>
                  </a:lnTo>
                  <a:lnTo>
                    <a:pt x="88392" y="1524"/>
                  </a:lnTo>
                  <a:close/>
                </a:path>
                <a:path w="91440" h="1141729">
                  <a:moveTo>
                    <a:pt x="91440" y="1138427"/>
                  </a:moveTo>
                  <a:lnTo>
                    <a:pt x="89916" y="1138427"/>
                  </a:lnTo>
                  <a:lnTo>
                    <a:pt x="88392" y="1139952"/>
                  </a:lnTo>
                  <a:lnTo>
                    <a:pt x="91440" y="1139952"/>
                  </a:lnTo>
                  <a:lnTo>
                    <a:pt x="91440" y="1138427"/>
                  </a:lnTo>
                  <a:close/>
                </a:path>
                <a:path w="91440" h="1141729">
                  <a:moveTo>
                    <a:pt x="3048" y="1524"/>
                  </a:moveTo>
                  <a:lnTo>
                    <a:pt x="1524" y="3048"/>
                  </a:lnTo>
                  <a:lnTo>
                    <a:pt x="3048" y="3048"/>
                  </a:lnTo>
                  <a:lnTo>
                    <a:pt x="3048" y="1524"/>
                  </a:lnTo>
                  <a:close/>
                </a:path>
                <a:path w="91440" h="1141729">
                  <a:moveTo>
                    <a:pt x="88392" y="1524"/>
                  </a:moveTo>
                  <a:lnTo>
                    <a:pt x="3048" y="1524"/>
                  </a:lnTo>
                  <a:lnTo>
                    <a:pt x="3048" y="3048"/>
                  </a:lnTo>
                  <a:lnTo>
                    <a:pt x="88392" y="3048"/>
                  </a:lnTo>
                  <a:lnTo>
                    <a:pt x="88392" y="1524"/>
                  </a:lnTo>
                  <a:close/>
                </a:path>
                <a:path w="91440" h="1141729">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82" name="object 182"/>
            <p:cNvSpPr/>
            <p:nvPr/>
          </p:nvSpPr>
          <p:spPr>
            <a:xfrm>
              <a:off x="914400" y="4408932"/>
              <a:ext cx="88900" cy="1203960"/>
            </a:xfrm>
            <a:custGeom>
              <a:avLst/>
              <a:gdLst/>
              <a:ahLst/>
              <a:cxnLst/>
              <a:rect l="l" t="t" r="r" b="b"/>
              <a:pathLst>
                <a:path w="88900" h="1203960">
                  <a:moveTo>
                    <a:pt x="88391" y="0"/>
                  </a:moveTo>
                  <a:lnTo>
                    <a:pt x="0" y="0"/>
                  </a:lnTo>
                  <a:lnTo>
                    <a:pt x="0" y="1203959"/>
                  </a:lnTo>
                  <a:lnTo>
                    <a:pt x="88391" y="1203959"/>
                  </a:lnTo>
                  <a:lnTo>
                    <a:pt x="88391" y="0"/>
                  </a:lnTo>
                  <a:close/>
                </a:path>
              </a:pathLst>
            </a:custGeom>
            <a:solidFill>
              <a:srgbClr val="FFFF99"/>
            </a:solidFill>
          </p:spPr>
          <p:txBody>
            <a:bodyPr wrap="square" lIns="0" tIns="0" rIns="0" bIns="0" rtlCol="0"/>
            <a:lstStyle/>
            <a:p>
              <a:endParaRPr sz="1539"/>
            </a:p>
          </p:txBody>
        </p:sp>
        <p:sp>
          <p:nvSpPr>
            <p:cNvPr id="183" name="object 183"/>
            <p:cNvSpPr/>
            <p:nvPr/>
          </p:nvSpPr>
          <p:spPr>
            <a:xfrm>
              <a:off x="912875" y="4407408"/>
              <a:ext cx="91440" cy="1207135"/>
            </a:xfrm>
            <a:custGeom>
              <a:avLst/>
              <a:gdLst/>
              <a:ahLst/>
              <a:cxnLst/>
              <a:rect l="l" t="t" r="r" b="b"/>
              <a:pathLst>
                <a:path w="91440" h="1207135">
                  <a:moveTo>
                    <a:pt x="89915" y="0"/>
                  </a:moveTo>
                  <a:lnTo>
                    <a:pt x="1524" y="0"/>
                  </a:lnTo>
                  <a:lnTo>
                    <a:pt x="0" y="1523"/>
                  </a:lnTo>
                  <a:lnTo>
                    <a:pt x="0" y="1205483"/>
                  </a:lnTo>
                  <a:lnTo>
                    <a:pt x="1524" y="1207008"/>
                  </a:lnTo>
                  <a:lnTo>
                    <a:pt x="89915" y="1207008"/>
                  </a:lnTo>
                  <a:lnTo>
                    <a:pt x="91440" y="1205483"/>
                  </a:lnTo>
                  <a:lnTo>
                    <a:pt x="3048" y="1205483"/>
                  </a:lnTo>
                  <a:lnTo>
                    <a:pt x="1524" y="1203959"/>
                  </a:lnTo>
                  <a:lnTo>
                    <a:pt x="3048" y="1203959"/>
                  </a:lnTo>
                  <a:lnTo>
                    <a:pt x="3048" y="3047"/>
                  </a:lnTo>
                  <a:lnTo>
                    <a:pt x="1524" y="3047"/>
                  </a:lnTo>
                  <a:lnTo>
                    <a:pt x="3048" y="1523"/>
                  </a:lnTo>
                  <a:lnTo>
                    <a:pt x="91440" y="1523"/>
                  </a:lnTo>
                  <a:lnTo>
                    <a:pt x="89915" y="0"/>
                  </a:lnTo>
                  <a:close/>
                </a:path>
                <a:path w="91440" h="1207135">
                  <a:moveTo>
                    <a:pt x="3048" y="1203959"/>
                  </a:moveTo>
                  <a:lnTo>
                    <a:pt x="1524" y="1203959"/>
                  </a:lnTo>
                  <a:lnTo>
                    <a:pt x="3048" y="1205483"/>
                  </a:lnTo>
                  <a:lnTo>
                    <a:pt x="3048" y="1203959"/>
                  </a:lnTo>
                  <a:close/>
                </a:path>
                <a:path w="91440" h="1207135">
                  <a:moveTo>
                    <a:pt x="88392" y="1203959"/>
                  </a:moveTo>
                  <a:lnTo>
                    <a:pt x="3048" y="1203959"/>
                  </a:lnTo>
                  <a:lnTo>
                    <a:pt x="3048" y="1205483"/>
                  </a:lnTo>
                  <a:lnTo>
                    <a:pt x="88392" y="1205483"/>
                  </a:lnTo>
                  <a:lnTo>
                    <a:pt x="88392" y="1203959"/>
                  </a:lnTo>
                  <a:close/>
                </a:path>
                <a:path w="91440" h="1207135">
                  <a:moveTo>
                    <a:pt x="88392" y="1523"/>
                  </a:moveTo>
                  <a:lnTo>
                    <a:pt x="88392" y="1205483"/>
                  </a:lnTo>
                  <a:lnTo>
                    <a:pt x="89915" y="1203959"/>
                  </a:lnTo>
                  <a:lnTo>
                    <a:pt x="91440" y="1203959"/>
                  </a:lnTo>
                  <a:lnTo>
                    <a:pt x="91440" y="3047"/>
                  </a:lnTo>
                  <a:lnTo>
                    <a:pt x="89915" y="3047"/>
                  </a:lnTo>
                  <a:lnTo>
                    <a:pt x="88392" y="1523"/>
                  </a:lnTo>
                  <a:close/>
                </a:path>
                <a:path w="91440" h="1207135">
                  <a:moveTo>
                    <a:pt x="91440" y="1203959"/>
                  </a:moveTo>
                  <a:lnTo>
                    <a:pt x="89915" y="1203959"/>
                  </a:lnTo>
                  <a:lnTo>
                    <a:pt x="88392" y="1205483"/>
                  </a:lnTo>
                  <a:lnTo>
                    <a:pt x="91440" y="1205483"/>
                  </a:lnTo>
                  <a:lnTo>
                    <a:pt x="91440" y="1203959"/>
                  </a:lnTo>
                  <a:close/>
                </a:path>
                <a:path w="91440" h="1207135">
                  <a:moveTo>
                    <a:pt x="3048" y="1523"/>
                  </a:moveTo>
                  <a:lnTo>
                    <a:pt x="1524" y="3047"/>
                  </a:lnTo>
                  <a:lnTo>
                    <a:pt x="3048" y="3047"/>
                  </a:lnTo>
                  <a:lnTo>
                    <a:pt x="3048" y="1523"/>
                  </a:lnTo>
                  <a:close/>
                </a:path>
                <a:path w="91440" h="1207135">
                  <a:moveTo>
                    <a:pt x="88392" y="1523"/>
                  </a:moveTo>
                  <a:lnTo>
                    <a:pt x="3048" y="1523"/>
                  </a:lnTo>
                  <a:lnTo>
                    <a:pt x="3048" y="3047"/>
                  </a:lnTo>
                  <a:lnTo>
                    <a:pt x="88392" y="3047"/>
                  </a:lnTo>
                  <a:lnTo>
                    <a:pt x="88392" y="1523"/>
                  </a:lnTo>
                  <a:close/>
                </a:path>
                <a:path w="91440" h="1207135">
                  <a:moveTo>
                    <a:pt x="91440" y="1523"/>
                  </a:moveTo>
                  <a:lnTo>
                    <a:pt x="88392" y="1523"/>
                  </a:lnTo>
                  <a:lnTo>
                    <a:pt x="89915" y="3047"/>
                  </a:lnTo>
                  <a:lnTo>
                    <a:pt x="91440" y="3047"/>
                  </a:lnTo>
                  <a:lnTo>
                    <a:pt x="91440" y="1523"/>
                  </a:lnTo>
                  <a:close/>
                </a:path>
              </a:pathLst>
            </a:custGeom>
            <a:solidFill>
              <a:srgbClr val="000000"/>
            </a:solidFill>
          </p:spPr>
          <p:txBody>
            <a:bodyPr wrap="square" lIns="0" tIns="0" rIns="0" bIns="0" rtlCol="0"/>
            <a:lstStyle/>
            <a:p>
              <a:endParaRPr sz="1539"/>
            </a:p>
          </p:txBody>
        </p:sp>
        <p:sp>
          <p:nvSpPr>
            <p:cNvPr id="184" name="object 184"/>
            <p:cNvSpPr/>
            <p:nvPr/>
          </p:nvSpPr>
          <p:spPr>
            <a:xfrm>
              <a:off x="1135380" y="4158995"/>
              <a:ext cx="88900" cy="1397635"/>
            </a:xfrm>
            <a:custGeom>
              <a:avLst/>
              <a:gdLst/>
              <a:ahLst/>
              <a:cxnLst/>
              <a:rect l="l" t="t" r="r" b="b"/>
              <a:pathLst>
                <a:path w="88900" h="1397635">
                  <a:moveTo>
                    <a:pt x="88391" y="0"/>
                  </a:moveTo>
                  <a:lnTo>
                    <a:pt x="0" y="0"/>
                  </a:lnTo>
                  <a:lnTo>
                    <a:pt x="0" y="1397508"/>
                  </a:lnTo>
                  <a:lnTo>
                    <a:pt x="88391" y="1397508"/>
                  </a:lnTo>
                  <a:lnTo>
                    <a:pt x="88391" y="0"/>
                  </a:lnTo>
                  <a:close/>
                </a:path>
              </a:pathLst>
            </a:custGeom>
            <a:solidFill>
              <a:srgbClr val="FFFF99"/>
            </a:solidFill>
          </p:spPr>
          <p:txBody>
            <a:bodyPr wrap="square" lIns="0" tIns="0" rIns="0" bIns="0" rtlCol="0"/>
            <a:lstStyle/>
            <a:p>
              <a:endParaRPr sz="1539"/>
            </a:p>
          </p:txBody>
        </p:sp>
        <p:sp>
          <p:nvSpPr>
            <p:cNvPr id="185" name="object 185"/>
            <p:cNvSpPr/>
            <p:nvPr/>
          </p:nvSpPr>
          <p:spPr>
            <a:xfrm>
              <a:off x="1133855" y="4157472"/>
              <a:ext cx="91440" cy="1400810"/>
            </a:xfrm>
            <a:custGeom>
              <a:avLst/>
              <a:gdLst/>
              <a:ahLst/>
              <a:cxnLst/>
              <a:rect l="l" t="t" r="r" b="b"/>
              <a:pathLst>
                <a:path w="91440" h="1400810">
                  <a:moveTo>
                    <a:pt x="89915" y="0"/>
                  </a:moveTo>
                  <a:lnTo>
                    <a:pt x="1524" y="0"/>
                  </a:lnTo>
                  <a:lnTo>
                    <a:pt x="0" y="1524"/>
                  </a:lnTo>
                  <a:lnTo>
                    <a:pt x="0" y="1399032"/>
                  </a:lnTo>
                  <a:lnTo>
                    <a:pt x="1524" y="1400556"/>
                  </a:lnTo>
                  <a:lnTo>
                    <a:pt x="89915" y="1400556"/>
                  </a:lnTo>
                  <a:lnTo>
                    <a:pt x="91440" y="1399032"/>
                  </a:lnTo>
                  <a:lnTo>
                    <a:pt x="3047" y="1399032"/>
                  </a:lnTo>
                  <a:lnTo>
                    <a:pt x="1524" y="1397508"/>
                  </a:lnTo>
                  <a:lnTo>
                    <a:pt x="3047" y="1397508"/>
                  </a:lnTo>
                  <a:lnTo>
                    <a:pt x="3047" y="3048"/>
                  </a:lnTo>
                  <a:lnTo>
                    <a:pt x="1524" y="3048"/>
                  </a:lnTo>
                  <a:lnTo>
                    <a:pt x="3047" y="1524"/>
                  </a:lnTo>
                  <a:lnTo>
                    <a:pt x="91440" y="1524"/>
                  </a:lnTo>
                  <a:lnTo>
                    <a:pt x="89915" y="0"/>
                  </a:lnTo>
                  <a:close/>
                </a:path>
                <a:path w="91440" h="1400810">
                  <a:moveTo>
                    <a:pt x="3047" y="1397508"/>
                  </a:moveTo>
                  <a:lnTo>
                    <a:pt x="1524" y="1397508"/>
                  </a:lnTo>
                  <a:lnTo>
                    <a:pt x="3047" y="1399032"/>
                  </a:lnTo>
                  <a:lnTo>
                    <a:pt x="3047" y="1397508"/>
                  </a:lnTo>
                  <a:close/>
                </a:path>
                <a:path w="91440" h="1400810">
                  <a:moveTo>
                    <a:pt x="88391" y="1397508"/>
                  </a:moveTo>
                  <a:lnTo>
                    <a:pt x="3047" y="1397508"/>
                  </a:lnTo>
                  <a:lnTo>
                    <a:pt x="3047" y="1399032"/>
                  </a:lnTo>
                  <a:lnTo>
                    <a:pt x="88391" y="1399032"/>
                  </a:lnTo>
                  <a:lnTo>
                    <a:pt x="88391" y="1397508"/>
                  </a:lnTo>
                  <a:close/>
                </a:path>
                <a:path w="91440" h="1400810">
                  <a:moveTo>
                    <a:pt x="88391" y="1524"/>
                  </a:moveTo>
                  <a:lnTo>
                    <a:pt x="88391" y="1399032"/>
                  </a:lnTo>
                  <a:lnTo>
                    <a:pt x="89915" y="1397508"/>
                  </a:lnTo>
                  <a:lnTo>
                    <a:pt x="91440" y="1397508"/>
                  </a:lnTo>
                  <a:lnTo>
                    <a:pt x="91440" y="3048"/>
                  </a:lnTo>
                  <a:lnTo>
                    <a:pt x="89915" y="3048"/>
                  </a:lnTo>
                  <a:lnTo>
                    <a:pt x="88391" y="1524"/>
                  </a:lnTo>
                  <a:close/>
                </a:path>
                <a:path w="91440" h="1400810">
                  <a:moveTo>
                    <a:pt x="91440" y="1397508"/>
                  </a:moveTo>
                  <a:lnTo>
                    <a:pt x="89915" y="1397508"/>
                  </a:lnTo>
                  <a:lnTo>
                    <a:pt x="88391" y="1399032"/>
                  </a:lnTo>
                  <a:lnTo>
                    <a:pt x="91440" y="1399032"/>
                  </a:lnTo>
                  <a:lnTo>
                    <a:pt x="91440" y="1397508"/>
                  </a:lnTo>
                  <a:close/>
                </a:path>
                <a:path w="91440" h="1400810">
                  <a:moveTo>
                    <a:pt x="3047" y="1524"/>
                  </a:moveTo>
                  <a:lnTo>
                    <a:pt x="1524" y="3048"/>
                  </a:lnTo>
                  <a:lnTo>
                    <a:pt x="3047" y="3048"/>
                  </a:lnTo>
                  <a:lnTo>
                    <a:pt x="3047" y="1524"/>
                  </a:lnTo>
                  <a:close/>
                </a:path>
                <a:path w="91440" h="1400810">
                  <a:moveTo>
                    <a:pt x="88391" y="1524"/>
                  </a:moveTo>
                  <a:lnTo>
                    <a:pt x="3047" y="1524"/>
                  </a:lnTo>
                  <a:lnTo>
                    <a:pt x="3047" y="3048"/>
                  </a:lnTo>
                  <a:lnTo>
                    <a:pt x="88391" y="3048"/>
                  </a:lnTo>
                  <a:lnTo>
                    <a:pt x="88391" y="1524"/>
                  </a:lnTo>
                  <a:close/>
                </a:path>
                <a:path w="91440" h="1400810">
                  <a:moveTo>
                    <a:pt x="91440" y="1524"/>
                  </a:moveTo>
                  <a:lnTo>
                    <a:pt x="88391" y="1524"/>
                  </a:lnTo>
                  <a:lnTo>
                    <a:pt x="89915" y="3048"/>
                  </a:lnTo>
                  <a:lnTo>
                    <a:pt x="91440" y="3048"/>
                  </a:lnTo>
                  <a:lnTo>
                    <a:pt x="91440" y="1524"/>
                  </a:lnTo>
                  <a:close/>
                </a:path>
              </a:pathLst>
            </a:custGeom>
            <a:solidFill>
              <a:srgbClr val="000000"/>
            </a:solidFill>
          </p:spPr>
          <p:txBody>
            <a:bodyPr wrap="square" lIns="0" tIns="0" rIns="0" bIns="0" rtlCol="0"/>
            <a:lstStyle/>
            <a:p>
              <a:endParaRPr sz="1539"/>
            </a:p>
          </p:txBody>
        </p:sp>
        <p:sp>
          <p:nvSpPr>
            <p:cNvPr id="186" name="object 186"/>
            <p:cNvSpPr/>
            <p:nvPr/>
          </p:nvSpPr>
          <p:spPr>
            <a:xfrm>
              <a:off x="1356360" y="4084320"/>
              <a:ext cx="88900" cy="1431290"/>
            </a:xfrm>
            <a:custGeom>
              <a:avLst/>
              <a:gdLst/>
              <a:ahLst/>
              <a:cxnLst/>
              <a:rect l="l" t="t" r="r" b="b"/>
              <a:pathLst>
                <a:path w="88900" h="1431289">
                  <a:moveTo>
                    <a:pt x="88391" y="0"/>
                  </a:moveTo>
                  <a:lnTo>
                    <a:pt x="0" y="0"/>
                  </a:lnTo>
                  <a:lnTo>
                    <a:pt x="0" y="1431036"/>
                  </a:lnTo>
                  <a:lnTo>
                    <a:pt x="88391" y="1431036"/>
                  </a:lnTo>
                  <a:lnTo>
                    <a:pt x="88391" y="0"/>
                  </a:lnTo>
                  <a:close/>
                </a:path>
              </a:pathLst>
            </a:custGeom>
            <a:solidFill>
              <a:srgbClr val="FFFF99"/>
            </a:solidFill>
          </p:spPr>
          <p:txBody>
            <a:bodyPr wrap="square" lIns="0" tIns="0" rIns="0" bIns="0" rtlCol="0"/>
            <a:lstStyle/>
            <a:p>
              <a:endParaRPr sz="1539"/>
            </a:p>
          </p:txBody>
        </p:sp>
        <p:sp>
          <p:nvSpPr>
            <p:cNvPr id="187" name="object 187"/>
            <p:cNvSpPr/>
            <p:nvPr/>
          </p:nvSpPr>
          <p:spPr>
            <a:xfrm>
              <a:off x="1354836" y="4082795"/>
              <a:ext cx="91440" cy="1434465"/>
            </a:xfrm>
            <a:custGeom>
              <a:avLst/>
              <a:gdLst/>
              <a:ahLst/>
              <a:cxnLst/>
              <a:rect l="l" t="t" r="r" b="b"/>
              <a:pathLst>
                <a:path w="91440" h="1434464">
                  <a:moveTo>
                    <a:pt x="89915" y="0"/>
                  </a:moveTo>
                  <a:lnTo>
                    <a:pt x="1523" y="0"/>
                  </a:lnTo>
                  <a:lnTo>
                    <a:pt x="0" y="1524"/>
                  </a:lnTo>
                  <a:lnTo>
                    <a:pt x="0" y="1432559"/>
                  </a:lnTo>
                  <a:lnTo>
                    <a:pt x="1523" y="1434083"/>
                  </a:lnTo>
                  <a:lnTo>
                    <a:pt x="89915" y="1434083"/>
                  </a:lnTo>
                  <a:lnTo>
                    <a:pt x="91439" y="1432559"/>
                  </a:lnTo>
                  <a:lnTo>
                    <a:pt x="3047" y="1432559"/>
                  </a:lnTo>
                  <a:lnTo>
                    <a:pt x="1523" y="1431035"/>
                  </a:lnTo>
                  <a:lnTo>
                    <a:pt x="3047" y="1431035"/>
                  </a:lnTo>
                  <a:lnTo>
                    <a:pt x="3047" y="3048"/>
                  </a:lnTo>
                  <a:lnTo>
                    <a:pt x="1523" y="3048"/>
                  </a:lnTo>
                  <a:lnTo>
                    <a:pt x="3047" y="1524"/>
                  </a:lnTo>
                  <a:lnTo>
                    <a:pt x="91439" y="1524"/>
                  </a:lnTo>
                  <a:lnTo>
                    <a:pt x="89915" y="0"/>
                  </a:lnTo>
                  <a:close/>
                </a:path>
                <a:path w="91440" h="1434464">
                  <a:moveTo>
                    <a:pt x="3047" y="1431035"/>
                  </a:moveTo>
                  <a:lnTo>
                    <a:pt x="1523" y="1431035"/>
                  </a:lnTo>
                  <a:lnTo>
                    <a:pt x="3047" y="1432559"/>
                  </a:lnTo>
                  <a:lnTo>
                    <a:pt x="3047" y="1431035"/>
                  </a:lnTo>
                  <a:close/>
                </a:path>
                <a:path w="91440" h="1434464">
                  <a:moveTo>
                    <a:pt x="88391" y="1431035"/>
                  </a:moveTo>
                  <a:lnTo>
                    <a:pt x="3047" y="1431035"/>
                  </a:lnTo>
                  <a:lnTo>
                    <a:pt x="3047" y="1432559"/>
                  </a:lnTo>
                  <a:lnTo>
                    <a:pt x="88391" y="1432559"/>
                  </a:lnTo>
                  <a:lnTo>
                    <a:pt x="88391" y="1431035"/>
                  </a:lnTo>
                  <a:close/>
                </a:path>
                <a:path w="91440" h="1434464">
                  <a:moveTo>
                    <a:pt x="88391" y="1524"/>
                  </a:moveTo>
                  <a:lnTo>
                    <a:pt x="88391" y="1432559"/>
                  </a:lnTo>
                  <a:lnTo>
                    <a:pt x="89915" y="1431035"/>
                  </a:lnTo>
                  <a:lnTo>
                    <a:pt x="91439" y="1431036"/>
                  </a:lnTo>
                  <a:lnTo>
                    <a:pt x="91439" y="3048"/>
                  </a:lnTo>
                  <a:lnTo>
                    <a:pt x="89915" y="3048"/>
                  </a:lnTo>
                  <a:lnTo>
                    <a:pt x="88391" y="1524"/>
                  </a:lnTo>
                  <a:close/>
                </a:path>
                <a:path w="91440" h="1434464">
                  <a:moveTo>
                    <a:pt x="91439" y="1431036"/>
                  </a:moveTo>
                  <a:lnTo>
                    <a:pt x="89915" y="1431035"/>
                  </a:lnTo>
                  <a:lnTo>
                    <a:pt x="88391" y="1432559"/>
                  </a:lnTo>
                  <a:lnTo>
                    <a:pt x="91439" y="1432559"/>
                  </a:lnTo>
                  <a:lnTo>
                    <a:pt x="91439" y="1431036"/>
                  </a:lnTo>
                  <a:close/>
                </a:path>
                <a:path w="91440" h="1434464">
                  <a:moveTo>
                    <a:pt x="3047" y="1524"/>
                  </a:moveTo>
                  <a:lnTo>
                    <a:pt x="1523" y="3048"/>
                  </a:lnTo>
                  <a:lnTo>
                    <a:pt x="3047" y="3048"/>
                  </a:lnTo>
                  <a:lnTo>
                    <a:pt x="3047" y="1524"/>
                  </a:lnTo>
                  <a:close/>
                </a:path>
                <a:path w="91440" h="1434464">
                  <a:moveTo>
                    <a:pt x="88391" y="1524"/>
                  </a:moveTo>
                  <a:lnTo>
                    <a:pt x="3047" y="1524"/>
                  </a:lnTo>
                  <a:lnTo>
                    <a:pt x="3047" y="3048"/>
                  </a:lnTo>
                  <a:lnTo>
                    <a:pt x="88391" y="3048"/>
                  </a:lnTo>
                  <a:lnTo>
                    <a:pt x="88391" y="1524"/>
                  </a:lnTo>
                  <a:close/>
                </a:path>
                <a:path w="91440" h="1434464">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88" name="object 188"/>
            <p:cNvSpPr/>
            <p:nvPr/>
          </p:nvSpPr>
          <p:spPr>
            <a:xfrm>
              <a:off x="1577339" y="4047744"/>
              <a:ext cx="88900" cy="1435735"/>
            </a:xfrm>
            <a:custGeom>
              <a:avLst/>
              <a:gdLst/>
              <a:ahLst/>
              <a:cxnLst/>
              <a:rect l="l" t="t" r="r" b="b"/>
              <a:pathLst>
                <a:path w="88900" h="1435735">
                  <a:moveTo>
                    <a:pt x="88391" y="0"/>
                  </a:moveTo>
                  <a:lnTo>
                    <a:pt x="0" y="0"/>
                  </a:lnTo>
                  <a:lnTo>
                    <a:pt x="0" y="1435608"/>
                  </a:lnTo>
                  <a:lnTo>
                    <a:pt x="88391" y="1435608"/>
                  </a:lnTo>
                  <a:lnTo>
                    <a:pt x="88391" y="0"/>
                  </a:lnTo>
                  <a:close/>
                </a:path>
              </a:pathLst>
            </a:custGeom>
            <a:solidFill>
              <a:srgbClr val="FFFF99"/>
            </a:solidFill>
          </p:spPr>
          <p:txBody>
            <a:bodyPr wrap="square" lIns="0" tIns="0" rIns="0" bIns="0" rtlCol="0"/>
            <a:lstStyle/>
            <a:p>
              <a:endParaRPr sz="1539"/>
            </a:p>
          </p:txBody>
        </p:sp>
        <p:sp>
          <p:nvSpPr>
            <p:cNvPr id="189" name="object 189"/>
            <p:cNvSpPr/>
            <p:nvPr/>
          </p:nvSpPr>
          <p:spPr>
            <a:xfrm>
              <a:off x="1575816" y="4046220"/>
              <a:ext cx="91440" cy="1438910"/>
            </a:xfrm>
            <a:custGeom>
              <a:avLst/>
              <a:gdLst/>
              <a:ahLst/>
              <a:cxnLst/>
              <a:rect l="l" t="t" r="r" b="b"/>
              <a:pathLst>
                <a:path w="91439" h="1438910">
                  <a:moveTo>
                    <a:pt x="89915" y="0"/>
                  </a:moveTo>
                  <a:lnTo>
                    <a:pt x="1524" y="0"/>
                  </a:lnTo>
                  <a:lnTo>
                    <a:pt x="0" y="1524"/>
                  </a:lnTo>
                  <a:lnTo>
                    <a:pt x="0" y="1437132"/>
                  </a:lnTo>
                  <a:lnTo>
                    <a:pt x="1524" y="1438656"/>
                  </a:lnTo>
                  <a:lnTo>
                    <a:pt x="89915" y="1438656"/>
                  </a:lnTo>
                  <a:lnTo>
                    <a:pt x="91440" y="1437132"/>
                  </a:lnTo>
                  <a:lnTo>
                    <a:pt x="3047" y="1437132"/>
                  </a:lnTo>
                  <a:lnTo>
                    <a:pt x="1524" y="1435608"/>
                  </a:lnTo>
                  <a:lnTo>
                    <a:pt x="3047" y="1435608"/>
                  </a:lnTo>
                  <a:lnTo>
                    <a:pt x="3047" y="3048"/>
                  </a:lnTo>
                  <a:lnTo>
                    <a:pt x="1524" y="3048"/>
                  </a:lnTo>
                  <a:lnTo>
                    <a:pt x="3047" y="1524"/>
                  </a:lnTo>
                  <a:lnTo>
                    <a:pt x="91440" y="1524"/>
                  </a:lnTo>
                  <a:lnTo>
                    <a:pt x="89915" y="0"/>
                  </a:lnTo>
                  <a:close/>
                </a:path>
                <a:path w="91439" h="1438910">
                  <a:moveTo>
                    <a:pt x="3047" y="1435608"/>
                  </a:moveTo>
                  <a:lnTo>
                    <a:pt x="1524" y="1435608"/>
                  </a:lnTo>
                  <a:lnTo>
                    <a:pt x="3047" y="1437132"/>
                  </a:lnTo>
                  <a:lnTo>
                    <a:pt x="3047" y="1435608"/>
                  </a:lnTo>
                  <a:close/>
                </a:path>
                <a:path w="91439" h="1438910">
                  <a:moveTo>
                    <a:pt x="88391" y="1435608"/>
                  </a:moveTo>
                  <a:lnTo>
                    <a:pt x="3047" y="1435608"/>
                  </a:lnTo>
                  <a:lnTo>
                    <a:pt x="3047" y="1437132"/>
                  </a:lnTo>
                  <a:lnTo>
                    <a:pt x="88391" y="1437132"/>
                  </a:lnTo>
                  <a:lnTo>
                    <a:pt x="88391" y="1435608"/>
                  </a:lnTo>
                  <a:close/>
                </a:path>
                <a:path w="91439" h="1438910">
                  <a:moveTo>
                    <a:pt x="88391" y="1524"/>
                  </a:moveTo>
                  <a:lnTo>
                    <a:pt x="88391" y="1437132"/>
                  </a:lnTo>
                  <a:lnTo>
                    <a:pt x="89915" y="1435608"/>
                  </a:lnTo>
                  <a:lnTo>
                    <a:pt x="91440" y="1435607"/>
                  </a:lnTo>
                  <a:lnTo>
                    <a:pt x="91440" y="3048"/>
                  </a:lnTo>
                  <a:lnTo>
                    <a:pt x="89915" y="3048"/>
                  </a:lnTo>
                  <a:lnTo>
                    <a:pt x="88391" y="1524"/>
                  </a:lnTo>
                  <a:close/>
                </a:path>
                <a:path w="91439" h="1438910">
                  <a:moveTo>
                    <a:pt x="91440" y="1435607"/>
                  </a:moveTo>
                  <a:lnTo>
                    <a:pt x="89915" y="1435608"/>
                  </a:lnTo>
                  <a:lnTo>
                    <a:pt x="88391" y="1437132"/>
                  </a:lnTo>
                  <a:lnTo>
                    <a:pt x="91440" y="1437132"/>
                  </a:lnTo>
                  <a:lnTo>
                    <a:pt x="91440" y="1435607"/>
                  </a:lnTo>
                  <a:close/>
                </a:path>
                <a:path w="91439" h="1438910">
                  <a:moveTo>
                    <a:pt x="3047" y="1524"/>
                  </a:moveTo>
                  <a:lnTo>
                    <a:pt x="1524" y="3048"/>
                  </a:lnTo>
                  <a:lnTo>
                    <a:pt x="3047" y="3048"/>
                  </a:lnTo>
                  <a:lnTo>
                    <a:pt x="3047" y="1524"/>
                  </a:lnTo>
                  <a:close/>
                </a:path>
                <a:path w="91439" h="1438910">
                  <a:moveTo>
                    <a:pt x="88391" y="1524"/>
                  </a:moveTo>
                  <a:lnTo>
                    <a:pt x="3047" y="1524"/>
                  </a:lnTo>
                  <a:lnTo>
                    <a:pt x="3047" y="3048"/>
                  </a:lnTo>
                  <a:lnTo>
                    <a:pt x="88391" y="3048"/>
                  </a:lnTo>
                  <a:lnTo>
                    <a:pt x="88391" y="1524"/>
                  </a:lnTo>
                  <a:close/>
                </a:path>
                <a:path w="91439" h="1438910">
                  <a:moveTo>
                    <a:pt x="91440" y="1524"/>
                  </a:moveTo>
                  <a:lnTo>
                    <a:pt x="88391" y="1524"/>
                  </a:lnTo>
                  <a:lnTo>
                    <a:pt x="89915" y="3048"/>
                  </a:lnTo>
                  <a:lnTo>
                    <a:pt x="91440" y="3048"/>
                  </a:lnTo>
                  <a:lnTo>
                    <a:pt x="91440" y="1524"/>
                  </a:lnTo>
                  <a:close/>
                </a:path>
              </a:pathLst>
            </a:custGeom>
            <a:solidFill>
              <a:srgbClr val="000000"/>
            </a:solidFill>
          </p:spPr>
          <p:txBody>
            <a:bodyPr wrap="square" lIns="0" tIns="0" rIns="0" bIns="0" rtlCol="0"/>
            <a:lstStyle/>
            <a:p>
              <a:endParaRPr sz="1539"/>
            </a:p>
          </p:txBody>
        </p:sp>
        <p:sp>
          <p:nvSpPr>
            <p:cNvPr id="190" name="object 190"/>
            <p:cNvSpPr/>
            <p:nvPr/>
          </p:nvSpPr>
          <p:spPr>
            <a:xfrm>
              <a:off x="1796796" y="4055364"/>
              <a:ext cx="88900" cy="1430020"/>
            </a:xfrm>
            <a:custGeom>
              <a:avLst/>
              <a:gdLst/>
              <a:ahLst/>
              <a:cxnLst/>
              <a:rect l="l" t="t" r="r" b="b"/>
              <a:pathLst>
                <a:path w="88900" h="1430020">
                  <a:moveTo>
                    <a:pt x="88392" y="0"/>
                  </a:moveTo>
                  <a:lnTo>
                    <a:pt x="0" y="0"/>
                  </a:lnTo>
                  <a:lnTo>
                    <a:pt x="0" y="1429512"/>
                  </a:lnTo>
                  <a:lnTo>
                    <a:pt x="88392" y="1429512"/>
                  </a:lnTo>
                  <a:lnTo>
                    <a:pt x="88392" y="0"/>
                  </a:lnTo>
                  <a:close/>
                </a:path>
              </a:pathLst>
            </a:custGeom>
            <a:solidFill>
              <a:srgbClr val="FFFF99"/>
            </a:solidFill>
          </p:spPr>
          <p:txBody>
            <a:bodyPr wrap="square" lIns="0" tIns="0" rIns="0" bIns="0" rtlCol="0"/>
            <a:lstStyle/>
            <a:p>
              <a:endParaRPr sz="1539"/>
            </a:p>
          </p:txBody>
        </p:sp>
        <p:sp>
          <p:nvSpPr>
            <p:cNvPr id="191" name="object 191"/>
            <p:cNvSpPr/>
            <p:nvPr/>
          </p:nvSpPr>
          <p:spPr>
            <a:xfrm>
              <a:off x="1795271" y="4053839"/>
              <a:ext cx="91440" cy="1432560"/>
            </a:xfrm>
            <a:custGeom>
              <a:avLst/>
              <a:gdLst/>
              <a:ahLst/>
              <a:cxnLst/>
              <a:rect l="l" t="t" r="r" b="b"/>
              <a:pathLst>
                <a:path w="91439" h="1432560">
                  <a:moveTo>
                    <a:pt x="89915" y="0"/>
                  </a:moveTo>
                  <a:lnTo>
                    <a:pt x="1523" y="0"/>
                  </a:lnTo>
                  <a:lnTo>
                    <a:pt x="0" y="1524"/>
                  </a:lnTo>
                  <a:lnTo>
                    <a:pt x="0" y="1431036"/>
                  </a:lnTo>
                  <a:lnTo>
                    <a:pt x="1523" y="1432560"/>
                  </a:lnTo>
                  <a:lnTo>
                    <a:pt x="89915" y="1432560"/>
                  </a:lnTo>
                  <a:lnTo>
                    <a:pt x="91439" y="1431036"/>
                  </a:lnTo>
                  <a:lnTo>
                    <a:pt x="3047" y="1431036"/>
                  </a:lnTo>
                  <a:lnTo>
                    <a:pt x="1523" y="1429512"/>
                  </a:lnTo>
                  <a:lnTo>
                    <a:pt x="3047" y="1429512"/>
                  </a:lnTo>
                  <a:lnTo>
                    <a:pt x="3047" y="3048"/>
                  </a:lnTo>
                  <a:lnTo>
                    <a:pt x="1523" y="3048"/>
                  </a:lnTo>
                  <a:lnTo>
                    <a:pt x="3047" y="1524"/>
                  </a:lnTo>
                  <a:lnTo>
                    <a:pt x="91439" y="1524"/>
                  </a:lnTo>
                  <a:lnTo>
                    <a:pt x="89915" y="0"/>
                  </a:lnTo>
                  <a:close/>
                </a:path>
                <a:path w="91439" h="1432560">
                  <a:moveTo>
                    <a:pt x="3047" y="1429512"/>
                  </a:moveTo>
                  <a:lnTo>
                    <a:pt x="1523" y="1429512"/>
                  </a:lnTo>
                  <a:lnTo>
                    <a:pt x="3047" y="1431036"/>
                  </a:lnTo>
                  <a:lnTo>
                    <a:pt x="3047" y="1429512"/>
                  </a:lnTo>
                  <a:close/>
                </a:path>
                <a:path w="91439" h="1432560">
                  <a:moveTo>
                    <a:pt x="88391" y="1429512"/>
                  </a:moveTo>
                  <a:lnTo>
                    <a:pt x="3047" y="1429512"/>
                  </a:lnTo>
                  <a:lnTo>
                    <a:pt x="3047" y="1431036"/>
                  </a:lnTo>
                  <a:lnTo>
                    <a:pt x="88391" y="1431036"/>
                  </a:lnTo>
                  <a:lnTo>
                    <a:pt x="88391" y="1429512"/>
                  </a:lnTo>
                  <a:close/>
                </a:path>
                <a:path w="91439" h="1432560">
                  <a:moveTo>
                    <a:pt x="88391" y="1524"/>
                  </a:moveTo>
                  <a:lnTo>
                    <a:pt x="88391" y="1431036"/>
                  </a:lnTo>
                  <a:lnTo>
                    <a:pt x="89915" y="1429512"/>
                  </a:lnTo>
                  <a:lnTo>
                    <a:pt x="91439" y="1429512"/>
                  </a:lnTo>
                  <a:lnTo>
                    <a:pt x="91439" y="3048"/>
                  </a:lnTo>
                  <a:lnTo>
                    <a:pt x="89915" y="3048"/>
                  </a:lnTo>
                  <a:lnTo>
                    <a:pt x="88391" y="1524"/>
                  </a:lnTo>
                  <a:close/>
                </a:path>
                <a:path w="91439" h="1432560">
                  <a:moveTo>
                    <a:pt x="91439" y="1429512"/>
                  </a:moveTo>
                  <a:lnTo>
                    <a:pt x="89915" y="1429512"/>
                  </a:lnTo>
                  <a:lnTo>
                    <a:pt x="88391" y="1431036"/>
                  </a:lnTo>
                  <a:lnTo>
                    <a:pt x="91439" y="1431036"/>
                  </a:lnTo>
                  <a:lnTo>
                    <a:pt x="91439" y="1429512"/>
                  </a:lnTo>
                  <a:close/>
                </a:path>
                <a:path w="91439" h="1432560">
                  <a:moveTo>
                    <a:pt x="3047" y="1524"/>
                  </a:moveTo>
                  <a:lnTo>
                    <a:pt x="1523" y="3048"/>
                  </a:lnTo>
                  <a:lnTo>
                    <a:pt x="3047" y="3048"/>
                  </a:lnTo>
                  <a:lnTo>
                    <a:pt x="3047" y="1524"/>
                  </a:lnTo>
                  <a:close/>
                </a:path>
                <a:path w="91439" h="1432560">
                  <a:moveTo>
                    <a:pt x="88391" y="1524"/>
                  </a:moveTo>
                  <a:lnTo>
                    <a:pt x="3047" y="1524"/>
                  </a:lnTo>
                  <a:lnTo>
                    <a:pt x="3047" y="3048"/>
                  </a:lnTo>
                  <a:lnTo>
                    <a:pt x="88391" y="3048"/>
                  </a:lnTo>
                  <a:lnTo>
                    <a:pt x="88391" y="1524"/>
                  </a:lnTo>
                  <a:close/>
                </a:path>
                <a:path w="91439" h="143256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92" name="object 192"/>
            <p:cNvSpPr/>
            <p:nvPr/>
          </p:nvSpPr>
          <p:spPr>
            <a:xfrm>
              <a:off x="2017775" y="4174236"/>
              <a:ext cx="88900" cy="1327785"/>
            </a:xfrm>
            <a:custGeom>
              <a:avLst/>
              <a:gdLst/>
              <a:ahLst/>
              <a:cxnLst/>
              <a:rect l="l" t="t" r="r" b="b"/>
              <a:pathLst>
                <a:path w="88900" h="1327785">
                  <a:moveTo>
                    <a:pt x="88392" y="0"/>
                  </a:moveTo>
                  <a:lnTo>
                    <a:pt x="0" y="0"/>
                  </a:lnTo>
                  <a:lnTo>
                    <a:pt x="0" y="1327404"/>
                  </a:lnTo>
                  <a:lnTo>
                    <a:pt x="88392" y="1327404"/>
                  </a:lnTo>
                  <a:lnTo>
                    <a:pt x="88392" y="0"/>
                  </a:lnTo>
                  <a:close/>
                </a:path>
              </a:pathLst>
            </a:custGeom>
            <a:solidFill>
              <a:srgbClr val="FFFF99"/>
            </a:solidFill>
          </p:spPr>
          <p:txBody>
            <a:bodyPr wrap="square" lIns="0" tIns="0" rIns="0" bIns="0" rtlCol="0"/>
            <a:lstStyle/>
            <a:p>
              <a:endParaRPr sz="1539"/>
            </a:p>
          </p:txBody>
        </p:sp>
        <p:sp>
          <p:nvSpPr>
            <p:cNvPr id="193" name="object 193"/>
            <p:cNvSpPr/>
            <p:nvPr/>
          </p:nvSpPr>
          <p:spPr>
            <a:xfrm>
              <a:off x="2016252" y="4172711"/>
              <a:ext cx="91440" cy="1330960"/>
            </a:xfrm>
            <a:custGeom>
              <a:avLst/>
              <a:gdLst/>
              <a:ahLst/>
              <a:cxnLst/>
              <a:rect l="l" t="t" r="r" b="b"/>
              <a:pathLst>
                <a:path w="91439" h="1330960">
                  <a:moveTo>
                    <a:pt x="89916" y="0"/>
                  </a:moveTo>
                  <a:lnTo>
                    <a:pt x="1524" y="0"/>
                  </a:lnTo>
                  <a:lnTo>
                    <a:pt x="0" y="1524"/>
                  </a:lnTo>
                  <a:lnTo>
                    <a:pt x="0" y="1328928"/>
                  </a:lnTo>
                  <a:lnTo>
                    <a:pt x="1524" y="1330452"/>
                  </a:lnTo>
                  <a:lnTo>
                    <a:pt x="89916" y="1330452"/>
                  </a:lnTo>
                  <a:lnTo>
                    <a:pt x="91440" y="1328928"/>
                  </a:lnTo>
                  <a:lnTo>
                    <a:pt x="3048" y="1328928"/>
                  </a:lnTo>
                  <a:lnTo>
                    <a:pt x="1524" y="1327404"/>
                  </a:lnTo>
                  <a:lnTo>
                    <a:pt x="3048" y="1327404"/>
                  </a:lnTo>
                  <a:lnTo>
                    <a:pt x="3048" y="3048"/>
                  </a:lnTo>
                  <a:lnTo>
                    <a:pt x="1524" y="3048"/>
                  </a:lnTo>
                  <a:lnTo>
                    <a:pt x="3048" y="1524"/>
                  </a:lnTo>
                  <a:lnTo>
                    <a:pt x="91440" y="1524"/>
                  </a:lnTo>
                  <a:lnTo>
                    <a:pt x="89916" y="0"/>
                  </a:lnTo>
                  <a:close/>
                </a:path>
                <a:path w="91439" h="1330960">
                  <a:moveTo>
                    <a:pt x="3048" y="1327404"/>
                  </a:moveTo>
                  <a:lnTo>
                    <a:pt x="1524" y="1327404"/>
                  </a:lnTo>
                  <a:lnTo>
                    <a:pt x="3048" y="1328928"/>
                  </a:lnTo>
                  <a:lnTo>
                    <a:pt x="3048" y="1327404"/>
                  </a:lnTo>
                  <a:close/>
                </a:path>
                <a:path w="91439" h="1330960">
                  <a:moveTo>
                    <a:pt x="88392" y="1327404"/>
                  </a:moveTo>
                  <a:lnTo>
                    <a:pt x="3048" y="1327404"/>
                  </a:lnTo>
                  <a:lnTo>
                    <a:pt x="3048" y="1328928"/>
                  </a:lnTo>
                  <a:lnTo>
                    <a:pt x="88392" y="1328928"/>
                  </a:lnTo>
                  <a:lnTo>
                    <a:pt x="88392" y="1327404"/>
                  </a:lnTo>
                  <a:close/>
                </a:path>
                <a:path w="91439" h="1330960">
                  <a:moveTo>
                    <a:pt x="88392" y="1524"/>
                  </a:moveTo>
                  <a:lnTo>
                    <a:pt x="88392" y="1328928"/>
                  </a:lnTo>
                  <a:lnTo>
                    <a:pt x="89916" y="1327404"/>
                  </a:lnTo>
                  <a:lnTo>
                    <a:pt x="91440" y="1327404"/>
                  </a:lnTo>
                  <a:lnTo>
                    <a:pt x="91440" y="3048"/>
                  </a:lnTo>
                  <a:lnTo>
                    <a:pt x="89916" y="3048"/>
                  </a:lnTo>
                  <a:lnTo>
                    <a:pt x="88392" y="1524"/>
                  </a:lnTo>
                  <a:close/>
                </a:path>
                <a:path w="91439" h="1330960">
                  <a:moveTo>
                    <a:pt x="91440" y="1327404"/>
                  </a:moveTo>
                  <a:lnTo>
                    <a:pt x="89916" y="1327404"/>
                  </a:lnTo>
                  <a:lnTo>
                    <a:pt x="88392" y="1328928"/>
                  </a:lnTo>
                  <a:lnTo>
                    <a:pt x="91440" y="1328928"/>
                  </a:lnTo>
                  <a:lnTo>
                    <a:pt x="91440" y="1327404"/>
                  </a:lnTo>
                  <a:close/>
                </a:path>
                <a:path w="91439" h="1330960">
                  <a:moveTo>
                    <a:pt x="3048" y="1524"/>
                  </a:moveTo>
                  <a:lnTo>
                    <a:pt x="1524" y="3048"/>
                  </a:lnTo>
                  <a:lnTo>
                    <a:pt x="3048" y="3048"/>
                  </a:lnTo>
                  <a:lnTo>
                    <a:pt x="3048" y="1524"/>
                  </a:lnTo>
                  <a:close/>
                </a:path>
                <a:path w="91439" h="1330960">
                  <a:moveTo>
                    <a:pt x="88392" y="1524"/>
                  </a:moveTo>
                  <a:lnTo>
                    <a:pt x="3048" y="1524"/>
                  </a:lnTo>
                  <a:lnTo>
                    <a:pt x="3048" y="3048"/>
                  </a:lnTo>
                  <a:lnTo>
                    <a:pt x="88392" y="3048"/>
                  </a:lnTo>
                  <a:lnTo>
                    <a:pt x="88392" y="1524"/>
                  </a:lnTo>
                  <a:close/>
                </a:path>
                <a:path w="91439" h="133096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194" name="object 194"/>
            <p:cNvSpPr/>
            <p:nvPr/>
          </p:nvSpPr>
          <p:spPr>
            <a:xfrm>
              <a:off x="2238756" y="4128516"/>
              <a:ext cx="88900" cy="1394460"/>
            </a:xfrm>
            <a:custGeom>
              <a:avLst/>
              <a:gdLst/>
              <a:ahLst/>
              <a:cxnLst/>
              <a:rect l="l" t="t" r="r" b="b"/>
              <a:pathLst>
                <a:path w="88900" h="1394460">
                  <a:moveTo>
                    <a:pt x="88392" y="0"/>
                  </a:moveTo>
                  <a:lnTo>
                    <a:pt x="0" y="0"/>
                  </a:lnTo>
                  <a:lnTo>
                    <a:pt x="0" y="1394459"/>
                  </a:lnTo>
                  <a:lnTo>
                    <a:pt x="88392" y="1394459"/>
                  </a:lnTo>
                  <a:lnTo>
                    <a:pt x="88392" y="0"/>
                  </a:lnTo>
                  <a:close/>
                </a:path>
              </a:pathLst>
            </a:custGeom>
            <a:solidFill>
              <a:srgbClr val="FFFF99"/>
            </a:solidFill>
          </p:spPr>
          <p:txBody>
            <a:bodyPr wrap="square" lIns="0" tIns="0" rIns="0" bIns="0" rtlCol="0"/>
            <a:lstStyle/>
            <a:p>
              <a:endParaRPr sz="1539"/>
            </a:p>
          </p:txBody>
        </p:sp>
        <p:sp>
          <p:nvSpPr>
            <p:cNvPr id="195" name="object 195"/>
            <p:cNvSpPr/>
            <p:nvPr/>
          </p:nvSpPr>
          <p:spPr>
            <a:xfrm>
              <a:off x="2237231" y="4126992"/>
              <a:ext cx="91440" cy="1397635"/>
            </a:xfrm>
            <a:custGeom>
              <a:avLst/>
              <a:gdLst/>
              <a:ahLst/>
              <a:cxnLst/>
              <a:rect l="l" t="t" r="r" b="b"/>
              <a:pathLst>
                <a:path w="91439" h="1397635">
                  <a:moveTo>
                    <a:pt x="89916" y="0"/>
                  </a:moveTo>
                  <a:lnTo>
                    <a:pt x="1524" y="0"/>
                  </a:lnTo>
                  <a:lnTo>
                    <a:pt x="0" y="1523"/>
                  </a:lnTo>
                  <a:lnTo>
                    <a:pt x="0" y="1395983"/>
                  </a:lnTo>
                  <a:lnTo>
                    <a:pt x="1524" y="1397507"/>
                  </a:lnTo>
                  <a:lnTo>
                    <a:pt x="89916" y="1397507"/>
                  </a:lnTo>
                  <a:lnTo>
                    <a:pt x="91440" y="1395983"/>
                  </a:lnTo>
                  <a:lnTo>
                    <a:pt x="3048" y="1395983"/>
                  </a:lnTo>
                  <a:lnTo>
                    <a:pt x="1524" y="1394459"/>
                  </a:lnTo>
                  <a:lnTo>
                    <a:pt x="3048" y="1394459"/>
                  </a:lnTo>
                  <a:lnTo>
                    <a:pt x="3048" y="3047"/>
                  </a:lnTo>
                  <a:lnTo>
                    <a:pt x="1524" y="3047"/>
                  </a:lnTo>
                  <a:lnTo>
                    <a:pt x="3048" y="1523"/>
                  </a:lnTo>
                  <a:lnTo>
                    <a:pt x="91440" y="1523"/>
                  </a:lnTo>
                  <a:lnTo>
                    <a:pt x="89916" y="0"/>
                  </a:lnTo>
                  <a:close/>
                </a:path>
                <a:path w="91439" h="1397635">
                  <a:moveTo>
                    <a:pt x="3048" y="1394459"/>
                  </a:moveTo>
                  <a:lnTo>
                    <a:pt x="1524" y="1394459"/>
                  </a:lnTo>
                  <a:lnTo>
                    <a:pt x="3048" y="1395983"/>
                  </a:lnTo>
                  <a:lnTo>
                    <a:pt x="3048" y="1394459"/>
                  </a:lnTo>
                  <a:close/>
                </a:path>
                <a:path w="91439" h="1397635">
                  <a:moveTo>
                    <a:pt x="88392" y="1394459"/>
                  </a:moveTo>
                  <a:lnTo>
                    <a:pt x="3048" y="1394459"/>
                  </a:lnTo>
                  <a:lnTo>
                    <a:pt x="3048" y="1395983"/>
                  </a:lnTo>
                  <a:lnTo>
                    <a:pt x="88392" y="1395983"/>
                  </a:lnTo>
                  <a:lnTo>
                    <a:pt x="88392" y="1394459"/>
                  </a:lnTo>
                  <a:close/>
                </a:path>
                <a:path w="91439" h="1397635">
                  <a:moveTo>
                    <a:pt x="88392" y="1523"/>
                  </a:moveTo>
                  <a:lnTo>
                    <a:pt x="88392" y="1395983"/>
                  </a:lnTo>
                  <a:lnTo>
                    <a:pt x="89916" y="1394459"/>
                  </a:lnTo>
                  <a:lnTo>
                    <a:pt x="91440" y="1394460"/>
                  </a:lnTo>
                  <a:lnTo>
                    <a:pt x="91440" y="3047"/>
                  </a:lnTo>
                  <a:lnTo>
                    <a:pt x="89916" y="3047"/>
                  </a:lnTo>
                  <a:lnTo>
                    <a:pt x="88392" y="1523"/>
                  </a:lnTo>
                  <a:close/>
                </a:path>
                <a:path w="91439" h="1397635">
                  <a:moveTo>
                    <a:pt x="91440" y="1394460"/>
                  </a:moveTo>
                  <a:lnTo>
                    <a:pt x="89916" y="1394459"/>
                  </a:lnTo>
                  <a:lnTo>
                    <a:pt x="88392" y="1395983"/>
                  </a:lnTo>
                  <a:lnTo>
                    <a:pt x="91440" y="1395983"/>
                  </a:lnTo>
                  <a:lnTo>
                    <a:pt x="91440" y="1394460"/>
                  </a:lnTo>
                  <a:close/>
                </a:path>
                <a:path w="91439" h="1397635">
                  <a:moveTo>
                    <a:pt x="3048" y="1523"/>
                  </a:moveTo>
                  <a:lnTo>
                    <a:pt x="1524" y="3047"/>
                  </a:lnTo>
                  <a:lnTo>
                    <a:pt x="3048" y="3047"/>
                  </a:lnTo>
                  <a:lnTo>
                    <a:pt x="3048" y="1523"/>
                  </a:lnTo>
                  <a:close/>
                </a:path>
                <a:path w="91439" h="1397635">
                  <a:moveTo>
                    <a:pt x="88392" y="1523"/>
                  </a:moveTo>
                  <a:lnTo>
                    <a:pt x="3048" y="1523"/>
                  </a:lnTo>
                  <a:lnTo>
                    <a:pt x="3048" y="3047"/>
                  </a:lnTo>
                  <a:lnTo>
                    <a:pt x="88392" y="3047"/>
                  </a:lnTo>
                  <a:lnTo>
                    <a:pt x="88392" y="1523"/>
                  </a:lnTo>
                  <a:close/>
                </a:path>
                <a:path w="91439" h="1397635">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196" name="object 196"/>
            <p:cNvSpPr/>
            <p:nvPr/>
          </p:nvSpPr>
          <p:spPr>
            <a:xfrm>
              <a:off x="2459736" y="4059936"/>
              <a:ext cx="88900" cy="1469390"/>
            </a:xfrm>
            <a:custGeom>
              <a:avLst/>
              <a:gdLst/>
              <a:ahLst/>
              <a:cxnLst/>
              <a:rect l="l" t="t" r="r" b="b"/>
              <a:pathLst>
                <a:path w="88900" h="1469389">
                  <a:moveTo>
                    <a:pt x="88392" y="0"/>
                  </a:moveTo>
                  <a:lnTo>
                    <a:pt x="0" y="0"/>
                  </a:lnTo>
                  <a:lnTo>
                    <a:pt x="0" y="1469136"/>
                  </a:lnTo>
                  <a:lnTo>
                    <a:pt x="88392" y="1469136"/>
                  </a:lnTo>
                  <a:lnTo>
                    <a:pt x="88392" y="0"/>
                  </a:lnTo>
                  <a:close/>
                </a:path>
              </a:pathLst>
            </a:custGeom>
            <a:solidFill>
              <a:srgbClr val="FFFF99"/>
            </a:solidFill>
          </p:spPr>
          <p:txBody>
            <a:bodyPr wrap="square" lIns="0" tIns="0" rIns="0" bIns="0" rtlCol="0"/>
            <a:lstStyle/>
            <a:p>
              <a:endParaRPr sz="1539"/>
            </a:p>
          </p:txBody>
        </p:sp>
        <p:sp>
          <p:nvSpPr>
            <p:cNvPr id="197" name="object 197"/>
            <p:cNvSpPr/>
            <p:nvPr/>
          </p:nvSpPr>
          <p:spPr>
            <a:xfrm>
              <a:off x="2458212" y="4058411"/>
              <a:ext cx="91440" cy="1472565"/>
            </a:xfrm>
            <a:custGeom>
              <a:avLst/>
              <a:gdLst/>
              <a:ahLst/>
              <a:cxnLst/>
              <a:rect l="l" t="t" r="r" b="b"/>
              <a:pathLst>
                <a:path w="91439" h="1472564">
                  <a:moveTo>
                    <a:pt x="89915" y="0"/>
                  </a:moveTo>
                  <a:lnTo>
                    <a:pt x="1524" y="0"/>
                  </a:lnTo>
                  <a:lnTo>
                    <a:pt x="0" y="1524"/>
                  </a:lnTo>
                  <a:lnTo>
                    <a:pt x="0" y="1470660"/>
                  </a:lnTo>
                  <a:lnTo>
                    <a:pt x="1524" y="1472184"/>
                  </a:lnTo>
                  <a:lnTo>
                    <a:pt x="89915" y="1472184"/>
                  </a:lnTo>
                  <a:lnTo>
                    <a:pt x="91439" y="1470660"/>
                  </a:lnTo>
                  <a:lnTo>
                    <a:pt x="3048" y="1470660"/>
                  </a:lnTo>
                  <a:lnTo>
                    <a:pt x="1524" y="1469136"/>
                  </a:lnTo>
                  <a:lnTo>
                    <a:pt x="3048" y="1469136"/>
                  </a:lnTo>
                  <a:lnTo>
                    <a:pt x="3048" y="3048"/>
                  </a:lnTo>
                  <a:lnTo>
                    <a:pt x="1524" y="3048"/>
                  </a:lnTo>
                  <a:lnTo>
                    <a:pt x="3048" y="1524"/>
                  </a:lnTo>
                  <a:lnTo>
                    <a:pt x="91439" y="1524"/>
                  </a:lnTo>
                  <a:lnTo>
                    <a:pt x="89915" y="0"/>
                  </a:lnTo>
                  <a:close/>
                </a:path>
                <a:path w="91439" h="1472564">
                  <a:moveTo>
                    <a:pt x="3048" y="1469136"/>
                  </a:moveTo>
                  <a:lnTo>
                    <a:pt x="1524" y="1469136"/>
                  </a:lnTo>
                  <a:lnTo>
                    <a:pt x="3048" y="1470660"/>
                  </a:lnTo>
                  <a:lnTo>
                    <a:pt x="3048" y="1469136"/>
                  </a:lnTo>
                  <a:close/>
                </a:path>
                <a:path w="91439" h="1472564">
                  <a:moveTo>
                    <a:pt x="88392" y="1469136"/>
                  </a:moveTo>
                  <a:lnTo>
                    <a:pt x="3048" y="1469136"/>
                  </a:lnTo>
                  <a:lnTo>
                    <a:pt x="3048" y="1470660"/>
                  </a:lnTo>
                  <a:lnTo>
                    <a:pt x="88392" y="1470660"/>
                  </a:lnTo>
                  <a:lnTo>
                    <a:pt x="88392" y="1469136"/>
                  </a:lnTo>
                  <a:close/>
                </a:path>
                <a:path w="91439" h="1472564">
                  <a:moveTo>
                    <a:pt x="88392" y="1524"/>
                  </a:moveTo>
                  <a:lnTo>
                    <a:pt x="88392" y="1470660"/>
                  </a:lnTo>
                  <a:lnTo>
                    <a:pt x="89915" y="1469136"/>
                  </a:lnTo>
                  <a:lnTo>
                    <a:pt x="91439" y="1469136"/>
                  </a:lnTo>
                  <a:lnTo>
                    <a:pt x="91439" y="3048"/>
                  </a:lnTo>
                  <a:lnTo>
                    <a:pt x="89915" y="3048"/>
                  </a:lnTo>
                  <a:lnTo>
                    <a:pt x="88392" y="1524"/>
                  </a:lnTo>
                  <a:close/>
                </a:path>
                <a:path w="91439" h="1472564">
                  <a:moveTo>
                    <a:pt x="91439" y="1469136"/>
                  </a:moveTo>
                  <a:lnTo>
                    <a:pt x="89915" y="1469136"/>
                  </a:lnTo>
                  <a:lnTo>
                    <a:pt x="88392" y="1470660"/>
                  </a:lnTo>
                  <a:lnTo>
                    <a:pt x="91439" y="1470660"/>
                  </a:lnTo>
                  <a:lnTo>
                    <a:pt x="91439" y="1469136"/>
                  </a:lnTo>
                  <a:close/>
                </a:path>
                <a:path w="91439" h="1472564">
                  <a:moveTo>
                    <a:pt x="3048" y="1524"/>
                  </a:moveTo>
                  <a:lnTo>
                    <a:pt x="1524" y="3048"/>
                  </a:lnTo>
                  <a:lnTo>
                    <a:pt x="3048" y="3048"/>
                  </a:lnTo>
                  <a:lnTo>
                    <a:pt x="3048" y="1524"/>
                  </a:lnTo>
                  <a:close/>
                </a:path>
                <a:path w="91439" h="1472564">
                  <a:moveTo>
                    <a:pt x="88392" y="1524"/>
                  </a:moveTo>
                  <a:lnTo>
                    <a:pt x="3048" y="1524"/>
                  </a:lnTo>
                  <a:lnTo>
                    <a:pt x="3048" y="3048"/>
                  </a:lnTo>
                  <a:lnTo>
                    <a:pt x="88392" y="3048"/>
                  </a:lnTo>
                  <a:lnTo>
                    <a:pt x="88392" y="1524"/>
                  </a:lnTo>
                  <a:close/>
                </a:path>
                <a:path w="91439" h="1472564">
                  <a:moveTo>
                    <a:pt x="91439" y="1524"/>
                  </a:moveTo>
                  <a:lnTo>
                    <a:pt x="88392"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198" name="object 198"/>
            <p:cNvSpPr/>
            <p:nvPr/>
          </p:nvSpPr>
          <p:spPr>
            <a:xfrm>
              <a:off x="2680715" y="3887723"/>
              <a:ext cx="88900" cy="1572895"/>
            </a:xfrm>
            <a:custGeom>
              <a:avLst/>
              <a:gdLst/>
              <a:ahLst/>
              <a:cxnLst/>
              <a:rect l="l" t="t" r="r" b="b"/>
              <a:pathLst>
                <a:path w="88900" h="1572895">
                  <a:moveTo>
                    <a:pt x="88392" y="0"/>
                  </a:moveTo>
                  <a:lnTo>
                    <a:pt x="0" y="0"/>
                  </a:lnTo>
                  <a:lnTo>
                    <a:pt x="0" y="1572768"/>
                  </a:lnTo>
                  <a:lnTo>
                    <a:pt x="88392" y="1572768"/>
                  </a:lnTo>
                  <a:lnTo>
                    <a:pt x="88392" y="0"/>
                  </a:lnTo>
                  <a:close/>
                </a:path>
              </a:pathLst>
            </a:custGeom>
            <a:solidFill>
              <a:srgbClr val="FFFF99"/>
            </a:solidFill>
          </p:spPr>
          <p:txBody>
            <a:bodyPr wrap="square" lIns="0" tIns="0" rIns="0" bIns="0" rtlCol="0"/>
            <a:lstStyle/>
            <a:p>
              <a:endParaRPr sz="1539"/>
            </a:p>
          </p:txBody>
        </p:sp>
        <p:sp>
          <p:nvSpPr>
            <p:cNvPr id="199" name="object 199"/>
            <p:cNvSpPr/>
            <p:nvPr/>
          </p:nvSpPr>
          <p:spPr>
            <a:xfrm>
              <a:off x="2679191" y="3886200"/>
              <a:ext cx="91440" cy="1576070"/>
            </a:xfrm>
            <a:custGeom>
              <a:avLst/>
              <a:gdLst/>
              <a:ahLst/>
              <a:cxnLst/>
              <a:rect l="l" t="t" r="r" b="b"/>
              <a:pathLst>
                <a:path w="91439" h="1576070">
                  <a:moveTo>
                    <a:pt x="89915" y="0"/>
                  </a:moveTo>
                  <a:lnTo>
                    <a:pt x="1524" y="0"/>
                  </a:lnTo>
                  <a:lnTo>
                    <a:pt x="0" y="1524"/>
                  </a:lnTo>
                  <a:lnTo>
                    <a:pt x="0" y="1574292"/>
                  </a:lnTo>
                  <a:lnTo>
                    <a:pt x="1524" y="1575816"/>
                  </a:lnTo>
                  <a:lnTo>
                    <a:pt x="89915" y="1575816"/>
                  </a:lnTo>
                  <a:lnTo>
                    <a:pt x="91439" y="1574292"/>
                  </a:lnTo>
                  <a:lnTo>
                    <a:pt x="3047" y="1574292"/>
                  </a:lnTo>
                  <a:lnTo>
                    <a:pt x="1524" y="1572768"/>
                  </a:lnTo>
                  <a:lnTo>
                    <a:pt x="3047" y="1572768"/>
                  </a:lnTo>
                  <a:lnTo>
                    <a:pt x="3047" y="3048"/>
                  </a:lnTo>
                  <a:lnTo>
                    <a:pt x="1524" y="3048"/>
                  </a:lnTo>
                  <a:lnTo>
                    <a:pt x="3047" y="1524"/>
                  </a:lnTo>
                  <a:lnTo>
                    <a:pt x="91439" y="1524"/>
                  </a:lnTo>
                  <a:lnTo>
                    <a:pt x="89915" y="0"/>
                  </a:lnTo>
                  <a:close/>
                </a:path>
                <a:path w="91439" h="1576070">
                  <a:moveTo>
                    <a:pt x="3047" y="1572768"/>
                  </a:moveTo>
                  <a:lnTo>
                    <a:pt x="1524" y="1572768"/>
                  </a:lnTo>
                  <a:lnTo>
                    <a:pt x="3047" y="1574292"/>
                  </a:lnTo>
                  <a:lnTo>
                    <a:pt x="3047" y="1572768"/>
                  </a:lnTo>
                  <a:close/>
                </a:path>
                <a:path w="91439" h="1576070">
                  <a:moveTo>
                    <a:pt x="88391" y="1572768"/>
                  </a:moveTo>
                  <a:lnTo>
                    <a:pt x="3047" y="1572768"/>
                  </a:lnTo>
                  <a:lnTo>
                    <a:pt x="3047" y="1574292"/>
                  </a:lnTo>
                  <a:lnTo>
                    <a:pt x="88391" y="1574292"/>
                  </a:lnTo>
                  <a:lnTo>
                    <a:pt x="88391" y="1572768"/>
                  </a:lnTo>
                  <a:close/>
                </a:path>
                <a:path w="91439" h="1576070">
                  <a:moveTo>
                    <a:pt x="88391" y="1524"/>
                  </a:moveTo>
                  <a:lnTo>
                    <a:pt x="88391" y="1574292"/>
                  </a:lnTo>
                  <a:lnTo>
                    <a:pt x="89915" y="1572768"/>
                  </a:lnTo>
                  <a:lnTo>
                    <a:pt x="91439" y="1572768"/>
                  </a:lnTo>
                  <a:lnTo>
                    <a:pt x="91439" y="3048"/>
                  </a:lnTo>
                  <a:lnTo>
                    <a:pt x="89915" y="3048"/>
                  </a:lnTo>
                  <a:lnTo>
                    <a:pt x="88391" y="1524"/>
                  </a:lnTo>
                  <a:close/>
                </a:path>
                <a:path w="91439" h="1576070">
                  <a:moveTo>
                    <a:pt x="91439" y="1572768"/>
                  </a:moveTo>
                  <a:lnTo>
                    <a:pt x="89915" y="1572768"/>
                  </a:lnTo>
                  <a:lnTo>
                    <a:pt x="88391" y="1574292"/>
                  </a:lnTo>
                  <a:lnTo>
                    <a:pt x="91439" y="1574292"/>
                  </a:lnTo>
                  <a:lnTo>
                    <a:pt x="91439" y="1572768"/>
                  </a:lnTo>
                  <a:close/>
                </a:path>
                <a:path w="91439" h="1576070">
                  <a:moveTo>
                    <a:pt x="3047" y="1524"/>
                  </a:moveTo>
                  <a:lnTo>
                    <a:pt x="1524" y="3048"/>
                  </a:lnTo>
                  <a:lnTo>
                    <a:pt x="3047" y="3048"/>
                  </a:lnTo>
                  <a:lnTo>
                    <a:pt x="3047" y="1524"/>
                  </a:lnTo>
                  <a:close/>
                </a:path>
                <a:path w="91439" h="1576070">
                  <a:moveTo>
                    <a:pt x="88391" y="1524"/>
                  </a:moveTo>
                  <a:lnTo>
                    <a:pt x="3047" y="1524"/>
                  </a:lnTo>
                  <a:lnTo>
                    <a:pt x="3047" y="3048"/>
                  </a:lnTo>
                  <a:lnTo>
                    <a:pt x="88391" y="3048"/>
                  </a:lnTo>
                  <a:lnTo>
                    <a:pt x="88391" y="1524"/>
                  </a:lnTo>
                  <a:close/>
                </a:path>
                <a:path w="91439" h="157607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00" name="object 200"/>
            <p:cNvSpPr/>
            <p:nvPr/>
          </p:nvSpPr>
          <p:spPr>
            <a:xfrm>
              <a:off x="2901696" y="3505200"/>
              <a:ext cx="88900" cy="1868805"/>
            </a:xfrm>
            <a:custGeom>
              <a:avLst/>
              <a:gdLst/>
              <a:ahLst/>
              <a:cxnLst/>
              <a:rect l="l" t="t" r="r" b="b"/>
              <a:pathLst>
                <a:path w="88900" h="1868804">
                  <a:moveTo>
                    <a:pt x="88392" y="0"/>
                  </a:moveTo>
                  <a:lnTo>
                    <a:pt x="0" y="0"/>
                  </a:lnTo>
                  <a:lnTo>
                    <a:pt x="0" y="1868424"/>
                  </a:lnTo>
                  <a:lnTo>
                    <a:pt x="88392" y="1868424"/>
                  </a:lnTo>
                  <a:lnTo>
                    <a:pt x="88392" y="0"/>
                  </a:lnTo>
                  <a:close/>
                </a:path>
              </a:pathLst>
            </a:custGeom>
            <a:solidFill>
              <a:srgbClr val="FFFF99"/>
            </a:solidFill>
          </p:spPr>
          <p:txBody>
            <a:bodyPr wrap="square" lIns="0" tIns="0" rIns="0" bIns="0" rtlCol="0"/>
            <a:lstStyle/>
            <a:p>
              <a:endParaRPr sz="1539"/>
            </a:p>
          </p:txBody>
        </p:sp>
        <p:sp>
          <p:nvSpPr>
            <p:cNvPr id="201" name="object 201"/>
            <p:cNvSpPr/>
            <p:nvPr/>
          </p:nvSpPr>
          <p:spPr>
            <a:xfrm>
              <a:off x="2900171" y="3503675"/>
              <a:ext cx="91440" cy="1871980"/>
            </a:xfrm>
            <a:custGeom>
              <a:avLst/>
              <a:gdLst/>
              <a:ahLst/>
              <a:cxnLst/>
              <a:rect l="l" t="t" r="r" b="b"/>
              <a:pathLst>
                <a:path w="91439" h="1871979">
                  <a:moveTo>
                    <a:pt x="89915" y="0"/>
                  </a:moveTo>
                  <a:lnTo>
                    <a:pt x="1523" y="0"/>
                  </a:lnTo>
                  <a:lnTo>
                    <a:pt x="0" y="1524"/>
                  </a:lnTo>
                  <a:lnTo>
                    <a:pt x="0" y="1869948"/>
                  </a:lnTo>
                  <a:lnTo>
                    <a:pt x="1523" y="1871472"/>
                  </a:lnTo>
                  <a:lnTo>
                    <a:pt x="89915" y="1871472"/>
                  </a:lnTo>
                  <a:lnTo>
                    <a:pt x="91439" y="1869948"/>
                  </a:lnTo>
                  <a:lnTo>
                    <a:pt x="3047" y="1869948"/>
                  </a:lnTo>
                  <a:lnTo>
                    <a:pt x="1523" y="1868424"/>
                  </a:lnTo>
                  <a:lnTo>
                    <a:pt x="3047" y="1868424"/>
                  </a:lnTo>
                  <a:lnTo>
                    <a:pt x="3047" y="3048"/>
                  </a:lnTo>
                  <a:lnTo>
                    <a:pt x="1523" y="3048"/>
                  </a:lnTo>
                  <a:lnTo>
                    <a:pt x="3047" y="1524"/>
                  </a:lnTo>
                  <a:lnTo>
                    <a:pt x="91439" y="1524"/>
                  </a:lnTo>
                  <a:lnTo>
                    <a:pt x="89915" y="0"/>
                  </a:lnTo>
                  <a:close/>
                </a:path>
                <a:path w="91439" h="1871979">
                  <a:moveTo>
                    <a:pt x="3047" y="1868424"/>
                  </a:moveTo>
                  <a:lnTo>
                    <a:pt x="1523" y="1868424"/>
                  </a:lnTo>
                  <a:lnTo>
                    <a:pt x="3047" y="1869948"/>
                  </a:lnTo>
                  <a:lnTo>
                    <a:pt x="3047" y="1868424"/>
                  </a:lnTo>
                  <a:close/>
                </a:path>
                <a:path w="91439" h="1871979">
                  <a:moveTo>
                    <a:pt x="88391" y="1868424"/>
                  </a:moveTo>
                  <a:lnTo>
                    <a:pt x="3047" y="1868424"/>
                  </a:lnTo>
                  <a:lnTo>
                    <a:pt x="3047" y="1869948"/>
                  </a:lnTo>
                  <a:lnTo>
                    <a:pt x="88391" y="1869948"/>
                  </a:lnTo>
                  <a:lnTo>
                    <a:pt x="88391" y="1868424"/>
                  </a:lnTo>
                  <a:close/>
                </a:path>
                <a:path w="91439" h="1871979">
                  <a:moveTo>
                    <a:pt x="88391" y="1524"/>
                  </a:moveTo>
                  <a:lnTo>
                    <a:pt x="88391" y="1869948"/>
                  </a:lnTo>
                  <a:lnTo>
                    <a:pt x="89915" y="1868424"/>
                  </a:lnTo>
                  <a:lnTo>
                    <a:pt x="91439" y="1868424"/>
                  </a:lnTo>
                  <a:lnTo>
                    <a:pt x="91439" y="3048"/>
                  </a:lnTo>
                  <a:lnTo>
                    <a:pt x="89915" y="3048"/>
                  </a:lnTo>
                  <a:lnTo>
                    <a:pt x="88391" y="1524"/>
                  </a:lnTo>
                  <a:close/>
                </a:path>
                <a:path w="91439" h="1871979">
                  <a:moveTo>
                    <a:pt x="91439" y="1868424"/>
                  </a:moveTo>
                  <a:lnTo>
                    <a:pt x="89915" y="1868424"/>
                  </a:lnTo>
                  <a:lnTo>
                    <a:pt x="88391" y="1869948"/>
                  </a:lnTo>
                  <a:lnTo>
                    <a:pt x="91439" y="1869948"/>
                  </a:lnTo>
                  <a:lnTo>
                    <a:pt x="91439" y="1868424"/>
                  </a:lnTo>
                  <a:close/>
                </a:path>
                <a:path w="91439" h="1871979">
                  <a:moveTo>
                    <a:pt x="3047" y="1524"/>
                  </a:moveTo>
                  <a:lnTo>
                    <a:pt x="1523" y="3048"/>
                  </a:lnTo>
                  <a:lnTo>
                    <a:pt x="3047" y="3048"/>
                  </a:lnTo>
                  <a:lnTo>
                    <a:pt x="3047" y="1524"/>
                  </a:lnTo>
                  <a:close/>
                </a:path>
                <a:path w="91439" h="1871979">
                  <a:moveTo>
                    <a:pt x="88391" y="1524"/>
                  </a:moveTo>
                  <a:lnTo>
                    <a:pt x="3047" y="1524"/>
                  </a:lnTo>
                  <a:lnTo>
                    <a:pt x="3047" y="3048"/>
                  </a:lnTo>
                  <a:lnTo>
                    <a:pt x="88391" y="3048"/>
                  </a:lnTo>
                  <a:lnTo>
                    <a:pt x="88391" y="1524"/>
                  </a:lnTo>
                  <a:close/>
                </a:path>
                <a:path w="91439" h="187197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02" name="object 202"/>
            <p:cNvSpPr/>
            <p:nvPr/>
          </p:nvSpPr>
          <p:spPr>
            <a:xfrm>
              <a:off x="3122675" y="3259836"/>
              <a:ext cx="88900" cy="2075814"/>
            </a:xfrm>
            <a:custGeom>
              <a:avLst/>
              <a:gdLst/>
              <a:ahLst/>
              <a:cxnLst/>
              <a:rect l="l" t="t" r="r" b="b"/>
              <a:pathLst>
                <a:path w="88900" h="2075814">
                  <a:moveTo>
                    <a:pt x="88392" y="0"/>
                  </a:moveTo>
                  <a:lnTo>
                    <a:pt x="0" y="0"/>
                  </a:lnTo>
                  <a:lnTo>
                    <a:pt x="0" y="2075688"/>
                  </a:lnTo>
                  <a:lnTo>
                    <a:pt x="88392" y="2075688"/>
                  </a:lnTo>
                  <a:lnTo>
                    <a:pt x="88392" y="0"/>
                  </a:lnTo>
                  <a:close/>
                </a:path>
              </a:pathLst>
            </a:custGeom>
            <a:solidFill>
              <a:srgbClr val="FFFF99"/>
            </a:solidFill>
          </p:spPr>
          <p:txBody>
            <a:bodyPr wrap="square" lIns="0" tIns="0" rIns="0" bIns="0" rtlCol="0"/>
            <a:lstStyle/>
            <a:p>
              <a:endParaRPr sz="1539"/>
            </a:p>
          </p:txBody>
        </p:sp>
        <p:sp>
          <p:nvSpPr>
            <p:cNvPr id="203" name="object 203"/>
            <p:cNvSpPr/>
            <p:nvPr/>
          </p:nvSpPr>
          <p:spPr>
            <a:xfrm>
              <a:off x="3121152" y="3258311"/>
              <a:ext cx="91440" cy="2078989"/>
            </a:xfrm>
            <a:custGeom>
              <a:avLst/>
              <a:gdLst/>
              <a:ahLst/>
              <a:cxnLst/>
              <a:rect l="l" t="t" r="r" b="b"/>
              <a:pathLst>
                <a:path w="91439" h="2078989">
                  <a:moveTo>
                    <a:pt x="89916" y="0"/>
                  </a:moveTo>
                  <a:lnTo>
                    <a:pt x="1524" y="0"/>
                  </a:lnTo>
                  <a:lnTo>
                    <a:pt x="0" y="1524"/>
                  </a:lnTo>
                  <a:lnTo>
                    <a:pt x="0" y="2077212"/>
                  </a:lnTo>
                  <a:lnTo>
                    <a:pt x="1524" y="2078736"/>
                  </a:lnTo>
                  <a:lnTo>
                    <a:pt x="89916" y="2078736"/>
                  </a:lnTo>
                  <a:lnTo>
                    <a:pt x="91440" y="2077212"/>
                  </a:lnTo>
                  <a:lnTo>
                    <a:pt x="3048" y="2077212"/>
                  </a:lnTo>
                  <a:lnTo>
                    <a:pt x="1524" y="2075688"/>
                  </a:lnTo>
                  <a:lnTo>
                    <a:pt x="3048" y="2075688"/>
                  </a:lnTo>
                  <a:lnTo>
                    <a:pt x="3048" y="3048"/>
                  </a:lnTo>
                  <a:lnTo>
                    <a:pt x="1524" y="3048"/>
                  </a:lnTo>
                  <a:lnTo>
                    <a:pt x="3048" y="1524"/>
                  </a:lnTo>
                  <a:lnTo>
                    <a:pt x="91440" y="1524"/>
                  </a:lnTo>
                  <a:lnTo>
                    <a:pt x="89916" y="0"/>
                  </a:lnTo>
                  <a:close/>
                </a:path>
                <a:path w="91439" h="2078989">
                  <a:moveTo>
                    <a:pt x="3048" y="2075688"/>
                  </a:moveTo>
                  <a:lnTo>
                    <a:pt x="1524" y="2075688"/>
                  </a:lnTo>
                  <a:lnTo>
                    <a:pt x="3048" y="2077212"/>
                  </a:lnTo>
                  <a:lnTo>
                    <a:pt x="3048" y="2075688"/>
                  </a:lnTo>
                  <a:close/>
                </a:path>
                <a:path w="91439" h="2078989">
                  <a:moveTo>
                    <a:pt x="88392" y="2075688"/>
                  </a:moveTo>
                  <a:lnTo>
                    <a:pt x="3048" y="2075688"/>
                  </a:lnTo>
                  <a:lnTo>
                    <a:pt x="3048" y="2077212"/>
                  </a:lnTo>
                  <a:lnTo>
                    <a:pt x="88392" y="2077212"/>
                  </a:lnTo>
                  <a:lnTo>
                    <a:pt x="88392" y="2075688"/>
                  </a:lnTo>
                  <a:close/>
                </a:path>
                <a:path w="91439" h="2078989">
                  <a:moveTo>
                    <a:pt x="88392" y="1524"/>
                  </a:moveTo>
                  <a:lnTo>
                    <a:pt x="88392" y="2077212"/>
                  </a:lnTo>
                  <a:lnTo>
                    <a:pt x="89916" y="2075688"/>
                  </a:lnTo>
                  <a:lnTo>
                    <a:pt x="91440" y="2075687"/>
                  </a:lnTo>
                  <a:lnTo>
                    <a:pt x="91440" y="3048"/>
                  </a:lnTo>
                  <a:lnTo>
                    <a:pt x="89916" y="3048"/>
                  </a:lnTo>
                  <a:lnTo>
                    <a:pt x="88392" y="1524"/>
                  </a:lnTo>
                  <a:close/>
                </a:path>
                <a:path w="91439" h="2078989">
                  <a:moveTo>
                    <a:pt x="91440" y="2075687"/>
                  </a:moveTo>
                  <a:lnTo>
                    <a:pt x="89916" y="2075688"/>
                  </a:lnTo>
                  <a:lnTo>
                    <a:pt x="88392" y="2077212"/>
                  </a:lnTo>
                  <a:lnTo>
                    <a:pt x="91440" y="2077212"/>
                  </a:lnTo>
                  <a:lnTo>
                    <a:pt x="91440" y="2075687"/>
                  </a:lnTo>
                  <a:close/>
                </a:path>
                <a:path w="91439" h="2078989">
                  <a:moveTo>
                    <a:pt x="3048" y="1524"/>
                  </a:moveTo>
                  <a:lnTo>
                    <a:pt x="1524" y="3048"/>
                  </a:lnTo>
                  <a:lnTo>
                    <a:pt x="3048" y="3048"/>
                  </a:lnTo>
                  <a:lnTo>
                    <a:pt x="3048" y="1524"/>
                  </a:lnTo>
                  <a:close/>
                </a:path>
                <a:path w="91439" h="2078989">
                  <a:moveTo>
                    <a:pt x="88392" y="1524"/>
                  </a:moveTo>
                  <a:lnTo>
                    <a:pt x="3048" y="1524"/>
                  </a:lnTo>
                  <a:lnTo>
                    <a:pt x="3048" y="3048"/>
                  </a:lnTo>
                  <a:lnTo>
                    <a:pt x="88392" y="3048"/>
                  </a:lnTo>
                  <a:lnTo>
                    <a:pt x="88392" y="1524"/>
                  </a:lnTo>
                  <a:close/>
                </a:path>
                <a:path w="91439" h="2078989">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04" name="object 204"/>
            <p:cNvSpPr/>
            <p:nvPr/>
          </p:nvSpPr>
          <p:spPr>
            <a:xfrm>
              <a:off x="3343655" y="2950463"/>
              <a:ext cx="88900" cy="2342515"/>
            </a:xfrm>
            <a:custGeom>
              <a:avLst/>
              <a:gdLst/>
              <a:ahLst/>
              <a:cxnLst/>
              <a:rect l="l" t="t" r="r" b="b"/>
              <a:pathLst>
                <a:path w="88900" h="2342515">
                  <a:moveTo>
                    <a:pt x="88391" y="0"/>
                  </a:moveTo>
                  <a:lnTo>
                    <a:pt x="0" y="0"/>
                  </a:lnTo>
                  <a:lnTo>
                    <a:pt x="0" y="2342388"/>
                  </a:lnTo>
                  <a:lnTo>
                    <a:pt x="88391" y="2342388"/>
                  </a:lnTo>
                  <a:lnTo>
                    <a:pt x="88391" y="0"/>
                  </a:lnTo>
                  <a:close/>
                </a:path>
              </a:pathLst>
            </a:custGeom>
            <a:solidFill>
              <a:srgbClr val="FFFF99"/>
            </a:solidFill>
          </p:spPr>
          <p:txBody>
            <a:bodyPr wrap="square" lIns="0" tIns="0" rIns="0" bIns="0" rtlCol="0"/>
            <a:lstStyle/>
            <a:p>
              <a:endParaRPr sz="1539"/>
            </a:p>
          </p:txBody>
        </p:sp>
        <p:sp>
          <p:nvSpPr>
            <p:cNvPr id="205" name="object 205"/>
            <p:cNvSpPr/>
            <p:nvPr/>
          </p:nvSpPr>
          <p:spPr>
            <a:xfrm>
              <a:off x="3342131" y="2948940"/>
              <a:ext cx="91440" cy="2345690"/>
            </a:xfrm>
            <a:custGeom>
              <a:avLst/>
              <a:gdLst/>
              <a:ahLst/>
              <a:cxnLst/>
              <a:rect l="l" t="t" r="r" b="b"/>
              <a:pathLst>
                <a:path w="91439" h="2345690">
                  <a:moveTo>
                    <a:pt x="89915" y="0"/>
                  </a:moveTo>
                  <a:lnTo>
                    <a:pt x="1523" y="0"/>
                  </a:lnTo>
                  <a:lnTo>
                    <a:pt x="0" y="1524"/>
                  </a:lnTo>
                  <a:lnTo>
                    <a:pt x="0" y="2343912"/>
                  </a:lnTo>
                  <a:lnTo>
                    <a:pt x="1523" y="2345436"/>
                  </a:lnTo>
                  <a:lnTo>
                    <a:pt x="89915" y="2345436"/>
                  </a:lnTo>
                  <a:lnTo>
                    <a:pt x="91439" y="2343912"/>
                  </a:lnTo>
                  <a:lnTo>
                    <a:pt x="3047" y="2343912"/>
                  </a:lnTo>
                  <a:lnTo>
                    <a:pt x="1523" y="2342388"/>
                  </a:lnTo>
                  <a:lnTo>
                    <a:pt x="3047" y="2342388"/>
                  </a:lnTo>
                  <a:lnTo>
                    <a:pt x="3047" y="3048"/>
                  </a:lnTo>
                  <a:lnTo>
                    <a:pt x="1523" y="3048"/>
                  </a:lnTo>
                  <a:lnTo>
                    <a:pt x="3047" y="1524"/>
                  </a:lnTo>
                  <a:lnTo>
                    <a:pt x="91439" y="1524"/>
                  </a:lnTo>
                  <a:lnTo>
                    <a:pt x="89915" y="0"/>
                  </a:lnTo>
                  <a:close/>
                </a:path>
                <a:path w="91439" h="2345690">
                  <a:moveTo>
                    <a:pt x="3047" y="2342388"/>
                  </a:moveTo>
                  <a:lnTo>
                    <a:pt x="1523" y="2342388"/>
                  </a:lnTo>
                  <a:lnTo>
                    <a:pt x="3047" y="2343912"/>
                  </a:lnTo>
                  <a:lnTo>
                    <a:pt x="3047" y="2342388"/>
                  </a:lnTo>
                  <a:close/>
                </a:path>
                <a:path w="91439" h="2345690">
                  <a:moveTo>
                    <a:pt x="88391" y="2342388"/>
                  </a:moveTo>
                  <a:lnTo>
                    <a:pt x="3047" y="2342388"/>
                  </a:lnTo>
                  <a:lnTo>
                    <a:pt x="3047" y="2343912"/>
                  </a:lnTo>
                  <a:lnTo>
                    <a:pt x="88391" y="2343912"/>
                  </a:lnTo>
                  <a:lnTo>
                    <a:pt x="88391" y="2342388"/>
                  </a:lnTo>
                  <a:close/>
                </a:path>
                <a:path w="91439" h="2345690">
                  <a:moveTo>
                    <a:pt x="88391" y="1524"/>
                  </a:moveTo>
                  <a:lnTo>
                    <a:pt x="88391" y="2343912"/>
                  </a:lnTo>
                  <a:lnTo>
                    <a:pt x="89915" y="2342388"/>
                  </a:lnTo>
                  <a:lnTo>
                    <a:pt x="91439" y="2342388"/>
                  </a:lnTo>
                  <a:lnTo>
                    <a:pt x="91439" y="3048"/>
                  </a:lnTo>
                  <a:lnTo>
                    <a:pt x="89915" y="3048"/>
                  </a:lnTo>
                  <a:lnTo>
                    <a:pt x="88391" y="1524"/>
                  </a:lnTo>
                  <a:close/>
                </a:path>
                <a:path w="91439" h="2345690">
                  <a:moveTo>
                    <a:pt x="91439" y="2342388"/>
                  </a:moveTo>
                  <a:lnTo>
                    <a:pt x="89915" y="2342388"/>
                  </a:lnTo>
                  <a:lnTo>
                    <a:pt x="88391" y="2343912"/>
                  </a:lnTo>
                  <a:lnTo>
                    <a:pt x="91439" y="2343912"/>
                  </a:lnTo>
                  <a:lnTo>
                    <a:pt x="91439" y="2342388"/>
                  </a:lnTo>
                  <a:close/>
                </a:path>
                <a:path w="91439" h="2345690">
                  <a:moveTo>
                    <a:pt x="3047" y="1524"/>
                  </a:moveTo>
                  <a:lnTo>
                    <a:pt x="1523" y="3048"/>
                  </a:lnTo>
                  <a:lnTo>
                    <a:pt x="3047" y="3048"/>
                  </a:lnTo>
                  <a:lnTo>
                    <a:pt x="3047" y="1524"/>
                  </a:lnTo>
                  <a:close/>
                </a:path>
                <a:path w="91439" h="2345690">
                  <a:moveTo>
                    <a:pt x="88391" y="1524"/>
                  </a:moveTo>
                  <a:lnTo>
                    <a:pt x="3047" y="1524"/>
                  </a:lnTo>
                  <a:lnTo>
                    <a:pt x="3047" y="3048"/>
                  </a:lnTo>
                  <a:lnTo>
                    <a:pt x="88391" y="3048"/>
                  </a:lnTo>
                  <a:lnTo>
                    <a:pt x="88391" y="1524"/>
                  </a:lnTo>
                  <a:close/>
                </a:path>
                <a:path w="91439" h="234569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06" name="object 206"/>
            <p:cNvSpPr/>
            <p:nvPr/>
          </p:nvSpPr>
          <p:spPr>
            <a:xfrm>
              <a:off x="3564635" y="2551176"/>
              <a:ext cx="86995" cy="2670175"/>
            </a:xfrm>
            <a:custGeom>
              <a:avLst/>
              <a:gdLst/>
              <a:ahLst/>
              <a:cxnLst/>
              <a:rect l="l" t="t" r="r" b="b"/>
              <a:pathLst>
                <a:path w="86995" h="2670175">
                  <a:moveTo>
                    <a:pt x="86867" y="0"/>
                  </a:moveTo>
                  <a:lnTo>
                    <a:pt x="0" y="0"/>
                  </a:lnTo>
                  <a:lnTo>
                    <a:pt x="0" y="2670048"/>
                  </a:lnTo>
                  <a:lnTo>
                    <a:pt x="86867" y="2670048"/>
                  </a:lnTo>
                  <a:lnTo>
                    <a:pt x="86867" y="0"/>
                  </a:lnTo>
                  <a:close/>
                </a:path>
              </a:pathLst>
            </a:custGeom>
            <a:solidFill>
              <a:srgbClr val="FFFF99"/>
            </a:solidFill>
          </p:spPr>
          <p:txBody>
            <a:bodyPr wrap="square" lIns="0" tIns="0" rIns="0" bIns="0" rtlCol="0"/>
            <a:lstStyle/>
            <a:p>
              <a:endParaRPr sz="1539"/>
            </a:p>
          </p:txBody>
        </p:sp>
        <p:sp>
          <p:nvSpPr>
            <p:cNvPr id="207" name="object 207"/>
            <p:cNvSpPr/>
            <p:nvPr/>
          </p:nvSpPr>
          <p:spPr>
            <a:xfrm>
              <a:off x="3563111" y="2549652"/>
              <a:ext cx="90170" cy="2673350"/>
            </a:xfrm>
            <a:custGeom>
              <a:avLst/>
              <a:gdLst/>
              <a:ahLst/>
              <a:cxnLst/>
              <a:rect l="l" t="t" r="r" b="b"/>
              <a:pathLst>
                <a:path w="90170" h="2673350">
                  <a:moveTo>
                    <a:pt x="88391" y="0"/>
                  </a:moveTo>
                  <a:lnTo>
                    <a:pt x="1524" y="0"/>
                  </a:lnTo>
                  <a:lnTo>
                    <a:pt x="0" y="1524"/>
                  </a:lnTo>
                  <a:lnTo>
                    <a:pt x="0" y="2671572"/>
                  </a:lnTo>
                  <a:lnTo>
                    <a:pt x="1524" y="2673096"/>
                  </a:lnTo>
                  <a:lnTo>
                    <a:pt x="88391" y="2673096"/>
                  </a:lnTo>
                  <a:lnTo>
                    <a:pt x="89915" y="2671572"/>
                  </a:lnTo>
                  <a:lnTo>
                    <a:pt x="3048" y="2671572"/>
                  </a:lnTo>
                  <a:lnTo>
                    <a:pt x="1524" y="2670048"/>
                  </a:lnTo>
                  <a:lnTo>
                    <a:pt x="3048" y="2670048"/>
                  </a:lnTo>
                  <a:lnTo>
                    <a:pt x="3048" y="3048"/>
                  </a:lnTo>
                  <a:lnTo>
                    <a:pt x="1524" y="3048"/>
                  </a:lnTo>
                  <a:lnTo>
                    <a:pt x="3048" y="1524"/>
                  </a:lnTo>
                  <a:lnTo>
                    <a:pt x="89915" y="1524"/>
                  </a:lnTo>
                  <a:lnTo>
                    <a:pt x="88391" y="0"/>
                  </a:lnTo>
                  <a:close/>
                </a:path>
                <a:path w="90170" h="2673350">
                  <a:moveTo>
                    <a:pt x="3048" y="2670048"/>
                  </a:moveTo>
                  <a:lnTo>
                    <a:pt x="1524" y="2670048"/>
                  </a:lnTo>
                  <a:lnTo>
                    <a:pt x="3048" y="2671572"/>
                  </a:lnTo>
                  <a:lnTo>
                    <a:pt x="3048" y="2670048"/>
                  </a:lnTo>
                  <a:close/>
                </a:path>
                <a:path w="90170" h="2673350">
                  <a:moveTo>
                    <a:pt x="86867" y="2670048"/>
                  </a:moveTo>
                  <a:lnTo>
                    <a:pt x="3048" y="2670048"/>
                  </a:lnTo>
                  <a:lnTo>
                    <a:pt x="3048" y="2671572"/>
                  </a:lnTo>
                  <a:lnTo>
                    <a:pt x="86867" y="2671572"/>
                  </a:lnTo>
                  <a:lnTo>
                    <a:pt x="86867" y="2670048"/>
                  </a:lnTo>
                  <a:close/>
                </a:path>
                <a:path w="90170" h="2673350">
                  <a:moveTo>
                    <a:pt x="86867" y="1524"/>
                  </a:moveTo>
                  <a:lnTo>
                    <a:pt x="86867" y="2671572"/>
                  </a:lnTo>
                  <a:lnTo>
                    <a:pt x="88391" y="2670048"/>
                  </a:lnTo>
                  <a:lnTo>
                    <a:pt x="89915" y="2670048"/>
                  </a:lnTo>
                  <a:lnTo>
                    <a:pt x="89915" y="3048"/>
                  </a:lnTo>
                  <a:lnTo>
                    <a:pt x="88391" y="3048"/>
                  </a:lnTo>
                  <a:lnTo>
                    <a:pt x="86867" y="1524"/>
                  </a:lnTo>
                  <a:close/>
                </a:path>
                <a:path w="90170" h="2673350">
                  <a:moveTo>
                    <a:pt x="89915" y="2670048"/>
                  </a:moveTo>
                  <a:lnTo>
                    <a:pt x="88391" y="2670048"/>
                  </a:lnTo>
                  <a:lnTo>
                    <a:pt x="86867" y="2671572"/>
                  </a:lnTo>
                  <a:lnTo>
                    <a:pt x="89915" y="2671572"/>
                  </a:lnTo>
                  <a:lnTo>
                    <a:pt x="89915" y="2670048"/>
                  </a:lnTo>
                  <a:close/>
                </a:path>
                <a:path w="90170" h="2673350">
                  <a:moveTo>
                    <a:pt x="3048" y="1524"/>
                  </a:moveTo>
                  <a:lnTo>
                    <a:pt x="1524" y="3048"/>
                  </a:lnTo>
                  <a:lnTo>
                    <a:pt x="3048" y="3048"/>
                  </a:lnTo>
                  <a:lnTo>
                    <a:pt x="3048" y="1524"/>
                  </a:lnTo>
                  <a:close/>
                </a:path>
                <a:path w="90170" h="2673350">
                  <a:moveTo>
                    <a:pt x="86867" y="1524"/>
                  </a:moveTo>
                  <a:lnTo>
                    <a:pt x="3048" y="1524"/>
                  </a:lnTo>
                  <a:lnTo>
                    <a:pt x="3048" y="3048"/>
                  </a:lnTo>
                  <a:lnTo>
                    <a:pt x="86867" y="3048"/>
                  </a:lnTo>
                  <a:lnTo>
                    <a:pt x="86867" y="1524"/>
                  </a:lnTo>
                  <a:close/>
                </a:path>
                <a:path w="90170" h="2673350">
                  <a:moveTo>
                    <a:pt x="89915" y="1524"/>
                  </a:moveTo>
                  <a:lnTo>
                    <a:pt x="86867" y="1524"/>
                  </a:lnTo>
                  <a:lnTo>
                    <a:pt x="88391" y="3048"/>
                  </a:lnTo>
                  <a:lnTo>
                    <a:pt x="89915" y="3048"/>
                  </a:lnTo>
                  <a:lnTo>
                    <a:pt x="89915" y="1524"/>
                  </a:lnTo>
                  <a:close/>
                </a:path>
              </a:pathLst>
            </a:custGeom>
            <a:solidFill>
              <a:srgbClr val="000000"/>
            </a:solidFill>
          </p:spPr>
          <p:txBody>
            <a:bodyPr wrap="square" lIns="0" tIns="0" rIns="0" bIns="0" rtlCol="0"/>
            <a:lstStyle/>
            <a:p>
              <a:endParaRPr sz="1539"/>
            </a:p>
          </p:txBody>
        </p:sp>
        <p:sp>
          <p:nvSpPr>
            <p:cNvPr id="208" name="object 208"/>
            <p:cNvSpPr/>
            <p:nvPr/>
          </p:nvSpPr>
          <p:spPr>
            <a:xfrm>
              <a:off x="3784092" y="2503931"/>
              <a:ext cx="88900" cy="2578735"/>
            </a:xfrm>
            <a:custGeom>
              <a:avLst/>
              <a:gdLst/>
              <a:ahLst/>
              <a:cxnLst/>
              <a:rect l="l" t="t" r="r" b="b"/>
              <a:pathLst>
                <a:path w="88900" h="2578735">
                  <a:moveTo>
                    <a:pt x="88391" y="0"/>
                  </a:moveTo>
                  <a:lnTo>
                    <a:pt x="0" y="0"/>
                  </a:lnTo>
                  <a:lnTo>
                    <a:pt x="0" y="2578608"/>
                  </a:lnTo>
                  <a:lnTo>
                    <a:pt x="88391" y="2578608"/>
                  </a:lnTo>
                  <a:lnTo>
                    <a:pt x="88391" y="0"/>
                  </a:lnTo>
                  <a:close/>
                </a:path>
              </a:pathLst>
            </a:custGeom>
            <a:solidFill>
              <a:srgbClr val="FFFF99"/>
            </a:solidFill>
          </p:spPr>
          <p:txBody>
            <a:bodyPr wrap="square" lIns="0" tIns="0" rIns="0" bIns="0" rtlCol="0"/>
            <a:lstStyle/>
            <a:p>
              <a:endParaRPr sz="1539"/>
            </a:p>
          </p:txBody>
        </p:sp>
        <p:sp>
          <p:nvSpPr>
            <p:cNvPr id="209" name="object 209"/>
            <p:cNvSpPr/>
            <p:nvPr/>
          </p:nvSpPr>
          <p:spPr>
            <a:xfrm>
              <a:off x="3782567" y="2502408"/>
              <a:ext cx="91440" cy="2581910"/>
            </a:xfrm>
            <a:custGeom>
              <a:avLst/>
              <a:gdLst/>
              <a:ahLst/>
              <a:cxnLst/>
              <a:rect l="l" t="t" r="r" b="b"/>
              <a:pathLst>
                <a:path w="91439" h="2581910">
                  <a:moveTo>
                    <a:pt x="89916" y="0"/>
                  </a:moveTo>
                  <a:lnTo>
                    <a:pt x="1524" y="0"/>
                  </a:lnTo>
                  <a:lnTo>
                    <a:pt x="0" y="1524"/>
                  </a:lnTo>
                  <a:lnTo>
                    <a:pt x="0" y="2580132"/>
                  </a:lnTo>
                  <a:lnTo>
                    <a:pt x="1524" y="2581656"/>
                  </a:lnTo>
                  <a:lnTo>
                    <a:pt x="89916" y="2581656"/>
                  </a:lnTo>
                  <a:lnTo>
                    <a:pt x="91440" y="2580132"/>
                  </a:lnTo>
                  <a:lnTo>
                    <a:pt x="3048" y="2580132"/>
                  </a:lnTo>
                  <a:lnTo>
                    <a:pt x="1524" y="2578608"/>
                  </a:lnTo>
                  <a:lnTo>
                    <a:pt x="3048" y="2578608"/>
                  </a:lnTo>
                  <a:lnTo>
                    <a:pt x="3048" y="3048"/>
                  </a:lnTo>
                  <a:lnTo>
                    <a:pt x="1524" y="3048"/>
                  </a:lnTo>
                  <a:lnTo>
                    <a:pt x="3048" y="1524"/>
                  </a:lnTo>
                  <a:lnTo>
                    <a:pt x="91440" y="1524"/>
                  </a:lnTo>
                  <a:lnTo>
                    <a:pt x="89916" y="0"/>
                  </a:lnTo>
                  <a:close/>
                </a:path>
                <a:path w="91439" h="2581910">
                  <a:moveTo>
                    <a:pt x="3048" y="2578608"/>
                  </a:moveTo>
                  <a:lnTo>
                    <a:pt x="1524" y="2578608"/>
                  </a:lnTo>
                  <a:lnTo>
                    <a:pt x="3048" y="2580132"/>
                  </a:lnTo>
                  <a:lnTo>
                    <a:pt x="3048" y="2578608"/>
                  </a:lnTo>
                  <a:close/>
                </a:path>
                <a:path w="91439" h="2581910">
                  <a:moveTo>
                    <a:pt x="88392" y="2578608"/>
                  </a:moveTo>
                  <a:lnTo>
                    <a:pt x="3048" y="2578608"/>
                  </a:lnTo>
                  <a:lnTo>
                    <a:pt x="3048" y="2580132"/>
                  </a:lnTo>
                  <a:lnTo>
                    <a:pt x="88392" y="2580132"/>
                  </a:lnTo>
                  <a:lnTo>
                    <a:pt x="88392" y="2578608"/>
                  </a:lnTo>
                  <a:close/>
                </a:path>
                <a:path w="91439" h="2581910">
                  <a:moveTo>
                    <a:pt x="88392" y="1524"/>
                  </a:moveTo>
                  <a:lnTo>
                    <a:pt x="88392" y="2580132"/>
                  </a:lnTo>
                  <a:lnTo>
                    <a:pt x="89916" y="2578608"/>
                  </a:lnTo>
                  <a:lnTo>
                    <a:pt x="91440" y="2578608"/>
                  </a:lnTo>
                  <a:lnTo>
                    <a:pt x="91440" y="3048"/>
                  </a:lnTo>
                  <a:lnTo>
                    <a:pt x="89916" y="3048"/>
                  </a:lnTo>
                  <a:lnTo>
                    <a:pt x="88392" y="1524"/>
                  </a:lnTo>
                  <a:close/>
                </a:path>
                <a:path w="91439" h="2581910">
                  <a:moveTo>
                    <a:pt x="91440" y="2578608"/>
                  </a:moveTo>
                  <a:lnTo>
                    <a:pt x="89916" y="2578608"/>
                  </a:lnTo>
                  <a:lnTo>
                    <a:pt x="88392" y="2580132"/>
                  </a:lnTo>
                  <a:lnTo>
                    <a:pt x="91440" y="2580132"/>
                  </a:lnTo>
                  <a:lnTo>
                    <a:pt x="91440" y="2578608"/>
                  </a:lnTo>
                  <a:close/>
                </a:path>
                <a:path w="91439" h="2581910">
                  <a:moveTo>
                    <a:pt x="3048" y="1524"/>
                  </a:moveTo>
                  <a:lnTo>
                    <a:pt x="1524" y="3048"/>
                  </a:lnTo>
                  <a:lnTo>
                    <a:pt x="3048" y="3048"/>
                  </a:lnTo>
                  <a:lnTo>
                    <a:pt x="3048" y="1524"/>
                  </a:lnTo>
                  <a:close/>
                </a:path>
                <a:path w="91439" h="2581910">
                  <a:moveTo>
                    <a:pt x="88392" y="1524"/>
                  </a:moveTo>
                  <a:lnTo>
                    <a:pt x="3048" y="1524"/>
                  </a:lnTo>
                  <a:lnTo>
                    <a:pt x="3048" y="3048"/>
                  </a:lnTo>
                  <a:lnTo>
                    <a:pt x="88392" y="3048"/>
                  </a:lnTo>
                  <a:lnTo>
                    <a:pt x="88392" y="1524"/>
                  </a:lnTo>
                  <a:close/>
                </a:path>
                <a:path w="91439" h="258191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10" name="object 210"/>
            <p:cNvSpPr/>
            <p:nvPr/>
          </p:nvSpPr>
          <p:spPr>
            <a:xfrm>
              <a:off x="4005072" y="2429256"/>
              <a:ext cx="88900" cy="2476500"/>
            </a:xfrm>
            <a:custGeom>
              <a:avLst/>
              <a:gdLst/>
              <a:ahLst/>
              <a:cxnLst/>
              <a:rect l="l" t="t" r="r" b="b"/>
              <a:pathLst>
                <a:path w="88900" h="2476500">
                  <a:moveTo>
                    <a:pt x="88391" y="0"/>
                  </a:moveTo>
                  <a:lnTo>
                    <a:pt x="0" y="0"/>
                  </a:lnTo>
                  <a:lnTo>
                    <a:pt x="0" y="2476499"/>
                  </a:lnTo>
                  <a:lnTo>
                    <a:pt x="88391" y="2476499"/>
                  </a:lnTo>
                  <a:lnTo>
                    <a:pt x="88391" y="0"/>
                  </a:lnTo>
                  <a:close/>
                </a:path>
              </a:pathLst>
            </a:custGeom>
            <a:solidFill>
              <a:srgbClr val="FFFF99"/>
            </a:solidFill>
          </p:spPr>
          <p:txBody>
            <a:bodyPr wrap="square" lIns="0" tIns="0" rIns="0" bIns="0" rtlCol="0"/>
            <a:lstStyle/>
            <a:p>
              <a:endParaRPr sz="1539"/>
            </a:p>
          </p:txBody>
        </p:sp>
        <p:sp>
          <p:nvSpPr>
            <p:cNvPr id="211" name="object 211"/>
            <p:cNvSpPr/>
            <p:nvPr/>
          </p:nvSpPr>
          <p:spPr>
            <a:xfrm>
              <a:off x="4003548" y="2427731"/>
              <a:ext cx="91440" cy="2479675"/>
            </a:xfrm>
            <a:custGeom>
              <a:avLst/>
              <a:gdLst/>
              <a:ahLst/>
              <a:cxnLst/>
              <a:rect l="l" t="t" r="r" b="b"/>
              <a:pathLst>
                <a:path w="91439" h="2479675">
                  <a:moveTo>
                    <a:pt x="89915" y="0"/>
                  </a:moveTo>
                  <a:lnTo>
                    <a:pt x="1524" y="0"/>
                  </a:lnTo>
                  <a:lnTo>
                    <a:pt x="0" y="1524"/>
                  </a:lnTo>
                  <a:lnTo>
                    <a:pt x="0" y="2478023"/>
                  </a:lnTo>
                  <a:lnTo>
                    <a:pt x="1524" y="2479547"/>
                  </a:lnTo>
                  <a:lnTo>
                    <a:pt x="89915" y="2479547"/>
                  </a:lnTo>
                  <a:lnTo>
                    <a:pt x="91439" y="2478023"/>
                  </a:lnTo>
                  <a:lnTo>
                    <a:pt x="3048" y="2478023"/>
                  </a:lnTo>
                  <a:lnTo>
                    <a:pt x="1524" y="2476499"/>
                  </a:lnTo>
                  <a:lnTo>
                    <a:pt x="3048" y="2476499"/>
                  </a:lnTo>
                  <a:lnTo>
                    <a:pt x="3048" y="3048"/>
                  </a:lnTo>
                  <a:lnTo>
                    <a:pt x="1524" y="3048"/>
                  </a:lnTo>
                  <a:lnTo>
                    <a:pt x="3048" y="1524"/>
                  </a:lnTo>
                  <a:lnTo>
                    <a:pt x="91439" y="1524"/>
                  </a:lnTo>
                  <a:lnTo>
                    <a:pt x="89915" y="0"/>
                  </a:lnTo>
                  <a:close/>
                </a:path>
                <a:path w="91439" h="2479675">
                  <a:moveTo>
                    <a:pt x="3048" y="2476499"/>
                  </a:moveTo>
                  <a:lnTo>
                    <a:pt x="1524" y="2476499"/>
                  </a:lnTo>
                  <a:lnTo>
                    <a:pt x="3048" y="2478023"/>
                  </a:lnTo>
                  <a:lnTo>
                    <a:pt x="3048" y="2476499"/>
                  </a:lnTo>
                  <a:close/>
                </a:path>
                <a:path w="91439" h="2479675">
                  <a:moveTo>
                    <a:pt x="88391" y="2476499"/>
                  </a:moveTo>
                  <a:lnTo>
                    <a:pt x="3048" y="2476499"/>
                  </a:lnTo>
                  <a:lnTo>
                    <a:pt x="3048" y="2478023"/>
                  </a:lnTo>
                  <a:lnTo>
                    <a:pt x="88391" y="2478023"/>
                  </a:lnTo>
                  <a:lnTo>
                    <a:pt x="88391" y="2476499"/>
                  </a:lnTo>
                  <a:close/>
                </a:path>
                <a:path w="91439" h="2479675">
                  <a:moveTo>
                    <a:pt x="88391" y="1524"/>
                  </a:moveTo>
                  <a:lnTo>
                    <a:pt x="88391" y="2478023"/>
                  </a:lnTo>
                  <a:lnTo>
                    <a:pt x="89915" y="2476499"/>
                  </a:lnTo>
                  <a:lnTo>
                    <a:pt x="91439" y="2476499"/>
                  </a:lnTo>
                  <a:lnTo>
                    <a:pt x="91439" y="3048"/>
                  </a:lnTo>
                  <a:lnTo>
                    <a:pt x="89915" y="3048"/>
                  </a:lnTo>
                  <a:lnTo>
                    <a:pt x="88391" y="1524"/>
                  </a:lnTo>
                  <a:close/>
                </a:path>
                <a:path w="91439" h="2479675">
                  <a:moveTo>
                    <a:pt x="91439" y="2476499"/>
                  </a:moveTo>
                  <a:lnTo>
                    <a:pt x="89915" y="2476499"/>
                  </a:lnTo>
                  <a:lnTo>
                    <a:pt x="88391" y="2478023"/>
                  </a:lnTo>
                  <a:lnTo>
                    <a:pt x="91439" y="2478023"/>
                  </a:lnTo>
                  <a:lnTo>
                    <a:pt x="91439" y="2476499"/>
                  </a:lnTo>
                  <a:close/>
                </a:path>
                <a:path w="91439" h="2479675">
                  <a:moveTo>
                    <a:pt x="3048" y="1524"/>
                  </a:moveTo>
                  <a:lnTo>
                    <a:pt x="1524" y="3048"/>
                  </a:lnTo>
                  <a:lnTo>
                    <a:pt x="3048" y="3048"/>
                  </a:lnTo>
                  <a:lnTo>
                    <a:pt x="3048" y="1524"/>
                  </a:lnTo>
                  <a:close/>
                </a:path>
                <a:path w="91439" h="2479675">
                  <a:moveTo>
                    <a:pt x="88391" y="1524"/>
                  </a:moveTo>
                  <a:lnTo>
                    <a:pt x="3048" y="1524"/>
                  </a:lnTo>
                  <a:lnTo>
                    <a:pt x="3048" y="3048"/>
                  </a:lnTo>
                  <a:lnTo>
                    <a:pt x="88391" y="3048"/>
                  </a:lnTo>
                  <a:lnTo>
                    <a:pt x="88391" y="1524"/>
                  </a:lnTo>
                  <a:close/>
                </a:path>
                <a:path w="91439" h="2479675">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12" name="object 212"/>
            <p:cNvSpPr/>
            <p:nvPr/>
          </p:nvSpPr>
          <p:spPr>
            <a:xfrm>
              <a:off x="4226052" y="2538984"/>
              <a:ext cx="88900" cy="2277110"/>
            </a:xfrm>
            <a:custGeom>
              <a:avLst/>
              <a:gdLst/>
              <a:ahLst/>
              <a:cxnLst/>
              <a:rect l="l" t="t" r="r" b="b"/>
              <a:pathLst>
                <a:path w="88900" h="2277110">
                  <a:moveTo>
                    <a:pt x="88391" y="0"/>
                  </a:moveTo>
                  <a:lnTo>
                    <a:pt x="0" y="0"/>
                  </a:lnTo>
                  <a:lnTo>
                    <a:pt x="0" y="2276856"/>
                  </a:lnTo>
                  <a:lnTo>
                    <a:pt x="88391" y="2276856"/>
                  </a:lnTo>
                  <a:lnTo>
                    <a:pt x="88391" y="0"/>
                  </a:lnTo>
                  <a:close/>
                </a:path>
              </a:pathLst>
            </a:custGeom>
            <a:solidFill>
              <a:srgbClr val="FFFF99"/>
            </a:solidFill>
          </p:spPr>
          <p:txBody>
            <a:bodyPr wrap="square" lIns="0" tIns="0" rIns="0" bIns="0" rtlCol="0"/>
            <a:lstStyle/>
            <a:p>
              <a:endParaRPr sz="1539"/>
            </a:p>
          </p:txBody>
        </p:sp>
        <p:sp>
          <p:nvSpPr>
            <p:cNvPr id="213" name="object 213"/>
            <p:cNvSpPr/>
            <p:nvPr/>
          </p:nvSpPr>
          <p:spPr>
            <a:xfrm>
              <a:off x="4224528" y="2537459"/>
              <a:ext cx="91440" cy="2280285"/>
            </a:xfrm>
            <a:custGeom>
              <a:avLst/>
              <a:gdLst/>
              <a:ahLst/>
              <a:cxnLst/>
              <a:rect l="l" t="t" r="r" b="b"/>
              <a:pathLst>
                <a:path w="91439" h="2280285">
                  <a:moveTo>
                    <a:pt x="89916" y="0"/>
                  </a:moveTo>
                  <a:lnTo>
                    <a:pt x="1524" y="0"/>
                  </a:lnTo>
                  <a:lnTo>
                    <a:pt x="0" y="1524"/>
                  </a:lnTo>
                  <a:lnTo>
                    <a:pt x="0" y="2278380"/>
                  </a:lnTo>
                  <a:lnTo>
                    <a:pt x="1524" y="2279904"/>
                  </a:lnTo>
                  <a:lnTo>
                    <a:pt x="89916" y="2279904"/>
                  </a:lnTo>
                  <a:lnTo>
                    <a:pt x="91439" y="2278380"/>
                  </a:lnTo>
                  <a:lnTo>
                    <a:pt x="3048" y="2278380"/>
                  </a:lnTo>
                  <a:lnTo>
                    <a:pt x="1524" y="2276856"/>
                  </a:lnTo>
                  <a:lnTo>
                    <a:pt x="3048" y="2276856"/>
                  </a:lnTo>
                  <a:lnTo>
                    <a:pt x="3048" y="3048"/>
                  </a:lnTo>
                  <a:lnTo>
                    <a:pt x="1524" y="3048"/>
                  </a:lnTo>
                  <a:lnTo>
                    <a:pt x="3048" y="1524"/>
                  </a:lnTo>
                  <a:lnTo>
                    <a:pt x="91439" y="1524"/>
                  </a:lnTo>
                  <a:lnTo>
                    <a:pt x="89916" y="0"/>
                  </a:lnTo>
                  <a:close/>
                </a:path>
                <a:path w="91439" h="2280285">
                  <a:moveTo>
                    <a:pt x="3048" y="2276856"/>
                  </a:moveTo>
                  <a:lnTo>
                    <a:pt x="1524" y="2276856"/>
                  </a:lnTo>
                  <a:lnTo>
                    <a:pt x="3048" y="2278380"/>
                  </a:lnTo>
                  <a:lnTo>
                    <a:pt x="3048" y="2276856"/>
                  </a:lnTo>
                  <a:close/>
                </a:path>
                <a:path w="91439" h="2280285">
                  <a:moveTo>
                    <a:pt x="88392" y="2276856"/>
                  </a:moveTo>
                  <a:lnTo>
                    <a:pt x="3048" y="2276856"/>
                  </a:lnTo>
                  <a:lnTo>
                    <a:pt x="3048" y="2278380"/>
                  </a:lnTo>
                  <a:lnTo>
                    <a:pt x="88392" y="2278380"/>
                  </a:lnTo>
                  <a:lnTo>
                    <a:pt x="88392" y="2276856"/>
                  </a:lnTo>
                  <a:close/>
                </a:path>
                <a:path w="91439" h="2280285">
                  <a:moveTo>
                    <a:pt x="88392" y="1524"/>
                  </a:moveTo>
                  <a:lnTo>
                    <a:pt x="88392" y="2278380"/>
                  </a:lnTo>
                  <a:lnTo>
                    <a:pt x="89916" y="2276856"/>
                  </a:lnTo>
                  <a:lnTo>
                    <a:pt x="91439" y="2276856"/>
                  </a:lnTo>
                  <a:lnTo>
                    <a:pt x="91439" y="3048"/>
                  </a:lnTo>
                  <a:lnTo>
                    <a:pt x="89916" y="3048"/>
                  </a:lnTo>
                  <a:lnTo>
                    <a:pt x="88392" y="1524"/>
                  </a:lnTo>
                  <a:close/>
                </a:path>
                <a:path w="91439" h="2280285">
                  <a:moveTo>
                    <a:pt x="91439" y="2276856"/>
                  </a:moveTo>
                  <a:lnTo>
                    <a:pt x="89916" y="2276856"/>
                  </a:lnTo>
                  <a:lnTo>
                    <a:pt x="88392" y="2278380"/>
                  </a:lnTo>
                  <a:lnTo>
                    <a:pt x="91439" y="2278380"/>
                  </a:lnTo>
                  <a:lnTo>
                    <a:pt x="91439" y="2276856"/>
                  </a:lnTo>
                  <a:close/>
                </a:path>
                <a:path w="91439" h="2280285">
                  <a:moveTo>
                    <a:pt x="3048" y="1524"/>
                  </a:moveTo>
                  <a:lnTo>
                    <a:pt x="1524" y="3048"/>
                  </a:lnTo>
                  <a:lnTo>
                    <a:pt x="3048" y="3048"/>
                  </a:lnTo>
                  <a:lnTo>
                    <a:pt x="3048" y="1524"/>
                  </a:lnTo>
                  <a:close/>
                </a:path>
                <a:path w="91439" h="2280285">
                  <a:moveTo>
                    <a:pt x="88392" y="1524"/>
                  </a:moveTo>
                  <a:lnTo>
                    <a:pt x="3048" y="1524"/>
                  </a:lnTo>
                  <a:lnTo>
                    <a:pt x="3048" y="3048"/>
                  </a:lnTo>
                  <a:lnTo>
                    <a:pt x="88392" y="3048"/>
                  </a:lnTo>
                  <a:lnTo>
                    <a:pt x="88392" y="1524"/>
                  </a:lnTo>
                  <a:close/>
                </a:path>
                <a:path w="91439" h="2280285">
                  <a:moveTo>
                    <a:pt x="91439" y="1524"/>
                  </a:moveTo>
                  <a:lnTo>
                    <a:pt x="88392" y="1524"/>
                  </a:lnTo>
                  <a:lnTo>
                    <a:pt x="89916" y="3048"/>
                  </a:lnTo>
                  <a:lnTo>
                    <a:pt x="91439" y="3048"/>
                  </a:lnTo>
                  <a:lnTo>
                    <a:pt x="91439" y="1524"/>
                  </a:lnTo>
                  <a:close/>
                </a:path>
              </a:pathLst>
            </a:custGeom>
            <a:solidFill>
              <a:srgbClr val="000000"/>
            </a:solidFill>
          </p:spPr>
          <p:txBody>
            <a:bodyPr wrap="square" lIns="0" tIns="0" rIns="0" bIns="0" rtlCol="0"/>
            <a:lstStyle/>
            <a:p>
              <a:endParaRPr sz="1539"/>
            </a:p>
          </p:txBody>
        </p:sp>
        <p:sp>
          <p:nvSpPr>
            <p:cNvPr id="214" name="object 214"/>
            <p:cNvSpPr/>
            <p:nvPr/>
          </p:nvSpPr>
          <p:spPr>
            <a:xfrm>
              <a:off x="4447031" y="2679192"/>
              <a:ext cx="88900" cy="2182495"/>
            </a:xfrm>
            <a:custGeom>
              <a:avLst/>
              <a:gdLst/>
              <a:ahLst/>
              <a:cxnLst/>
              <a:rect l="l" t="t" r="r" b="b"/>
              <a:pathLst>
                <a:path w="88900" h="2182495">
                  <a:moveTo>
                    <a:pt x="88391" y="0"/>
                  </a:moveTo>
                  <a:lnTo>
                    <a:pt x="0" y="0"/>
                  </a:lnTo>
                  <a:lnTo>
                    <a:pt x="0" y="2182368"/>
                  </a:lnTo>
                  <a:lnTo>
                    <a:pt x="88391" y="2182368"/>
                  </a:lnTo>
                  <a:lnTo>
                    <a:pt x="88391" y="0"/>
                  </a:lnTo>
                  <a:close/>
                </a:path>
              </a:pathLst>
            </a:custGeom>
            <a:solidFill>
              <a:srgbClr val="FFFF99"/>
            </a:solidFill>
          </p:spPr>
          <p:txBody>
            <a:bodyPr wrap="square" lIns="0" tIns="0" rIns="0" bIns="0" rtlCol="0"/>
            <a:lstStyle/>
            <a:p>
              <a:endParaRPr sz="1539"/>
            </a:p>
          </p:txBody>
        </p:sp>
        <p:sp>
          <p:nvSpPr>
            <p:cNvPr id="215" name="object 215"/>
            <p:cNvSpPr/>
            <p:nvPr/>
          </p:nvSpPr>
          <p:spPr>
            <a:xfrm>
              <a:off x="4445508" y="2677668"/>
              <a:ext cx="91440" cy="2185670"/>
            </a:xfrm>
            <a:custGeom>
              <a:avLst/>
              <a:gdLst/>
              <a:ahLst/>
              <a:cxnLst/>
              <a:rect l="l" t="t" r="r" b="b"/>
              <a:pathLst>
                <a:path w="91439" h="2185670">
                  <a:moveTo>
                    <a:pt x="89915" y="0"/>
                  </a:moveTo>
                  <a:lnTo>
                    <a:pt x="1524" y="0"/>
                  </a:lnTo>
                  <a:lnTo>
                    <a:pt x="0" y="1524"/>
                  </a:lnTo>
                  <a:lnTo>
                    <a:pt x="0" y="2183891"/>
                  </a:lnTo>
                  <a:lnTo>
                    <a:pt x="1524" y="2185416"/>
                  </a:lnTo>
                  <a:lnTo>
                    <a:pt x="89915" y="2185416"/>
                  </a:lnTo>
                  <a:lnTo>
                    <a:pt x="91439" y="2183891"/>
                  </a:lnTo>
                  <a:lnTo>
                    <a:pt x="3047" y="2183891"/>
                  </a:lnTo>
                  <a:lnTo>
                    <a:pt x="1524" y="2182367"/>
                  </a:lnTo>
                  <a:lnTo>
                    <a:pt x="3047" y="2182367"/>
                  </a:lnTo>
                  <a:lnTo>
                    <a:pt x="3047" y="3047"/>
                  </a:lnTo>
                  <a:lnTo>
                    <a:pt x="1524" y="3047"/>
                  </a:lnTo>
                  <a:lnTo>
                    <a:pt x="3047" y="1524"/>
                  </a:lnTo>
                  <a:lnTo>
                    <a:pt x="91439" y="1524"/>
                  </a:lnTo>
                  <a:lnTo>
                    <a:pt x="89915" y="0"/>
                  </a:lnTo>
                  <a:close/>
                </a:path>
                <a:path w="91439" h="2185670">
                  <a:moveTo>
                    <a:pt x="3047" y="2182367"/>
                  </a:moveTo>
                  <a:lnTo>
                    <a:pt x="1524" y="2182367"/>
                  </a:lnTo>
                  <a:lnTo>
                    <a:pt x="3047" y="2183891"/>
                  </a:lnTo>
                  <a:lnTo>
                    <a:pt x="3047" y="2182367"/>
                  </a:lnTo>
                  <a:close/>
                </a:path>
                <a:path w="91439" h="2185670">
                  <a:moveTo>
                    <a:pt x="88391" y="2182367"/>
                  </a:moveTo>
                  <a:lnTo>
                    <a:pt x="3047" y="2182367"/>
                  </a:lnTo>
                  <a:lnTo>
                    <a:pt x="3047" y="2183891"/>
                  </a:lnTo>
                  <a:lnTo>
                    <a:pt x="88391" y="2183891"/>
                  </a:lnTo>
                  <a:lnTo>
                    <a:pt x="88391" y="2182367"/>
                  </a:lnTo>
                  <a:close/>
                </a:path>
                <a:path w="91439" h="2185670">
                  <a:moveTo>
                    <a:pt x="88391" y="1524"/>
                  </a:moveTo>
                  <a:lnTo>
                    <a:pt x="88391" y="2183891"/>
                  </a:lnTo>
                  <a:lnTo>
                    <a:pt x="89915" y="2182367"/>
                  </a:lnTo>
                  <a:lnTo>
                    <a:pt x="91439" y="2182367"/>
                  </a:lnTo>
                  <a:lnTo>
                    <a:pt x="91439" y="3047"/>
                  </a:lnTo>
                  <a:lnTo>
                    <a:pt x="89915" y="3047"/>
                  </a:lnTo>
                  <a:lnTo>
                    <a:pt x="88391" y="1524"/>
                  </a:lnTo>
                  <a:close/>
                </a:path>
                <a:path w="91439" h="2185670">
                  <a:moveTo>
                    <a:pt x="91439" y="2182367"/>
                  </a:moveTo>
                  <a:lnTo>
                    <a:pt x="89915" y="2182367"/>
                  </a:lnTo>
                  <a:lnTo>
                    <a:pt x="88391" y="2183891"/>
                  </a:lnTo>
                  <a:lnTo>
                    <a:pt x="91439" y="2183891"/>
                  </a:lnTo>
                  <a:lnTo>
                    <a:pt x="91439" y="2182367"/>
                  </a:lnTo>
                  <a:close/>
                </a:path>
                <a:path w="91439" h="2185670">
                  <a:moveTo>
                    <a:pt x="3047" y="1524"/>
                  </a:moveTo>
                  <a:lnTo>
                    <a:pt x="1524" y="3047"/>
                  </a:lnTo>
                  <a:lnTo>
                    <a:pt x="3047" y="3047"/>
                  </a:lnTo>
                  <a:lnTo>
                    <a:pt x="3047" y="1524"/>
                  </a:lnTo>
                  <a:close/>
                </a:path>
                <a:path w="91439" h="2185670">
                  <a:moveTo>
                    <a:pt x="88391" y="1524"/>
                  </a:moveTo>
                  <a:lnTo>
                    <a:pt x="3047" y="1524"/>
                  </a:lnTo>
                  <a:lnTo>
                    <a:pt x="3047" y="3047"/>
                  </a:lnTo>
                  <a:lnTo>
                    <a:pt x="88391" y="3047"/>
                  </a:lnTo>
                  <a:lnTo>
                    <a:pt x="88391" y="1524"/>
                  </a:lnTo>
                  <a:close/>
                </a:path>
                <a:path w="91439" h="2185670">
                  <a:moveTo>
                    <a:pt x="91439" y="1524"/>
                  </a:moveTo>
                  <a:lnTo>
                    <a:pt x="88391" y="1524"/>
                  </a:lnTo>
                  <a:lnTo>
                    <a:pt x="89915" y="3047"/>
                  </a:lnTo>
                  <a:lnTo>
                    <a:pt x="91439" y="3047"/>
                  </a:lnTo>
                  <a:lnTo>
                    <a:pt x="91439" y="1524"/>
                  </a:lnTo>
                  <a:close/>
                </a:path>
              </a:pathLst>
            </a:custGeom>
            <a:solidFill>
              <a:srgbClr val="000000"/>
            </a:solidFill>
          </p:spPr>
          <p:txBody>
            <a:bodyPr wrap="square" lIns="0" tIns="0" rIns="0" bIns="0" rtlCol="0"/>
            <a:lstStyle/>
            <a:p>
              <a:endParaRPr sz="1539"/>
            </a:p>
          </p:txBody>
        </p:sp>
        <p:sp>
          <p:nvSpPr>
            <p:cNvPr id="216" name="object 216"/>
            <p:cNvSpPr/>
            <p:nvPr/>
          </p:nvSpPr>
          <p:spPr>
            <a:xfrm>
              <a:off x="4668011" y="2667000"/>
              <a:ext cx="88900" cy="2101850"/>
            </a:xfrm>
            <a:custGeom>
              <a:avLst/>
              <a:gdLst/>
              <a:ahLst/>
              <a:cxnLst/>
              <a:rect l="l" t="t" r="r" b="b"/>
              <a:pathLst>
                <a:path w="88900" h="2101850">
                  <a:moveTo>
                    <a:pt x="88391" y="0"/>
                  </a:moveTo>
                  <a:lnTo>
                    <a:pt x="0" y="0"/>
                  </a:lnTo>
                  <a:lnTo>
                    <a:pt x="0" y="2101595"/>
                  </a:lnTo>
                  <a:lnTo>
                    <a:pt x="88391" y="2101595"/>
                  </a:lnTo>
                  <a:lnTo>
                    <a:pt x="88391" y="0"/>
                  </a:lnTo>
                  <a:close/>
                </a:path>
              </a:pathLst>
            </a:custGeom>
            <a:solidFill>
              <a:srgbClr val="FFFF99"/>
            </a:solidFill>
          </p:spPr>
          <p:txBody>
            <a:bodyPr wrap="square" lIns="0" tIns="0" rIns="0" bIns="0" rtlCol="0"/>
            <a:lstStyle/>
            <a:p>
              <a:endParaRPr sz="1539"/>
            </a:p>
          </p:txBody>
        </p:sp>
        <p:sp>
          <p:nvSpPr>
            <p:cNvPr id="217" name="object 217"/>
            <p:cNvSpPr/>
            <p:nvPr/>
          </p:nvSpPr>
          <p:spPr>
            <a:xfrm>
              <a:off x="4666487" y="2665476"/>
              <a:ext cx="91440" cy="2105025"/>
            </a:xfrm>
            <a:custGeom>
              <a:avLst/>
              <a:gdLst/>
              <a:ahLst/>
              <a:cxnLst/>
              <a:rect l="l" t="t" r="r" b="b"/>
              <a:pathLst>
                <a:path w="91439" h="2105025">
                  <a:moveTo>
                    <a:pt x="89915" y="0"/>
                  </a:moveTo>
                  <a:lnTo>
                    <a:pt x="1524" y="0"/>
                  </a:lnTo>
                  <a:lnTo>
                    <a:pt x="0" y="1524"/>
                  </a:lnTo>
                  <a:lnTo>
                    <a:pt x="0" y="2103120"/>
                  </a:lnTo>
                  <a:lnTo>
                    <a:pt x="1524" y="2104644"/>
                  </a:lnTo>
                  <a:lnTo>
                    <a:pt x="89915" y="2104644"/>
                  </a:lnTo>
                  <a:lnTo>
                    <a:pt x="91439" y="2103120"/>
                  </a:lnTo>
                  <a:lnTo>
                    <a:pt x="3048" y="2103120"/>
                  </a:lnTo>
                  <a:lnTo>
                    <a:pt x="1524" y="2101596"/>
                  </a:lnTo>
                  <a:lnTo>
                    <a:pt x="3048" y="2101596"/>
                  </a:lnTo>
                  <a:lnTo>
                    <a:pt x="3048" y="3048"/>
                  </a:lnTo>
                  <a:lnTo>
                    <a:pt x="1523" y="3048"/>
                  </a:lnTo>
                  <a:lnTo>
                    <a:pt x="3048" y="1524"/>
                  </a:lnTo>
                  <a:lnTo>
                    <a:pt x="91439" y="1524"/>
                  </a:lnTo>
                  <a:lnTo>
                    <a:pt x="89915" y="0"/>
                  </a:lnTo>
                  <a:close/>
                </a:path>
                <a:path w="91439" h="2105025">
                  <a:moveTo>
                    <a:pt x="3048" y="2101596"/>
                  </a:moveTo>
                  <a:lnTo>
                    <a:pt x="1524" y="2101596"/>
                  </a:lnTo>
                  <a:lnTo>
                    <a:pt x="3048" y="2103120"/>
                  </a:lnTo>
                  <a:lnTo>
                    <a:pt x="3048" y="2101596"/>
                  </a:lnTo>
                  <a:close/>
                </a:path>
                <a:path w="91439" h="2105025">
                  <a:moveTo>
                    <a:pt x="88391" y="2101596"/>
                  </a:moveTo>
                  <a:lnTo>
                    <a:pt x="3048" y="2101596"/>
                  </a:lnTo>
                  <a:lnTo>
                    <a:pt x="3048" y="2103120"/>
                  </a:lnTo>
                  <a:lnTo>
                    <a:pt x="88391" y="2103120"/>
                  </a:lnTo>
                  <a:lnTo>
                    <a:pt x="88391" y="2101596"/>
                  </a:lnTo>
                  <a:close/>
                </a:path>
                <a:path w="91439" h="2105025">
                  <a:moveTo>
                    <a:pt x="88391" y="1524"/>
                  </a:moveTo>
                  <a:lnTo>
                    <a:pt x="88391" y="2103120"/>
                  </a:lnTo>
                  <a:lnTo>
                    <a:pt x="89915" y="2101596"/>
                  </a:lnTo>
                  <a:lnTo>
                    <a:pt x="91439" y="2101596"/>
                  </a:lnTo>
                  <a:lnTo>
                    <a:pt x="91439" y="3048"/>
                  </a:lnTo>
                  <a:lnTo>
                    <a:pt x="89916" y="3048"/>
                  </a:lnTo>
                  <a:lnTo>
                    <a:pt x="88391" y="1524"/>
                  </a:lnTo>
                  <a:close/>
                </a:path>
                <a:path w="91439" h="2105025">
                  <a:moveTo>
                    <a:pt x="91439" y="2101596"/>
                  </a:moveTo>
                  <a:lnTo>
                    <a:pt x="89915" y="2101596"/>
                  </a:lnTo>
                  <a:lnTo>
                    <a:pt x="88391" y="2103120"/>
                  </a:lnTo>
                  <a:lnTo>
                    <a:pt x="91439" y="2103120"/>
                  </a:lnTo>
                  <a:lnTo>
                    <a:pt x="91439" y="2101596"/>
                  </a:lnTo>
                  <a:close/>
                </a:path>
                <a:path w="91439" h="2105025">
                  <a:moveTo>
                    <a:pt x="3048" y="1524"/>
                  </a:moveTo>
                  <a:lnTo>
                    <a:pt x="1523" y="3048"/>
                  </a:lnTo>
                  <a:lnTo>
                    <a:pt x="3048" y="3048"/>
                  </a:lnTo>
                  <a:lnTo>
                    <a:pt x="3048" y="1524"/>
                  </a:lnTo>
                  <a:close/>
                </a:path>
                <a:path w="91439" h="2105025">
                  <a:moveTo>
                    <a:pt x="88391" y="1524"/>
                  </a:moveTo>
                  <a:lnTo>
                    <a:pt x="3048" y="1524"/>
                  </a:lnTo>
                  <a:lnTo>
                    <a:pt x="3048" y="3048"/>
                  </a:lnTo>
                  <a:lnTo>
                    <a:pt x="88391" y="3048"/>
                  </a:lnTo>
                  <a:lnTo>
                    <a:pt x="88391" y="1524"/>
                  </a:lnTo>
                  <a:close/>
                </a:path>
                <a:path w="91439" h="2105025">
                  <a:moveTo>
                    <a:pt x="91439" y="1524"/>
                  </a:moveTo>
                  <a:lnTo>
                    <a:pt x="88391" y="1524"/>
                  </a:lnTo>
                  <a:lnTo>
                    <a:pt x="89916" y="3048"/>
                  </a:lnTo>
                  <a:lnTo>
                    <a:pt x="91439" y="3048"/>
                  </a:lnTo>
                  <a:lnTo>
                    <a:pt x="91439" y="1524"/>
                  </a:lnTo>
                  <a:close/>
                </a:path>
              </a:pathLst>
            </a:custGeom>
            <a:solidFill>
              <a:srgbClr val="000000"/>
            </a:solidFill>
          </p:spPr>
          <p:txBody>
            <a:bodyPr wrap="square" lIns="0" tIns="0" rIns="0" bIns="0" rtlCol="0"/>
            <a:lstStyle/>
            <a:p>
              <a:endParaRPr sz="1539"/>
            </a:p>
          </p:txBody>
        </p:sp>
        <p:sp>
          <p:nvSpPr>
            <p:cNvPr id="218" name="object 218"/>
            <p:cNvSpPr/>
            <p:nvPr/>
          </p:nvSpPr>
          <p:spPr>
            <a:xfrm>
              <a:off x="4888992" y="2485644"/>
              <a:ext cx="88900" cy="2313940"/>
            </a:xfrm>
            <a:custGeom>
              <a:avLst/>
              <a:gdLst/>
              <a:ahLst/>
              <a:cxnLst/>
              <a:rect l="l" t="t" r="r" b="b"/>
              <a:pathLst>
                <a:path w="88900" h="2313940">
                  <a:moveTo>
                    <a:pt x="88391" y="0"/>
                  </a:moveTo>
                  <a:lnTo>
                    <a:pt x="0" y="0"/>
                  </a:lnTo>
                  <a:lnTo>
                    <a:pt x="0" y="2313432"/>
                  </a:lnTo>
                  <a:lnTo>
                    <a:pt x="88391" y="2313432"/>
                  </a:lnTo>
                  <a:lnTo>
                    <a:pt x="88391" y="0"/>
                  </a:lnTo>
                  <a:close/>
                </a:path>
              </a:pathLst>
            </a:custGeom>
            <a:solidFill>
              <a:srgbClr val="FFFF99"/>
            </a:solidFill>
          </p:spPr>
          <p:txBody>
            <a:bodyPr wrap="square" lIns="0" tIns="0" rIns="0" bIns="0" rtlCol="0"/>
            <a:lstStyle/>
            <a:p>
              <a:endParaRPr sz="1539"/>
            </a:p>
          </p:txBody>
        </p:sp>
        <p:sp>
          <p:nvSpPr>
            <p:cNvPr id="219" name="object 219"/>
            <p:cNvSpPr/>
            <p:nvPr/>
          </p:nvSpPr>
          <p:spPr>
            <a:xfrm>
              <a:off x="4887467" y="2484120"/>
              <a:ext cx="91440" cy="2316480"/>
            </a:xfrm>
            <a:custGeom>
              <a:avLst/>
              <a:gdLst/>
              <a:ahLst/>
              <a:cxnLst/>
              <a:rect l="l" t="t" r="r" b="b"/>
              <a:pathLst>
                <a:path w="91439" h="2316479">
                  <a:moveTo>
                    <a:pt x="89916" y="0"/>
                  </a:moveTo>
                  <a:lnTo>
                    <a:pt x="1524" y="0"/>
                  </a:lnTo>
                  <a:lnTo>
                    <a:pt x="0" y="1524"/>
                  </a:lnTo>
                  <a:lnTo>
                    <a:pt x="0" y="2314956"/>
                  </a:lnTo>
                  <a:lnTo>
                    <a:pt x="1524" y="2316479"/>
                  </a:lnTo>
                  <a:lnTo>
                    <a:pt x="89916" y="2316479"/>
                  </a:lnTo>
                  <a:lnTo>
                    <a:pt x="91440" y="2314956"/>
                  </a:lnTo>
                  <a:lnTo>
                    <a:pt x="3048" y="2314956"/>
                  </a:lnTo>
                  <a:lnTo>
                    <a:pt x="1524" y="2313432"/>
                  </a:lnTo>
                  <a:lnTo>
                    <a:pt x="3048" y="2313432"/>
                  </a:lnTo>
                  <a:lnTo>
                    <a:pt x="3048" y="3048"/>
                  </a:lnTo>
                  <a:lnTo>
                    <a:pt x="1524" y="3048"/>
                  </a:lnTo>
                  <a:lnTo>
                    <a:pt x="3048" y="1524"/>
                  </a:lnTo>
                  <a:lnTo>
                    <a:pt x="91440" y="1524"/>
                  </a:lnTo>
                  <a:lnTo>
                    <a:pt x="89916" y="0"/>
                  </a:lnTo>
                  <a:close/>
                </a:path>
                <a:path w="91439" h="2316479">
                  <a:moveTo>
                    <a:pt x="3048" y="2313432"/>
                  </a:moveTo>
                  <a:lnTo>
                    <a:pt x="1524" y="2313432"/>
                  </a:lnTo>
                  <a:lnTo>
                    <a:pt x="3048" y="2314956"/>
                  </a:lnTo>
                  <a:lnTo>
                    <a:pt x="3048" y="2313432"/>
                  </a:lnTo>
                  <a:close/>
                </a:path>
                <a:path w="91439" h="2316479">
                  <a:moveTo>
                    <a:pt x="88392" y="2313432"/>
                  </a:moveTo>
                  <a:lnTo>
                    <a:pt x="3048" y="2313432"/>
                  </a:lnTo>
                  <a:lnTo>
                    <a:pt x="3048" y="2314956"/>
                  </a:lnTo>
                  <a:lnTo>
                    <a:pt x="88392" y="2314956"/>
                  </a:lnTo>
                  <a:lnTo>
                    <a:pt x="88392" y="2313432"/>
                  </a:lnTo>
                  <a:close/>
                </a:path>
                <a:path w="91439" h="2316479">
                  <a:moveTo>
                    <a:pt x="88392" y="1524"/>
                  </a:moveTo>
                  <a:lnTo>
                    <a:pt x="88392" y="2314956"/>
                  </a:lnTo>
                  <a:lnTo>
                    <a:pt x="89916" y="2313432"/>
                  </a:lnTo>
                  <a:lnTo>
                    <a:pt x="91440" y="2313432"/>
                  </a:lnTo>
                  <a:lnTo>
                    <a:pt x="91440" y="3048"/>
                  </a:lnTo>
                  <a:lnTo>
                    <a:pt x="89916" y="3048"/>
                  </a:lnTo>
                  <a:lnTo>
                    <a:pt x="88392" y="1524"/>
                  </a:lnTo>
                  <a:close/>
                </a:path>
                <a:path w="91439" h="2316479">
                  <a:moveTo>
                    <a:pt x="91440" y="2313432"/>
                  </a:moveTo>
                  <a:lnTo>
                    <a:pt x="89916" y="2313432"/>
                  </a:lnTo>
                  <a:lnTo>
                    <a:pt x="88392" y="2314956"/>
                  </a:lnTo>
                  <a:lnTo>
                    <a:pt x="91440" y="2314956"/>
                  </a:lnTo>
                  <a:lnTo>
                    <a:pt x="91440" y="2313432"/>
                  </a:lnTo>
                  <a:close/>
                </a:path>
                <a:path w="91439" h="2316479">
                  <a:moveTo>
                    <a:pt x="3048" y="1524"/>
                  </a:moveTo>
                  <a:lnTo>
                    <a:pt x="1524" y="3048"/>
                  </a:lnTo>
                  <a:lnTo>
                    <a:pt x="3048" y="3048"/>
                  </a:lnTo>
                  <a:lnTo>
                    <a:pt x="3048" y="1524"/>
                  </a:lnTo>
                  <a:close/>
                </a:path>
                <a:path w="91439" h="2316479">
                  <a:moveTo>
                    <a:pt x="88392" y="1524"/>
                  </a:moveTo>
                  <a:lnTo>
                    <a:pt x="3048" y="1524"/>
                  </a:lnTo>
                  <a:lnTo>
                    <a:pt x="3048" y="3048"/>
                  </a:lnTo>
                  <a:lnTo>
                    <a:pt x="88392" y="3048"/>
                  </a:lnTo>
                  <a:lnTo>
                    <a:pt x="88392" y="1524"/>
                  </a:lnTo>
                  <a:close/>
                </a:path>
                <a:path w="91439" h="2316479">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20" name="object 220"/>
            <p:cNvSpPr/>
            <p:nvPr/>
          </p:nvSpPr>
          <p:spPr>
            <a:xfrm>
              <a:off x="5109972" y="2849880"/>
              <a:ext cx="88900" cy="2025650"/>
            </a:xfrm>
            <a:custGeom>
              <a:avLst/>
              <a:gdLst/>
              <a:ahLst/>
              <a:cxnLst/>
              <a:rect l="l" t="t" r="r" b="b"/>
              <a:pathLst>
                <a:path w="88900" h="2025650">
                  <a:moveTo>
                    <a:pt x="88391" y="0"/>
                  </a:moveTo>
                  <a:lnTo>
                    <a:pt x="0" y="0"/>
                  </a:lnTo>
                  <a:lnTo>
                    <a:pt x="0" y="2025395"/>
                  </a:lnTo>
                  <a:lnTo>
                    <a:pt x="88391" y="2025395"/>
                  </a:lnTo>
                  <a:lnTo>
                    <a:pt x="88391" y="0"/>
                  </a:lnTo>
                  <a:close/>
                </a:path>
              </a:pathLst>
            </a:custGeom>
            <a:solidFill>
              <a:srgbClr val="FFFF99"/>
            </a:solidFill>
          </p:spPr>
          <p:txBody>
            <a:bodyPr wrap="square" lIns="0" tIns="0" rIns="0" bIns="0" rtlCol="0"/>
            <a:lstStyle/>
            <a:p>
              <a:endParaRPr sz="1539"/>
            </a:p>
          </p:txBody>
        </p:sp>
        <p:sp>
          <p:nvSpPr>
            <p:cNvPr id="221" name="object 221"/>
            <p:cNvSpPr/>
            <p:nvPr/>
          </p:nvSpPr>
          <p:spPr>
            <a:xfrm>
              <a:off x="5108448" y="2848355"/>
              <a:ext cx="91440" cy="2028825"/>
            </a:xfrm>
            <a:custGeom>
              <a:avLst/>
              <a:gdLst/>
              <a:ahLst/>
              <a:cxnLst/>
              <a:rect l="l" t="t" r="r" b="b"/>
              <a:pathLst>
                <a:path w="91439" h="2028825">
                  <a:moveTo>
                    <a:pt x="89915" y="0"/>
                  </a:moveTo>
                  <a:lnTo>
                    <a:pt x="1524" y="0"/>
                  </a:lnTo>
                  <a:lnTo>
                    <a:pt x="0" y="1524"/>
                  </a:lnTo>
                  <a:lnTo>
                    <a:pt x="0" y="2026920"/>
                  </a:lnTo>
                  <a:lnTo>
                    <a:pt x="1524" y="2028443"/>
                  </a:lnTo>
                  <a:lnTo>
                    <a:pt x="89915" y="2028443"/>
                  </a:lnTo>
                  <a:lnTo>
                    <a:pt x="91439" y="2026920"/>
                  </a:lnTo>
                  <a:lnTo>
                    <a:pt x="3048" y="2026920"/>
                  </a:lnTo>
                  <a:lnTo>
                    <a:pt x="1524" y="2025395"/>
                  </a:lnTo>
                  <a:lnTo>
                    <a:pt x="3048" y="2025395"/>
                  </a:lnTo>
                  <a:lnTo>
                    <a:pt x="3048" y="3048"/>
                  </a:lnTo>
                  <a:lnTo>
                    <a:pt x="1524" y="3048"/>
                  </a:lnTo>
                  <a:lnTo>
                    <a:pt x="3048" y="1524"/>
                  </a:lnTo>
                  <a:lnTo>
                    <a:pt x="91439" y="1524"/>
                  </a:lnTo>
                  <a:lnTo>
                    <a:pt x="89915" y="0"/>
                  </a:lnTo>
                  <a:close/>
                </a:path>
                <a:path w="91439" h="2028825">
                  <a:moveTo>
                    <a:pt x="3048" y="2025395"/>
                  </a:moveTo>
                  <a:lnTo>
                    <a:pt x="1524" y="2025395"/>
                  </a:lnTo>
                  <a:lnTo>
                    <a:pt x="3048" y="2026920"/>
                  </a:lnTo>
                  <a:lnTo>
                    <a:pt x="3048" y="2025395"/>
                  </a:lnTo>
                  <a:close/>
                </a:path>
                <a:path w="91439" h="2028825">
                  <a:moveTo>
                    <a:pt x="88391" y="2025395"/>
                  </a:moveTo>
                  <a:lnTo>
                    <a:pt x="3048" y="2025395"/>
                  </a:lnTo>
                  <a:lnTo>
                    <a:pt x="3048" y="2026920"/>
                  </a:lnTo>
                  <a:lnTo>
                    <a:pt x="88391" y="2026920"/>
                  </a:lnTo>
                  <a:lnTo>
                    <a:pt x="88391" y="2025395"/>
                  </a:lnTo>
                  <a:close/>
                </a:path>
                <a:path w="91439" h="2028825">
                  <a:moveTo>
                    <a:pt x="88391" y="1524"/>
                  </a:moveTo>
                  <a:lnTo>
                    <a:pt x="88391" y="2026920"/>
                  </a:lnTo>
                  <a:lnTo>
                    <a:pt x="89915" y="2025395"/>
                  </a:lnTo>
                  <a:lnTo>
                    <a:pt x="91439" y="2025396"/>
                  </a:lnTo>
                  <a:lnTo>
                    <a:pt x="91439" y="3048"/>
                  </a:lnTo>
                  <a:lnTo>
                    <a:pt x="89915" y="3048"/>
                  </a:lnTo>
                  <a:lnTo>
                    <a:pt x="88391" y="1524"/>
                  </a:lnTo>
                  <a:close/>
                </a:path>
                <a:path w="91439" h="2028825">
                  <a:moveTo>
                    <a:pt x="91439" y="2025396"/>
                  </a:moveTo>
                  <a:lnTo>
                    <a:pt x="89915" y="2025395"/>
                  </a:lnTo>
                  <a:lnTo>
                    <a:pt x="88391" y="2026920"/>
                  </a:lnTo>
                  <a:lnTo>
                    <a:pt x="91439" y="2026920"/>
                  </a:lnTo>
                  <a:lnTo>
                    <a:pt x="91439" y="2025396"/>
                  </a:lnTo>
                  <a:close/>
                </a:path>
                <a:path w="91439" h="2028825">
                  <a:moveTo>
                    <a:pt x="3048" y="1524"/>
                  </a:moveTo>
                  <a:lnTo>
                    <a:pt x="1524" y="3048"/>
                  </a:lnTo>
                  <a:lnTo>
                    <a:pt x="3048" y="3048"/>
                  </a:lnTo>
                  <a:lnTo>
                    <a:pt x="3048" y="1524"/>
                  </a:lnTo>
                  <a:close/>
                </a:path>
                <a:path w="91439" h="2028825">
                  <a:moveTo>
                    <a:pt x="88391" y="1524"/>
                  </a:moveTo>
                  <a:lnTo>
                    <a:pt x="3048" y="1524"/>
                  </a:lnTo>
                  <a:lnTo>
                    <a:pt x="3048" y="3048"/>
                  </a:lnTo>
                  <a:lnTo>
                    <a:pt x="88391" y="3048"/>
                  </a:lnTo>
                  <a:lnTo>
                    <a:pt x="88391" y="1524"/>
                  </a:lnTo>
                  <a:close/>
                </a:path>
                <a:path w="91439" h="2028825">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22" name="object 222"/>
            <p:cNvSpPr/>
            <p:nvPr/>
          </p:nvSpPr>
          <p:spPr>
            <a:xfrm>
              <a:off x="5330952" y="3031236"/>
              <a:ext cx="88900" cy="1795780"/>
            </a:xfrm>
            <a:custGeom>
              <a:avLst/>
              <a:gdLst/>
              <a:ahLst/>
              <a:cxnLst/>
              <a:rect l="l" t="t" r="r" b="b"/>
              <a:pathLst>
                <a:path w="88900" h="1795779">
                  <a:moveTo>
                    <a:pt x="88391" y="0"/>
                  </a:moveTo>
                  <a:lnTo>
                    <a:pt x="0" y="0"/>
                  </a:lnTo>
                  <a:lnTo>
                    <a:pt x="0" y="1795272"/>
                  </a:lnTo>
                  <a:lnTo>
                    <a:pt x="88391" y="1795272"/>
                  </a:lnTo>
                  <a:lnTo>
                    <a:pt x="88391" y="0"/>
                  </a:lnTo>
                  <a:close/>
                </a:path>
              </a:pathLst>
            </a:custGeom>
            <a:solidFill>
              <a:srgbClr val="FFFF99"/>
            </a:solidFill>
          </p:spPr>
          <p:txBody>
            <a:bodyPr wrap="square" lIns="0" tIns="0" rIns="0" bIns="0" rtlCol="0"/>
            <a:lstStyle/>
            <a:p>
              <a:endParaRPr sz="1539"/>
            </a:p>
          </p:txBody>
        </p:sp>
        <p:sp>
          <p:nvSpPr>
            <p:cNvPr id="223" name="object 223"/>
            <p:cNvSpPr/>
            <p:nvPr/>
          </p:nvSpPr>
          <p:spPr>
            <a:xfrm>
              <a:off x="5329428" y="3029711"/>
              <a:ext cx="91440" cy="1798320"/>
            </a:xfrm>
            <a:custGeom>
              <a:avLst/>
              <a:gdLst/>
              <a:ahLst/>
              <a:cxnLst/>
              <a:rect l="l" t="t" r="r" b="b"/>
              <a:pathLst>
                <a:path w="91439" h="1798320">
                  <a:moveTo>
                    <a:pt x="89916" y="0"/>
                  </a:moveTo>
                  <a:lnTo>
                    <a:pt x="1524" y="0"/>
                  </a:lnTo>
                  <a:lnTo>
                    <a:pt x="0" y="1524"/>
                  </a:lnTo>
                  <a:lnTo>
                    <a:pt x="0" y="1796796"/>
                  </a:lnTo>
                  <a:lnTo>
                    <a:pt x="1524" y="1798320"/>
                  </a:lnTo>
                  <a:lnTo>
                    <a:pt x="89916" y="1798320"/>
                  </a:lnTo>
                  <a:lnTo>
                    <a:pt x="91439" y="1796796"/>
                  </a:lnTo>
                  <a:lnTo>
                    <a:pt x="3048" y="1796796"/>
                  </a:lnTo>
                  <a:lnTo>
                    <a:pt x="1524" y="1795272"/>
                  </a:lnTo>
                  <a:lnTo>
                    <a:pt x="3048" y="1795272"/>
                  </a:lnTo>
                  <a:lnTo>
                    <a:pt x="3048" y="3048"/>
                  </a:lnTo>
                  <a:lnTo>
                    <a:pt x="1524" y="3048"/>
                  </a:lnTo>
                  <a:lnTo>
                    <a:pt x="3048" y="1524"/>
                  </a:lnTo>
                  <a:lnTo>
                    <a:pt x="91439" y="1524"/>
                  </a:lnTo>
                  <a:lnTo>
                    <a:pt x="89916" y="0"/>
                  </a:lnTo>
                  <a:close/>
                </a:path>
                <a:path w="91439" h="1798320">
                  <a:moveTo>
                    <a:pt x="3048" y="1795272"/>
                  </a:moveTo>
                  <a:lnTo>
                    <a:pt x="1524" y="1795272"/>
                  </a:lnTo>
                  <a:lnTo>
                    <a:pt x="3048" y="1796796"/>
                  </a:lnTo>
                  <a:lnTo>
                    <a:pt x="3048" y="1795272"/>
                  </a:lnTo>
                  <a:close/>
                </a:path>
                <a:path w="91439" h="1798320">
                  <a:moveTo>
                    <a:pt x="88392" y="1795272"/>
                  </a:moveTo>
                  <a:lnTo>
                    <a:pt x="3048" y="1795272"/>
                  </a:lnTo>
                  <a:lnTo>
                    <a:pt x="3048" y="1796796"/>
                  </a:lnTo>
                  <a:lnTo>
                    <a:pt x="88392" y="1796796"/>
                  </a:lnTo>
                  <a:lnTo>
                    <a:pt x="88392" y="1795272"/>
                  </a:lnTo>
                  <a:close/>
                </a:path>
                <a:path w="91439" h="1798320">
                  <a:moveTo>
                    <a:pt x="88392" y="1524"/>
                  </a:moveTo>
                  <a:lnTo>
                    <a:pt x="88392" y="1796796"/>
                  </a:lnTo>
                  <a:lnTo>
                    <a:pt x="89916" y="1795272"/>
                  </a:lnTo>
                  <a:lnTo>
                    <a:pt x="91439" y="1795272"/>
                  </a:lnTo>
                  <a:lnTo>
                    <a:pt x="91439" y="3048"/>
                  </a:lnTo>
                  <a:lnTo>
                    <a:pt x="89916" y="3048"/>
                  </a:lnTo>
                  <a:lnTo>
                    <a:pt x="88392" y="1524"/>
                  </a:lnTo>
                  <a:close/>
                </a:path>
                <a:path w="91439" h="1798320">
                  <a:moveTo>
                    <a:pt x="91439" y="1795272"/>
                  </a:moveTo>
                  <a:lnTo>
                    <a:pt x="89916" y="1795272"/>
                  </a:lnTo>
                  <a:lnTo>
                    <a:pt x="88392" y="1796796"/>
                  </a:lnTo>
                  <a:lnTo>
                    <a:pt x="91439" y="1796796"/>
                  </a:lnTo>
                  <a:lnTo>
                    <a:pt x="91439" y="1795272"/>
                  </a:lnTo>
                  <a:close/>
                </a:path>
                <a:path w="91439" h="1798320">
                  <a:moveTo>
                    <a:pt x="3048" y="1524"/>
                  </a:moveTo>
                  <a:lnTo>
                    <a:pt x="1524" y="3048"/>
                  </a:lnTo>
                  <a:lnTo>
                    <a:pt x="3048" y="3048"/>
                  </a:lnTo>
                  <a:lnTo>
                    <a:pt x="3048" y="1524"/>
                  </a:lnTo>
                  <a:close/>
                </a:path>
                <a:path w="91439" h="1798320">
                  <a:moveTo>
                    <a:pt x="88392" y="1524"/>
                  </a:moveTo>
                  <a:lnTo>
                    <a:pt x="3048" y="1524"/>
                  </a:lnTo>
                  <a:lnTo>
                    <a:pt x="3048" y="3048"/>
                  </a:lnTo>
                  <a:lnTo>
                    <a:pt x="88392" y="3048"/>
                  </a:lnTo>
                  <a:lnTo>
                    <a:pt x="88392" y="1524"/>
                  </a:lnTo>
                  <a:close/>
                </a:path>
                <a:path w="91439" h="1798320">
                  <a:moveTo>
                    <a:pt x="91439" y="1524"/>
                  </a:moveTo>
                  <a:lnTo>
                    <a:pt x="88392" y="1524"/>
                  </a:lnTo>
                  <a:lnTo>
                    <a:pt x="89916" y="3048"/>
                  </a:lnTo>
                  <a:lnTo>
                    <a:pt x="91439" y="3048"/>
                  </a:lnTo>
                  <a:lnTo>
                    <a:pt x="91439" y="1524"/>
                  </a:lnTo>
                  <a:close/>
                </a:path>
              </a:pathLst>
            </a:custGeom>
            <a:solidFill>
              <a:srgbClr val="000000"/>
            </a:solidFill>
          </p:spPr>
          <p:txBody>
            <a:bodyPr wrap="square" lIns="0" tIns="0" rIns="0" bIns="0" rtlCol="0"/>
            <a:lstStyle/>
            <a:p>
              <a:endParaRPr sz="1539"/>
            </a:p>
          </p:txBody>
        </p:sp>
        <p:sp>
          <p:nvSpPr>
            <p:cNvPr id="224" name="object 224"/>
            <p:cNvSpPr/>
            <p:nvPr/>
          </p:nvSpPr>
          <p:spPr>
            <a:xfrm>
              <a:off x="5550408" y="3171444"/>
              <a:ext cx="88900" cy="1754505"/>
            </a:xfrm>
            <a:custGeom>
              <a:avLst/>
              <a:gdLst/>
              <a:ahLst/>
              <a:cxnLst/>
              <a:rect l="l" t="t" r="r" b="b"/>
              <a:pathLst>
                <a:path w="88900" h="1754504">
                  <a:moveTo>
                    <a:pt x="88391" y="0"/>
                  </a:moveTo>
                  <a:lnTo>
                    <a:pt x="0" y="0"/>
                  </a:lnTo>
                  <a:lnTo>
                    <a:pt x="0" y="1754124"/>
                  </a:lnTo>
                  <a:lnTo>
                    <a:pt x="88391" y="1754124"/>
                  </a:lnTo>
                  <a:lnTo>
                    <a:pt x="88391" y="0"/>
                  </a:lnTo>
                  <a:close/>
                </a:path>
              </a:pathLst>
            </a:custGeom>
            <a:solidFill>
              <a:srgbClr val="FFFF99"/>
            </a:solidFill>
          </p:spPr>
          <p:txBody>
            <a:bodyPr wrap="square" lIns="0" tIns="0" rIns="0" bIns="0" rtlCol="0"/>
            <a:lstStyle/>
            <a:p>
              <a:endParaRPr sz="1539"/>
            </a:p>
          </p:txBody>
        </p:sp>
        <p:sp>
          <p:nvSpPr>
            <p:cNvPr id="225" name="object 225"/>
            <p:cNvSpPr/>
            <p:nvPr/>
          </p:nvSpPr>
          <p:spPr>
            <a:xfrm>
              <a:off x="5548884" y="3169919"/>
              <a:ext cx="91440" cy="1757680"/>
            </a:xfrm>
            <a:custGeom>
              <a:avLst/>
              <a:gdLst/>
              <a:ahLst/>
              <a:cxnLst/>
              <a:rect l="l" t="t" r="r" b="b"/>
              <a:pathLst>
                <a:path w="91439" h="1757679">
                  <a:moveTo>
                    <a:pt x="89915" y="0"/>
                  </a:moveTo>
                  <a:lnTo>
                    <a:pt x="1524" y="0"/>
                  </a:lnTo>
                  <a:lnTo>
                    <a:pt x="0" y="1524"/>
                  </a:lnTo>
                  <a:lnTo>
                    <a:pt x="0" y="1755647"/>
                  </a:lnTo>
                  <a:lnTo>
                    <a:pt x="1524" y="1757171"/>
                  </a:lnTo>
                  <a:lnTo>
                    <a:pt x="89915" y="1757171"/>
                  </a:lnTo>
                  <a:lnTo>
                    <a:pt x="91439" y="1755647"/>
                  </a:lnTo>
                  <a:lnTo>
                    <a:pt x="3048" y="1755647"/>
                  </a:lnTo>
                  <a:lnTo>
                    <a:pt x="1524" y="1754123"/>
                  </a:lnTo>
                  <a:lnTo>
                    <a:pt x="3048" y="1754123"/>
                  </a:lnTo>
                  <a:lnTo>
                    <a:pt x="3048" y="3048"/>
                  </a:lnTo>
                  <a:lnTo>
                    <a:pt x="1524" y="3048"/>
                  </a:lnTo>
                  <a:lnTo>
                    <a:pt x="3048" y="1524"/>
                  </a:lnTo>
                  <a:lnTo>
                    <a:pt x="91439" y="1524"/>
                  </a:lnTo>
                  <a:lnTo>
                    <a:pt x="89915" y="0"/>
                  </a:lnTo>
                  <a:close/>
                </a:path>
                <a:path w="91439" h="1757679">
                  <a:moveTo>
                    <a:pt x="3048" y="1754123"/>
                  </a:moveTo>
                  <a:lnTo>
                    <a:pt x="1524" y="1754123"/>
                  </a:lnTo>
                  <a:lnTo>
                    <a:pt x="3048" y="1755647"/>
                  </a:lnTo>
                  <a:lnTo>
                    <a:pt x="3048" y="1754123"/>
                  </a:lnTo>
                  <a:close/>
                </a:path>
                <a:path w="91439" h="1757679">
                  <a:moveTo>
                    <a:pt x="88391" y="1754123"/>
                  </a:moveTo>
                  <a:lnTo>
                    <a:pt x="3048" y="1754123"/>
                  </a:lnTo>
                  <a:lnTo>
                    <a:pt x="3048" y="1755647"/>
                  </a:lnTo>
                  <a:lnTo>
                    <a:pt x="88391" y="1755647"/>
                  </a:lnTo>
                  <a:lnTo>
                    <a:pt x="88391" y="1754123"/>
                  </a:lnTo>
                  <a:close/>
                </a:path>
                <a:path w="91439" h="1757679">
                  <a:moveTo>
                    <a:pt x="88391" y="1524"/>
                  </a:moveTo>
                  <a:lnTo>
                    <a:pt x="88391" y="1755647"/>
                  </a:lnTo>
                  <a:lnTo>
                    <a:pt x="89915" y="1754123"/>
                  </a:lnTo>
                  <a:lnTo>
                    <a:pt x="91439" y="1754124"/>
                  </a:lnTo>
                  <a:lnTo>
                    <a:pt x="91439" y="3048"/>
                  </a:lnTo>
                  <a:lnTo>
                    <a:pt x="89915" y="3048"/>
                  </a:lnTo>
                  <a:lnTo>
                    <a:pt x="88391" y="1524"/>
                  </a:lnTo>
                  <a:close/>
                </a:path>
                <a:path w="91439" h="1757679">
                  <a:moveTo>
                    <a:pt x="91439" y="1754124"/>
                  </a:moveTo>
                  <a:lnTo>
                    <a:pt x="89915" y="1754123"/>
                  </a:lnTo>
                  <a:lnTo>
                    <a:pt x="88391" y="1755647"/>
                  </a:lnTo>
                  <a:lnTo>
                    <a:pt x="91439" y="1755647"/>
                  </a:lnTo>
                  <a:lnTo>
                    <a:pt x="91439" y="1754124"/>
                  </a:lnTo>
                  <a:close/>
                </a:path>
                <a:path w="91439" h="1757679">
                  <a:moveTo>
                    <a:pt x="3048" y="1524"/>
                  </a:moveTo>
                  <a:lnTo>
                    <a:pt x="1524" y="3048"/>
                  </a:lnTo>
                  <a:lnTo>
                    <a:pt x="3048" y="3048"/>
                  </a:lnTo>
                  <a:lnTo>
                    <a:pt x="3048" y="1524"/>
                  </a:lnTo>
                  <a:close/>
                </a:path>
                <a:path w="91439" h="1757679">
                  <a:moveTo>
                    <a:pt x="88391" y="1524"/>
                  </a:moveTo>
                  <a:lnTo>
                    <a:pt x="3048" y="1524"/>
                  </a:lnTo>
                  <a:lnTo>
                    <a:pt x="3048" y="3048"/>
                  </a:lnTo>
                  <a:lnTo>
                    <a:pt x="88391" y="3048"/>
                  </a:lnTo>
                  <a:lnTo>
                    <a:pt x="88391" y="1524"/>
                  </a:lnTo>
                  <a:close/>
                </a:path>
                <a:path w="91439" h="175767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26" name="object 226"/>
            <p:cNvSpPr/>
            <p:nvPr/>
          </p:nvSpPr>
          <p:spPr>
            <a:xfrm>
              <a:off x="5771387" y="3282696"/>
              <a:ext cx="88900" cy="1737360"/>
            </a:xfrm>
            <a:custGeom>
              <a:avLst/>
              <a:gdLst/>
              <a:ahLst/>
              <a:cxnLst/>
              <a:rect l="l" t="t" r="r" b="b"/>
              <a:pathLst>
                <a:path w="88900" h="1737360">
                  <a:moveTo>
                    <a:pt x="88391" y="0"/>
                  </a:moveTo>
                  <a:lnTo>
                    <a:pt x="0" y="0"/>
                  </a:lnTo>
                  <a:lnTo>
                    <a:pt x="0" y="1737360"/>
                  </a:lnTo>
                  <a:lnTo>
                    <a:pt x="88391" y="1737360"/>
                  </a:lnTo>
                  <a:lnTo>
                    <a:pt x="88391" y="0"/>
                  </a:lnTo>
                  <a:close/>
                </a:path>
              </a:pathLst>
            </a:custGeom>
            <a:solidFill>
              <a:srgbClr val="FFFF99"/>
            </a:solidFill>
          </p:spPr>
          <p:txBody>
            <a:bodyPr wrap="square" lIns="0" tIns="0" rIns="0" bIns="0" rtlCol="0"/>
            <a:lstStyle/>
            <a:p>
              <a:endParaRPr sz="1539"/>
            </a:p>
          </p:txBody>
        </p:sp>
        <p:sp>
          <p:nvSpPr>
            <p:cNvPr id="227" name="object 227"/>
            <p:cNvSpPr/>
            <p:nvPr/>
          </p:nvSpPr>
          <p:spPr>
            <a:xfrm>
              <a:off x="5769864" y="3281172"/>
              <a:ext cx="91440" cy="1740535"/>
            </a:xfrm>
            <a:custGeom>
              <a:avLst/>
              <a:gdLst/>
              <a:ahLst/>
              <a:cxnLst/>
              <a:rect l="l" t="t" r="r" b="b"/>
              <a:pathLst>
                <a:path w="91439" h="1740535">
                  <a:moveTo>
                    <a:pt x="89915" y="0"/>
                  </a:moveTo>
                  <a:lnTo>
                    <a:pt x="1524" y="0"/>
                  </a:lnTo>
                  <a:lnTo>
                    <a:pt x="0" y="1524"/>
                  </a:lnTo>
                  <a:lnTo>
                    <a:pt x="0" y="1738883"/>
                  </a:lnTo>
                  <a:lnTo>
                    <a:pt x="1524" y="1740408"/>
                  </a:lnTo>
                  <a:lnTo>
                    <a:pt x="89915" y="1740408"/>
                  </a:lnTo>
                  <a:lnTo>
                    <a:pt x="91439" y="1738883"/>
                  </a:lnTo>
                  <a:lnTo>
                    <a:pt x="3048" y="1738883"/>
                  </a:lnTo>
                  <a:lnTo>
                    <a:pt x="1524" y="1737359"/>
                  </a:lnTo>
                  <a:lnTo>
                    <a:pt x="3048" y="1737359"/>
                  </a:lnTo>
                  <a:lnTo>
                    <a:pt x="3048" y="3048"/>
                  </a:lnTo>
                  <a:lnTo>
                    <a:pt x="1524" y="3048"/>
                  </a:lnTo>
                  <a:lnTo>
                    <a:pt x="3048" y="1524"/>
                  </a:lnTo>
                  <a:lnTo>
                    <a:pt x="91439" y="1524"/>
                  </a:lnTo>
                  <a:lnTo>
                    <a:pt x="89915" y="0"/>
                  </a:lnTo>
                  <a:close/>
                </a:path>
                <a:path w="91439" h="1740535">
                  <a:moveTo>
                    <a:pt x="3048" y="1737359"/>
                  </a:moveTo>
                  <a:lnTo>
                    <a:pt x="1524" y="1737359"/>
                  </a:lnTo>
                  <a:lnTo>
                    <a:pt x="3048" y="1738883"/>
                  </a:lnTo>
                  <a:lnTo>
                    <a:pt x="3048" y="1737359"/>
                  </a:lnTo>
                  <a:close/>
                </a:path>
                <a:path w="91439" h="1740535">
                  <a:moveTo>
                    <a:pt x="88391" y="1737359"/>
                  </a:moveTo>
                  <a:lnTo>
                    <a:pt x="3048" y="1737359"/>
                  </a:lnTo>
                  <a:lnTo>
                    <a:pt x="3048" y="1738883"/>
                  </a:lnTo>
                  <a:lnTo>
                    <a:pt x="88391" y="1738883"/>
                  </a:lnTo>
                  <a:lnTo>
                    <a:pt x="88391" y="1737359"/>
                  </a:lnTo>
                  <a:close/>
                </a:path>
                <a:path w="91439" h="1740535">
                  <a:moveTo>
                    <a:pt x="88391" y="1524"/>
                  </a:moveTo>
                  <a:lnTo>
                    <a:pt x="88391" y="1738883"/>
                  </a:lnTo>
                  <a:lnTo>
                    <a:pt x="89915" y="1737359"/>
                  </a:lnTo>
                  <a:lnTo>
                    <a:pt x="91439" y="1737359"/>
                  </a:lnTo>
                  <a:lnTo>
                    <a:pt x="91439" y="3048"/>
                  </a:lnTo>
                  <a:lnTo>
                    <a:pt x="89915" y="3048"/>
                  </a:lnTo>
                  <a:lnTo>
                    <a:pt x="88391" y="1524"/>
                  </a:lnTo>
                  <a:close/>
                </a:path>
                <a:path w="91439" h="1740535">
                  <a:moveTo>
                    <a:pt x="91439" y="1737359"/>
                  </a:moveTo>
                  <a:lnTo>
                    <a:pt x="89915" y="1737359"/>
                  </a:lnTo>
                  <a:lnTo>
                    <a:pt x="88391" y="1738883"/>
                  </a:lnTo>
                  <a:lnTo>
                    <a:pt x="91439" y="1738883"/>
                  </a:lnTo>
                  <a:lnTo>
                    <a:pt x="91439" y="1737359"/>
                  </a:lnTo>
                  <a:close/>
                </a:path>
                <a:path w="91439" h="1740535">
                  <a:moveTo>
                    <a:pt x="3048" y="1524"/>
                  </a:moveTo>
                  <a:lnTo>
                    <a:pt x="1524" y="3048"/>
                  </a:lnTo>
                  <a:lnTo>
                    <a:pt x="3048" y="3048"/>
                  </a:lnTo>
                  <a:lnTo>
                    <a:pt x="3048" y="1524"/>
                  </a:lnTo>
                  <a:close/>
                </a:path>
                <a:path w="91439" h="1740535">
                  <a:moveTo>
                    <a:pt x="88391" y="1524"/>
                  </a:moveTo>
                  <a:lnTo>
                    <a:pt x="3048" y="1524"/>
                  </a:lnTo>
                  <a:lnTo>
                    <a:pt x="3048" y="3048"/>
                  </a:lnTo>
                  <a:lnTo>
                    <a:pt x="88391" y="3048"/>
                  </a:lnTo>
                  <a:lnTo>
                    <a:pt x="88391" y="1524"/>
                  </a:lnTo>
                  <a:close/>
                </a:path>
                <a:path w="91439" h="1740535">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28" name="object 228"/>
            <p:cNvSpPr/>
            <p:nvPr/>
          </p:nvSpPr>
          <p:spPr>
            <a:xfrm>
              <a:off x="5992367" y="3517391"/>
              <a:ext cx="88900" cy="1586865"/>
            </a:xfrm>
            <a:custGeom>
              <a:avLst/>
              <a:gdLst/>
              <a:ahLst/>
              <a:cxnLst/>
              <a:rect l="l" t="t" r="r" b="b"/>
              <a:pathLst>
                <a:path w="88900" h="1586864">
                  <a:moveTo>
                    <a:pt x="88391" y="0"/>
                  </a:moveTo>
                  <a:lnTo>
                    <a:pt x="0" y="0"/>
                  </a:lnTo>
                  <a:lnTo>
                    <a:pt x="0" y="1586483"/>
                  </a:lnTo>
                  <a:lnTo>
                    <a:pt x="88391" y="1586483"/>
                  </a:lnTo>
                  <a:lnTo>
                    <a:pt x="88391" y="0"/>
                  </a:lnTo>
                  <a:close/>
                </a:path>
              </a:pathLst>
            </a:custGeom>
            <a:solidFill>
              <a:srgbClr val="FFFF99"/>
            </a:solidFill>
          </p:spPr>
          <p:txBody>
            <a:bodyPr wrap="square" lIns="0" tIns="0" rIns="0" bIns="0" rtlCol="0"/>
            <a:lstStyle/>
            <a:p>
              <a:endParaRPr sz="1539"/>
            </a:p>
          </p:txBody>
        </p:sp>
        <p:sp>
          <p:nvSpPr>
            <p:cNvPr id="229" name="object 229"/>
            <p:cNvSpPr/>
            <p:nvPr/>
          </p:nvSpPr>
          <p:spPr>
            <a:xfrm>
              <a:off x="5990843" y="3515868"/>
              <a:ext cx="91440" cy="1590040"/>
            </a:xfrm>
            <a:custGeom>
              <a:avLst/>
              <a:gdLst/>
              <a:ahLst/>
              <a:cxnLst/>
              <a:rect l="l" t="t" r="r" b="b"/>
              <a:pathLst>
                <a:path w="91439" h="1590039">
                  <a:moveTo>
                    <a:pt x="89915" y="0"/>
                  </a:moveTo>
                  <a:lnTo>
                    <a:pt x="1523" y="0"/>
                  </a:lnTo>
                  <a:lnTo>
                    <a:pt x="0" y="1524"/>
                  </a:lnTo>
                  <a:lnTo>
                    <a:pt x="0" y="1588008"/>
                  </a:lnTo>
                  <a:lnTo>
                    <a:pt x="1523" y="1589531"/>
                  </a:lnTo>
                  <a:lnTo>
                    <a:pt x="89915" y="1589531"/>
                  </a:lnTo>
                  <a:lnTo>
                    <a:pt x="91439" y="1588008"/>
                  </a:lnTo>
                  <a:lnTo>
                    <a:pt x="3047" y="1588008"/>
                  </a:lnTo>
                  <a:lnTo>
                    <a:pt x="1523" y="1586483"/>
                  </a:lnTo>
                  <a:lnTo>
                    <a:pt x="3047" y="1586483"/>
                  </a:lnTo>
                  <a:lnTo>
                    <a:pt x="3047" y="3047"/>
                  </a:lnTo>
                  <a:lnTo>
                    <a:pt x="1523" y="3047"/>
                  </a:lnTo>
                  <a:lnTo>
                    <a:pt x="3047" y="1524"/>
                  </a:lnTo>
                  <a:lnTo>
                    <a:pt x="91439" y="1524"/>
                  </a:lnTo>
                  <a:lnTo>
                    <a:pt x="89915" y="0"/>
                  </a:lnTo>
                  <a:close/>
                </a:path>
                <a:path w="91439" h="1590039">
                  <a:moveTo>
                    <a:pt x="3047" y="1586483"/>
                  </a:moveTo>
                  <a:lnTo>
                    <a:pt x="1523" y="1586483"/>
                  </a:lnTo>
                  <a:lnTo>
                    <a:pt x="3047" y="1588008"/>
                  </a:lnTo>
                  <a:lnTo>
                    <a:pt x="3047" y="1586483"/>
                  </a:lnTo>
                  <a:close/>
                </a:path>
                <a:path w="91439" h="1590039">
                  <a:moveTo>
                    <a:pt x="88391" y="1586483"/>
                  </a:moveTo>
                  <a:lnTo>
                    <a:pt x="3047" y="1586483"/>
                  </a:lnTo>
                  <a:lnTo>
                    <a:pt x="3047" y="1588008"/>
                  </a:lnTo>
                  <a:lnTo>
                    <a:pt x="88391" y="1588008"/>
                  </a:lnTo>
                  <a:lnTo>
                    <a:pt x="88391" y="1586483"/>
                  </a:lnTo>
                  <a:close/>
                </a:path>
                <a:path w="91439" h="1590039">
                  <a:moveTo>
                    <a:pt x="88391" y="1524"/>
                  </a:moveTo>
                  <a:lnTo>
                    <a:pt x="88391" y="1588008"/>
                  </a:lnTo>
                  <a:lnTo>
                    <a:pt x="89915" y="1586483"/>
                  </a:lnTo>
                  <a:lnTo>
                    <a:pt x="91439" y="1586484"/>
                  </a:lnTo>
                  <a:lnTo>
                    <a:pt x="91439" y="3047"/>
                  </a:lnTo>
                  <a:lnTo>
                    <a:pt x="89915" y="3047"/>
                  </a:lnTo>
                  <a:lnTo>
                    <a:pt x="88391" y="1524"/>
                  </a:lnTo>
                  <a:close/>
                </a:path>
                <a:path w="91439" h="1590039">
                  <a:moveTo>
                    <a:pt x="91439" y="1586484"/>
                  </a:moveTo>
                  <a:lnTo>
                    <a:pt x="89915" y="1586483"/>
                  </a:lnTo>
                  <a:lnTo>
                    <a:pt x="88391" y="1588008"/>
                  </a:lnTo>
                  <a:lnTo>
                    <a:pt x="91439" y="1588008"/>
                  </a:lnTo>
                  <a:lnTo>
                    <a:pt x="91439" y="1586484"/>
                  </a:lnTo>
                  <a:close/>
                </a:path>
                <a:path w="91439" h="1590039">
                  <a:moveTo>
                    <a:pt x="3047" y="1524"/>
                  </a:moveTo>
                  <a:lnTo>
                    <a:pt x="1523" y="3047"/>
                  </a:lnTo>
                  <a:lnTo>
                    <a:pt x="3047" y="3047"/>
                  </a:lnTo>
                  <a:lnTo>
                    <a:pt x="3047" y="1524"/>
                  </a:lnTo>
                  <a:close/>
                </a:path>
                <a:path w="91439" h="1590039">
                  <a:moveTo>
                    <a:pt x="88391" y="1524"/>
                  </a:moveTo>
                  <a:lnTo>
                    <a:pt x="3047" y="1524"/>
                  </a:lnTo>
                  <a:lnTo>
                    <a:pt x="3047" y="3047"/>
                  </a:lnTo>
                  <a:lnTo>
                    <a:pt x="88391" y="3047"/>
                  </a:lnTo>
                  <a:lnTo>
                    <a:pt x="88391" y="1524"/>
                  </a:lnTo>
                  <a:close/>
                </a:path>
                <a:path w="91439" h="1590039">
                  <a:moveTo>
                    <a:pt x="91439" y="1524"/>
                  </a:moveTo>
                  <a:lnTo>
                    <a:pt x="88391" y="1524"/>
                  </a:lnTo>
                  <a:lnTo>
                    <a:pt x="89915" y="3047"/>
                  </a:lnTo>
                  <a:lnTo>
                    <a:pt x="91439" y="3047"/>
                  </a:lnTo>
                  <a:lnTo>
                    <a:pt x="91439" y="1524"/>
                  </a:lnTo>
                  <a:close/>
                </a:path>
              </a:pathLst>
            </a:custGeom>
            <a:solidFill>
              <a:srgbClr val="000000"/>
            </a:solidFill>
          </p:spPr>
          <p:txBody>
            <a:bodyPr wrap="square" lIns="0" tIns="0" rIns="0" bIns="0" rtlCol="0"/>
            <a:lstStyle/>
            <a:p>
              <a:endParaRPr sz="1539"/>
            </a:p>
          </p:txBody>
        </p:sp>
        <p:sp>
          <p:nvSpPr>
            <p:cNvPr id="230" name="object 230"/>
            <p:cNvSpPr/>
            <p:nvPr/>
          </p:nvSpPr>
          <p:spPr>
            <a:xfrm>
              <a:off x="6213348" y="3730751"/>
              <a:ext cx="88900" cy="1483360"/>
            </a:xfrm>
            <a:custGeom>
              <a:avLst/>
              <a:gdLst/>
              <a:ahLst/>
              <a:cxnLst/>
              <a:rect l="l" t="t" r="r" b="b"/>
              <a:pathLst>
                <a:path w="88900" h="1483360">
                  <a:moveTo>
                    <a:pt x="88391" y="0"/>
                  </a:moveTo>
                  <a:lnTo>
                    <a:pt x="0" y="0"/>
                  </a:lnTo>
                  <a:lnTo>
                    <a:pt x="0" y="1482852"/>
                  </a:lnTo>
                  <a:lnTo>
                    <a:pt x="88391" y="1482852"/>
                  </a:lnTo>
                  <a:lnTo>
                    <a:pt x="88391" y="0"/>
                  </a:lnTo>
                  <a:close/>
                </a:path>
              </a:pathLst>
            </a:custGeom>
            <a:solidFill>
              <a:srgbClr val="FFFF99"/>
            </a:solidFill>
          </p:spPr>
          <p:txBody>
            <a:bodyPr wrap="square" lIns="0" tIns="0" rIns="0" bIns="0" rtlCol="0"/>
            <a:lstStyle/>
            <a:p>
              <a:endParaRPr sz="1539"/>
            </a:p>
          </p:txBody>
        </p:sp>
        <p:sp>
          <p:nvSpPr>
            <p:cNvPr id="231" name="object 231"/>
            <p:cNvSpPr/>
            <p:nvPr/>
          </p:nvSpPr>
          <p:spPr>
            <a:xfrm>
              <a:off x="6211823" y="3729227"/>
              <a:ext cx="91440" cy="1485900"/>
            </a:xfrm>
            <a:custGeom>
              <a:avLst/>
              <a:gdLst/>
              <a:ahLst/>
              <a:cxnLst/>
              <a:rect l="l" t="t" r="r" b="b"/>
              <a:pathLst>
                <a:path w="91439" h="1485900">
                  <a:moveTo>
                    <a:pt x="89915" y="0"/>
                  </a:moveTo>
                  <a:lnTo>
                    <a:pt x="1524" y="0"/>
                  </a:lnTo>
                  <a:lnTo>
                    <a:pt x="0" y="1524"/>
                  </a:lnTo>
                  <a:lnTo>
                    <a:pt x="0" y="1484376"/>
                  </a:lnTo>
                  <a:lnTo>
                    <a:pt x="1524" y="1485900"/>
                  </a:lnTo>
                  <a:lnTo>
                    <a:pt x="89915" y="1485900"/>
                  </a:lnTo>
                  <a:lnTo>
                    <a:pt x="91439" y="1484376"/>
                  </a:lnTo>
                  <a:lnTo>
                    <a:pt x="3048" y="1484376"/>
                  </a:lnTo>
                  <a:lnTo>
                    <a:pt x="1524" y="1482852"/>
                  </a:lnTo>
                  <a:lnTo>
                    <a:pt x="3048" y="1482852"/>
                  </a:lnTo>
                  <a:lnTo>
                    <a:pt x="3048" y="3048"/>
                  </a:lnTo>
                  <a:lnTo>
                    <a:pt x="1524" y="3048"/>
                  </a:lnTo>
                  <a:lnTo>
                    <a:pt x="3048" y="1524"/>
                  </a:lnTo>
                  <a:lnTo>
                    <a:pt x="91439" y="1524"/>
                  </a:lnTo>
                  <a:lnTo>
                    <a:pt x="89915" y="0"/>
                  </a:lnTo>
                  <a:close/>
                </a:path>
                <a:path w="91439" h="1485900">
                  <a:moveTo>
                    <a:pt x="3048" y="1482852"/>
                  </a:moveTo>
                  <a:lnTo>
                    <a:pt x="1524" y="1482852"/>
                  </a:lnTo>
                  <a:lnTo>
                    <a:pt x="3048" y="1484376"/>
                  </a:lnTo>
                  <a:lnTo>
                    <a:pt x="3048" y="1482852"/>
                  </a:lnTo>
                  <a:close/>
                </a:path>
                <a:path w="91439" h="1485900">
                  <a:moveTo>
                    <a:pt x="88391" y="1482852"/>
                  </a:moveTo>
                  <a:lnTo>
                    <a:pt x="3048" y="1482852"/>
                  </a:lnTo>
                  <a:lnTo>
                    <a:pt x="3048" y="1484376"/>
                  </a:lnTo>
                  <a:lnTo>
                    <a:pt x="88391" y="1484376"/>
                  </a:lnTo>
                  <a:lnTo>
                    <a:pt x="88391" y="1482852"/>
                  </a:lnTo>
                  <a:close/>
                </a:path>
                <a:path w="91439" h="1485900">
                  <a:moveTo>
                    <a:pt x="88391" y="1524"/>
                  </a:moveTo>
                  <a:lnTo>
                    <a:pt x="88391" y="1484376"/>
                  </a:lnTo>
                  <a:lnTo>
                    <a:pt x="89915" y="1482852"/>
                  </a:lnTo>
                  <a:lnTo>
                    <a:pt x="91439" y="1482852"/>
                  </a:lnTo>
                  <a:lnTo>
                    <a:pt x="91439" y="3048"/>
                  </a:lnTo>
                  <a:lnTo>
                    <a:pt x="89915" y="3048"/>
                  </a:lnTo>
                  <a:lnTo>
                    <a:pt x="88391" y="1524"/>
                  </a:lnTo>
                  <a:close/>
                </a:path>
                <a:path w="91439" h="1485900">
                  <a:moveTo>
                    <a:pt x="91439" y="1482852"/>
                  </a:moveTo>
                  <a:lnTo>
                    <a:pt x="89915" y="1482852"/>
                  </a:lnTo>
                  <a:lnTo>
                    <a:pt x="88391" y="1484376"/>
                  </a:lnTo>
                  <a:lnTo>
                    <a:pt x="91439" y="1484376"/>
                  </a:lnTo>
                  <a:lnTo>
                    <a:pt x="91439" y="1482852"/>
                  </a:lnTo>
                  <a:close/>
                </a:path>
                <a:path w="91439" h="1485900">
                  <a:moveTo>
                    <a:pt x="3048" y="1524"/>
                  </a:moveTo>
                  <a:lnTo>
                    <a:pt x="1524" y="3048"/>
                  </a:lnTo>
                  <a:lnTo>
                    <a:pt x="3048" y="3048"/>
                  </a:lnTo>
                  <a:lnTo>
                    <a:pt x="3048" y="1524"/>
                  </a:lnTo>
                  <a:close/>
                </a:path>
                <a:path w="91439" h="1485900">
                  <a:moveTo>
                    <a:pt x="88391" y="1524"/>
                  </a:moveTo>
                  <a:lnTo>
                    <a:pt x="3048" y="1524"/>
                  </a:lnTo>
                  <a:lnTo>
                    <a:pt x="3048" y="3048"/>
                  </a:lnTo>
                  <a:lnTo>
                    <a:pt x="88391" y="3048"/>
                  </a:lnTo>
                  <a:lnTo>
                    <a:pt x="88391" y="1524"/>
                  </a:lnTo>
                  <a:close/>
                </a:path>
                <a:path w="91439" h="1485900">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32" name="object 232"/>
            <p:cNvSpPr/>
            <p:nvPr/>
          </p:nvSpPr>
          <p:spPr>
            <a:xfrm>
              <a:off x="6434328" y="3881627"/>
              <a:ext cx="88900" cy="1450975"/>
            </a:xfrm>
            <a:custGeom>
              <a:avLst/>
              <a:gdLst/>
              <a:ahLst/>
              <a:cxnLst/>
              <a:rect l="l" t="t" r="r" b="b"/>
              <a:pathLst>
                <a:path w="88900" h="1450975">
                  <a:moveTo>
                    <a:pt x="88392" y="0"/>
                  </a:moveTo>
                  <a:lnTo>
                    <a:pt x="0" y="0"/>
                  </a:lnTo>
                  <a:lnTo>
                    <a:pt x="0" y="1450847"/>
                  </a:lnTo>
                  <a:lnTo>
                    <a:pt x="88392" y="1450847"/>
                  </a:lnTo>
                  <a:lnTo>
                    <a:pt x="88392" y="0"/>
                  </a:lnTo>
                  <a:close/>
                </a:path>
              </a:pathLst>
            </a:custGeom>
            <a:solidFill>
              <a:srgbClr val="FFFF99"/>
            </a:solidFill>
          </p:spPr>
          <p:txBody>
            <a:bodyPr wrap="square" lIns="0" tIns="0" rIns="0" bIns="0" rtlCol="0"/>
            <a:lstStyle/>
            <a:p>
              <a:endParaRPr sz="1539"/>
            </a:p>
          </p:txBody>
        </p:sp>
        <p:sp>
          <p:nvSpPr>
            <p:cNvPr id="233" name="object 233"/>
            <p:cNvSpPr/>
            <p:nvPr/>
          </p:nvSpPr>
          <p:spPr>
            <a:xfrm>
              <a:off x="6432804" y="3880104"/>
              <a:ext cx="91440" cy="1454150"/>
            </a:xfrm>
            <a:custGeom>
              <a:avLst/>
              <a:gdLst/>
              <a:ahLst/>
              <a:cxnLst/>
              <a:rect l="l" t="t" r="r" b="b"/>
              <a:pathLst>
                <a:path w="91440" h="1454150">
                  <a:moveTo>
                    <a:pt x="89916" y="0"/>
                  </a:moveTo>
                  <a:lnTo>
                    <a:pt x="1524" y="0"/>
                  </a:lnTo>
                  <a:lnTo>
                    <a:pt x="0" y="1523"/>
                  </a:lnTo>
                  <a:lnTo>
                    <a:pt x="0" y="1452371"/>
                  </a:lnTo>
                  <a:lnTo>
                    <a:pt x="1524" y="1453895"/>
                  </a:lnTo>
                  <a:lnTo>
                    <a:pt x="89916" y="1453895"/>
                  </a:lnTo>
                  <a:lnTo>
                    <a:pt x="91440" y="1452371"/>
                  </a:lnTo>
                  <a:lnTo>
                    <a:pt x="3048" y="1452371"/>
                  </a:lnTo>
                  <a:lnTo>
                    <a:pt x="1524" y="1450847"/>
                  </a:lnTo>
                  <a:lnTo>
                    <a:pt x="3048" y="1450847"/>
                  </a:lnTo>
                  <a:lnTo>
                    <a:pt x="3048" y="3047"/>
                  </a:lnTo>
                  <a:lnTo>
                    <a:pt x="1524" y="3047"/>
                  </a:lnTo>
                  <a:lnTo>
                    <a:pt x="3048" y="1523"/>
                  </a:lnTo>
                  <a:lnTo>
                    <a:pt x="91440" y="1523"/>
                  </a:lnTo>
                  <a:lnTo>
                    <a:pt x="89916" y="0"/>
                  </a:lnTo>
                  <a:close/>
                </a:path>
                <a:path w="91440" h="1454150">
                  <a:moveTo>
                    <a:pt x="3048" y="1450847"/>
                  </a:moveTo>
                  <a:lnTo>
                    <a:pt x="1524" y="1450847"/>
                  </a:lnTo>
                  <a:lnTo>
                    <a:pt x="3048" y="1452371"/>
                  </a:lnTo>
                  <a:lnTo>
                    <a:pt x="3048" y="1450847"/>
                  </a:lnTo>
                  <a:close/>
                </a:path>
                <a:path w="91440" h="1454150">
                  <a:moveTo>
                    <a:pt x="88392" y="1450847"/>
                  </a:moveTo>
                  <a:lnTo>
                    <a:pt x="3048" y="1450847"/>
                  </a:lnTo>
                  <a:lnTo>
                    <a:pt x="3048" y="1452371"/>
                  </a:lnTo>
                  <a:lnTo>
                    <a:pt x="88392" y="1452371"/>
                  </a:lnTo>
                  <a:lnTo>
                    <a:pt x="88392" y="1450847"/>
                  </a:lnTo>
                  <a:close/>
                </a:path>
                <a:path w="91440" h="1454150">
                  <a:moveTo>
                    <a:pt x="88392" y="1523"/>
                  </a:moveTo>
                  <a:lnTo>
                    <a:pt x="88392" y="1452371"/>
                  </a:lnTo>
                  <a:lnTo>
                    <a:pt x="89916" y="1450847"/>
                  </a:lnTo>
                  <a:lnTo>
                    <a:pt x="91440" y="1450847"/>
                  </a:lnTo>
                  <a:lnTo>
                    <a:pt x="91440" y="3047"/>
                  </a:lnTo>
                  <a:lnTo>
                    <a:pt x="89916" y="3047"/>
                  </a:lnTo>
                  <a:lnTo>
                    <a:pt x="88392" y="1523"/>
                  </a:lnTo>
                  <a:close/>
                </a:path>
                <a:path w="91440" h="1454150">
                  <a:moveTo>
                    <a:pt x="91440" y="1450847"/>
                  </a:moveTo>
                  <a:lnTo>
                    <a:pt x="89916" y="1450847"/>
                  </a:lnTo>
                  <a:lnTo>
                    <a:pt x="88392" y="1452371"/>
                  </a:lnTo>
                  <a:lnTo>
                    <a:pt x="91440" y="1452371"/>
                  </a:lnTo>
                  <a:lnTo>
                    <a:pt x="91440" y="1450847"/>
                  </a:lnTo>
                  <a:close/>
                </a:path>
                <a:path w="91440" h="1454150">
                  <a:moveTo>
                    <a:pt x="3048" y="1523"/>
                  </a:moveTo>
                  <a:lnTo>
                    <a:pt x="1524" y="3047"/>
                  </a:lnTo>
                  <a:lnTo>
                    <a:pt x="3048" y="3047"/>
                  </a:lnTo>
                  <a:lnTo>
                    <a:pt x="3048" y="1523"/>
                  </a:lnTo>
                  <a:close/>
                </a:path>
                <a:path w="91440" h="1454150">
                  <a:moveTo>
                    <a:pt x="88392" y="1523"/>
                  </a:moveTo>
                  <a:lnTo>
                    <a:pt x="3048" y="1523"/>
                  </a:lnTo>
                  <a:lnTo>
                    <a:pt x="3048" y="3047"/>
                  </a:lnTo>
                  <a:lnTo>
                    <a:pt x="88392" y="3047"/>
                  </a:lnTo>
                  <a:lnTo>
                    <a:pt x="88392" y="1523"/>
                  </a:lnTo>
                  <a:close/>
                </a:path>
                <a:path w="91440" h="1454150">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234" name="object 234"/>
            <p:cNvSpPr/>
            <p:nvPr/>
          </p:nvSpPr>
          <p:spPr>
            <a:xfrm>
              <a:off x="6655307" y="3922776"/>
              <a:ext cx="88900" cy="1534795"/>
            </a:xfrm>
            <a:custGeom>
              <a:avLst/>
              <a:gdLst/>
              <a:ahLst/>
              <a:cxnLst/>
              <a:rect l="l" t="t" r="r" b="b"/>
              <a:pathLst>
                <a:path w="88900" h="1534795">
                  <a:moveTo>
                    <a:pt x="88392" y="0"/>
                  </a:moveTo>
                  <a:lnTo>
                    <a:pt x="0" y="0"/>
                  </a:lnTo>
                  <a:lnTo>
                    <a:pt x="0" y="1534668"/>
                  </a:lnTo>
                  <a:lnTo>
                    <a:pt x="88392" y="1534668"/>
                  </a:lnTo>
                  <a:lnTo>
                    <a:pt x="88392" y="0"/>
                  </a:lnTo>
                  <a:close/>
                </a:path>
              </a:pathLst>
            </a:custGeom>
            <a:solidFill>
              <a:srgbClr val="FFFF99"/>
            </a:solidFill>
          </p:spPr>
          <p:txBody>
            <a:bodyPr wrap="square" lIns="0" tIns="0" rIns="0" bIns="0" rtlCol="0"/>
            <a:lstStyle/>
            <a:p>
              <a:endParaRPr sz="1539"/>
            </a:p>
          </p:txBody>
        </p:sp>
        <p:sp>
          <p:nvSpPr>
            <p:cNvPr id="235" name="object 235"/>
            <p:cNvSpPr/>
            <p:nvPr/>
          </p:nvSpPr>
          <p:spPr>
            <a:xfrm>
              <a:off x="6653783" y="3921251"/>
              <a:ext cx="91440" cy="1537970"/>
            </a:xfrm>
            <a:custGeom>
              <a:avLst/>
              <a:gdLst/>
              <a:ahLst/>
              <a:cxnLst/>
              <a:rect l="l" t="t" r="r" b="b"/>
              <a:pathLst>
                <a:path w="91440" h="1537970">
                  <a:moveTo>
                    <a:pt x="89916" y="0"/>
                  </a:moveTo>
                  <a:lnTo>
                    <a:pt x="1524" y="0"/>
                  </a:lnTo>
                  <a:lnTo>
                    <a:pt x="0" y="1524"/>
                  </a:lnTo>
                  <a:lnTo>
                    <a:pt x="0" y="1536192"/>
                  </a:lnTo>
                  <a:lnTo>
                    <a:pt x="1524" y="1537716"/>
                  </a:lnTo>
                  <a:lnTo>
                    <a:pt x="89916" y="1537716"/>
                  </a:lnTo>
                  <a:lnTo>
                    <a:pt x="91440" y="1536192"/>
                  </a:lnTo>
                  <a:lnTo>
                    <a:pt x="3048" y="1536192"/>
                  </a:lnTo>
                  <a:lnTo>
                    <a:pt x="1524" y="1534668"/>
                  </a:lnTo>
                  <a:lnTo>
                    <a:pt x="3048" y="1534668"/>
                  </a:lnTo>
                  <a:lnTo>
                    <a:pt x="3048" y="3048"/>
                  </a:lnTo>
                  <a:lnTo>
                    <a:pt x="1524" y="3048"/>
                  </a:lnTo>
                  <a:lnTo>
                    <a:pt x="3048" y="1524"/>
                  </a:lnTo>
                  <a:lnTo>
                    <a:pt x="91440" y="1524"/>
                  </a:lnTo>
                  <a:lnTo>
                    <a:pt x="89916" y="0"/>
                  </a:lnTo>
                  <a:close/>
                </a:path>
                <a:path w="91440" h="1537970">
                  <a:moveTo>
                    <a:pt x="3048" y="1534668"/>
                  </a:moveTo>
                  <a:lnTo>
                    <a:pt x="1524" y="1534668"/>
                  </a:lnTo>
                  <a:lnTo>
                    <a:pt x="3048" y="1536192"/>
                  </a:lnTo>
                  <a:lnTo>
                    <a:pt x="3048" y="1534668"/>
                  </a:lnTo>
                  <a:close/>
                </a:path>
                <a:path w="91440" h="1537970">
                  <a:moveTo>
                    <a:pt x="88392" y="1534668"/>
                  </a:moveTo>
                  <a:lnTo>
                    <a:pt x="3048" y="1534668"/>
                  </a:lnTo>
                  <a:lnTo>
                    <a:pt x="3048" y="1536192"/>
                  </a:lnTo>
                  <a:lnTo>
                    <a:pt x="88392" y="1536192"/>
                  </a:lnTo>
                  <a:lnTo>
                    <a:pt x="88392" y="1534668"/>
                  </a:lnTo>
                  <a:close/>
                </a:path>
                <a:path w="91440" h="1537970">
                  <a:moveTo>
                    <a:pt x="88392" y="1524"/>
                  </a:moveTo>
                  <a:lnTo>
                    <a:pt x="88392" y="1536192"/>
                  </a:lnTo>
                  <a:lnTo>
                    <a:pt x="89916" y="1534668"/>
                  </a:lnTo>
                  <a:lnTo>
                    <a:pt x="91440" y="1534668"/>
                  </a:lnTo>
                  <a:lnTo>
                    <a:pt x="91440" y="3048"/>
                  </a:lnTo>
                  <a:lnTo>
                    <a:pt x="89916" y="3048"/>
                  </a:lnTo>
                  <a:lnTo>
                    <a:pt x="88392" y="1524"/>
                  </a:lnTo>
                  <a:close/>
                </a:path>
                <a:path w="91440" h="1537970">
                  <a:moveTo>
                    <a:pt x="91440" y="1534668"/>
                  </a:moveTo>
                  <a:lnTo>
                    <a:pt x="89916" y="1534668"/>
                  </a:lnTo>
                  <a:lnTo>
                    <a:pt x="88392" y="1536192"/>
                  </a:lnTo>
                  <a:lnTo>
                    <a:pt x="91440" y="1536192"/>
                  </a:lnTo>
                  <a:lnTo>
                    <a:pt x="91440" y="1534668"/>
                  </a:lnTo>
                  <a:close/>
                </a:path>
                <a:path w="91440" h="1537970">
                  <a:moveTo>
                    <a:pt x="3048" y="1524"/>
                  </a:moveTo>
                  <a:lnTo>
                    <a:pt x="1524" y="3048"/>
                  </a:lnTo>
                  <a:lnTo>
                    <a:pt x="3048" y="3048"/>
                  </a:lnTo>
                  <a:lnTo>
                    <a:pt x="3048" y="1524"/>
                  </a:lnTo>
                  <a:close/>
                </a:path>
                <a:path w="91440" h="1537970">
                  <a:moveTo>
                    <a:pt x="88392" y="1524"/>
                  </a:moveTo>
                  <a:lnTo>
                    <a:pt x="3048" y="1524"/>
                  </a:lnTo>
                  <a:lnTo>
                    <a:pt x="3048" y="3048"/>
                  </a:lnTo>
                  <a:lnTo>
                    <a:pt x="88392" y="3048"/>
                  </a:lnTo>
                  <a:lnTo>
                    <a:pt x="88392" y="1524"/>
                  </a:lnTo>
                  <a:close/>
                </a:path>
                <a:path w="91440" h="153797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36" name="object 236"/>
            <p:cNvSpPr/>
            <p:nvPr/>
          </p:nvSpPr>
          <p:spPr>
            <a:xfrm>
              <a:off x="6876287" y="3983736"/>
              <a:ext cx="88900" cy="1564005"/>
            </a:xfrm>
            <a:custGeom>
              <a:avLst/>
              <a:gdLst/>
              <a:ahLst/>
              <a:cxnLst/>
              <a:rect l="l" t="t" r="r" b="b"/>
              <a:pathLst>
                <a:path w="88900" h="1564004">
                  <a:moveTo>
                    <a:pt x="88392" y="0"/>
                  </a:moveTo>
                  <a:lnTo>
                    <a:pt x="0" y="0"/>
                  </a:lnTo>
                  <a:lnTo>
                    <a:pt x="0" y="1563624"/>
                  </a:lnTo>
                  <a:lnTo>
                    <a:pt x="88392" y="1563624"/>
                  </a:lnTo>
                  <a:lnTo>
                    <a:pt x="88392" y="0"/>
                  </a:lnTo>
                  <a:close/>
                </a:path>
              </a:pathLst>
            </a:custGeom>
            <a:solidFill>
              <a:srgbClr val="FFFF99"/>
            </a:solidFill>
          </p:spPr>
          <p:txBody>
            <a:bodyPr wrap="square" lIns="0" tIns="0" rIns="0" bIns="0" rtlCol="0"/>
            <a:lstStyle/>
            <a:p>
              <a:endParaRPr sz="1539"/>
            </a:p>
          </p:txBody>
        </p:sp>
        <p:sp>
          <p:nvSpPr>
            <p:cNvPr id="237" name="object 237"/>
            <p:cNvSpPr/>
            <p:nvPr/>
          </p:nvSpPr>
          <p:spPr>
            <a:xfrm>
              <a:off x="6874764" y="3982211"/>
              <a:ext cx="91440" cy="1567180"/>
            </a:xfrm>
            <a:custGeom>
              <a:avLst/>
              <a:gdLst/>
              <a:ahLst/>
              <a:cxnLst/>
              <a:rect l="l" t="t" r="r" b="b"/>
              <a:pathLst>
                <a:path w="91440" h="1567179">
                  <a:moveTo>
                    <a:pt x="89915" y="0"/>
                  </a:moveTo>
                  <a:lnTo>
                    <a:pt x="1524" y="0"/>
                  </a:lnTo>
                  <a:lnTo>
                    <a:pt x="0" y="1524"/>
                  </a:lnTo>
                  <a:lnTo>
                    <a:pt x="0" y="1565148"/>
                  </a:lnTo>
                  <a:lnTo>
                    <a:pt x="1524" y="1566672"/>
                  </a:lnTo>
                  <a:lnTo>
                    <a:pt x="89915" y="1566672"/>
                  </a:lnTo>
                  <a:lnTo>
                    <a:pt x="91439" y="1565148"/>
                  </a:lnTo>
                  <a:lnTo>
                    <a:pt x="3047" y="1565148"/>
                  </a:lnTo>
                  <a:lnTo>
                    <a:pt x="1524" y="1563624"/>
                  </a:lnTo>
                  <a:lnTo>
                    <a:pt x="3047" y="1563624"/>
                  </a:lnTo>
                  <a:lnTo>
                    <a:pt x="3047" y="3048"/>
                  </a:lnTo>
                  <a:lnTo>
                    <a:pt x="1524" y="3048"/>
                  </a:lnTo>
                  <a:lnTo>
                    <a:pt x="3047" y="1524"/>
                  </a:lnTo>
                  <a:lnTo>
                    <a:pt x="91439" y="1524"/>
                  </a:lnTo>
                  <a:lnTo>
                    <a:pt x="89915" y="0"/>
                  </a:lnTo>
                  <a:close/>
                </a:path>
                <a:path w="91440" h="1567179">
                  <a:moveTo>
                    <a:pt x="3047" y="1563624"/>
                  </a:moveTo>
                  <a:lnTo>
                    <a:pt x="1524" y="1563624"/>
                  </a:lnTo>
                  <a:lnTo>
                    <a:pt x="3047" y="1565148"/>
                  </a:lnTo>
                  <a:lnTo>
                    <a:pt x="3047" y="1563624"/>
                  </a:lnTo>
                  <a:close/>
                </a:path>
                <a:path w="91440" h="1567179">
                  <a:moveTo>
                    <a:pt x="88391" y="1563624"/>
                  </a:moveTo>
                  <a:lnTo>
                    <a:pt x="3047" y="1563624"/>
                  </a:lnTo>
                  <a:lnTo>
                    <a:pt x="3047" y="1565148"/>
                  </a:lnTo>
                  <a:lnTo>
                    <a:pt x="88391" y="1565148"/>
                  </a:lnTo>
                  <a:lnTo>
                    <a:pt x="88391" y="1563624"/>
                  </a:lnTo>
                  <a:close/>
                </a:path>
                <a:path w="91440" h="1567179">
                  <a:moveTo>
                    <a:pt x="88391" y="1524"/>
                  </a:moveTo>
                  <a:lnTo>
                    <a:pt x="88391" y="1565148"/>
                  </a:lnTo>
                  <a:lnTo>
                    <a:pt x="89915" y="1563624"/>
                  </a:lnTo>
                  <a:lnTo>
                    <a:pt x="91439" y="1563624"/>
                  </a:lnTo>
                  <a:lnTo>
                    <a:pt x="91439" y="3048"/>
                  </a:lnTo>
                  <a:lnTo>
                    <a:pt x="89915" y="3048"/>
                  </a:lnTo>
                  <a:lnTo>
                    <a:pt x="88391" y="1524"/>
                  </a:lnTo>
                  <a:close/>
                </a:path>
                <a:path w="91440" h="1567179">
                  <a:moveTo>
                    <a:pt x="91439" y="1563624"/>
                  </a:moveTo>
                  <a:lnTo>
                    <a:pt x="89915" y="1563624"/>
                  </a:lnTo>
                  <a:lnTo>
                    <a:pt x="88391" y="1565148"/>
                  </a:lnTo>
                  <a:lnTo>
                    <a:pt x="91439" y="1565148"/>
                  </a:lnTo>
                  <a:lnTo>
                    <a:pt x="91439" y="1563624"/>
                  </a:lnTo>
                  <a:close/>
                </a:path>
                <a:path w="91440" h="1567179">
                  <a:moveTo>
                    <a:pt x="3047" y="1524"/>
                  </a:moveTo>
                  <a:lnTo>
                    <a:pt x="1524" y="3048"/>
                  </a:lnTo>
                  <a:lnTo>
                    <a:pt x="3047" y="3048"/>
                  </a:lnTo>
                  <a:lnTo>
                    <a:pt x="3047" y="1524"/>
                  </a:lnTo>
                  <a:close/>
                </a:path>
                <a:path w="91440" h="1567179">
                  <a:moveTo>
                    <a:pt x="88391" y="1524"/>
                  </a:moveTo>
                  <a:lnTo>
                    <a:pt x="3047" y="1524"/>
                  </a:lnTo>
                  <a:lnTo>
                    <a:pt x="3047" y="3048"/>
                  </a:lnTo>
                  <a:lnTo>
                    <a:pt x="88391" y="3048"/>
                  </a:lnTo>
                  <a:lnTo>
                    <a:pt x="88391" y="1524"/>
                  </a:lnTo>
                  <a:close/>
                </a:path>
                <a:path w="91440" h="1567179">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38" name="object 238"/>
            <p:cNvSpPr/>
            <p:nvPr/>
          </p:nvSpPr>
          <p:spPr>
            <a:xfrm>
              <a:off x="7097268" y="3994404"/>
              <a:ext cx="88900" cy="1609725"/>
            </a:xfrm>
            <a:custGeom>
              <a:avLst/>
              <a:gdLst/>
              <a:ahLst/>
              <a:cxnLst/>
              <a:rect l="l" t="t" r="r" b="b"/>
              <a:pathLst>
                <a:path w="88900" h="1609725">
                  <a:moveTo>
                    <a:pt x="88392" y="0"/>
                  </a:moveTo>
                  <a:lnTo>
                    <a:pt x="0" y="0"/>
                  </a:lnTo>
                  <a:lnTo>
                    <a:pt x="0" y="1609343"/>
                  </a:lnTo>
                  <a:lnTo>
                    <a:pt x="88392" y="1609343"/>
                  </a:lnTo>
                  <a:lnTo>
                    <a:pt x="88392" y="0"/>
                  </a:lnTo>
                  <a:close/>
                </a:path>
              </a:pathLst>
            </a:custGeom>
            <a:solidFill>
              <a:srgbClr val="FFFF99"/>
            </a:solidFill>
          </p:spPr>
          <p:txBody>
            <a:bodyPr wrap="square" lIns="0" tIns="0" rIns="0" bIns="0" rtlCol="0"/>
            <a:lstStyle/>
            <a:p>
              <a:endParaRPr sz="1539"/>
            </a:p>
          </p:txBody>
        </p:sp>
        <p:sp>
          <p:nvSpPr>
            <p:cNvPr id="239" name="object 239"/>
            <p:cNvSpPr/>
            <p:nvPr/>
          </p:nvSpPr>
          <p:spPr>
            <a:xfrm>
              <a:off x="7095744" y="3992879"/>
              <a:ext cx="91440" cy="1612900"/>
            </a:xfrm>
            <a:custGeom>
              <a:avLst/>
              <a:gdLst/>
              <a:ahLst/>
              <a:cxnLst/>
              <a:rect l="l" t="t" r="r" b="b"/>
              <a:pathLst>
                <a:path w="91440" h="1612900">
                  <a:moveTo>
                    <a:pt x="89915" y="0"/>
                  </a:moveTo>
                  <a:lnTo>
                    <a:pt x="1524" y="0"/>
                  </a:lnTo>
                  <a:lnTo>
                    <a:pt x="0" y="1524"/>
                  </a:lnTo>
                  <a:lnTo>
                    <a:pt x="0" y="1610867"/>
                  </a:lnTo>
                  <a:lnTo>
                    <a:pt x="1524" y="1612391"/>
                  </a:lnTo>
                  <a:lnTo>
                    <a:pt x="89915" y="1612391"/>
                  </a:lnTo>
                  <a:lnTo>
                    <a:pt x="91439" y="1610867"/>
                  </a:lnTo>
                  <a:lnTo>
                    <a:pt x="3048" y="1610867"/>
                  </a:lnTo>
                  <a:lnTo>
                    <a:pt x="1524" y="1609343"/>
                  </a:lnTo>
                  <a:lnTo>
                    <a:pt x="3048" y="1609343"/>
                  </a:lnTo>
                  <a:lnTo>
                    <a:pt x="3048" y="3047"/>
                  </a:lnTo>
                  <a:lnTo>
                    <a:pt x="1524" y="3047"/>
                  </a:lnTo>
                  <a:lnTo>
                    <a:pt x="3048" y="1524"/>
                  </a:lnTo>
                  <a:lnTo>
                    <a:pt x="91439" y="1524"/>
                  </a:lnTo>
                  <a:lnTo>
                    <a:pt x="89915" y="0"/>
                  </a:lnTo>
                  <a:close/>
                </a:path>
                <a:path w="91440" h="1612900">
                  <a:moveTo>
                    <a:pt x="3048" y="1609343"/>
                  </a:moveTo>
                  <a:lnTo>
                    <a:pt x="1524" y="1609343"/>
                  </a:lnTo>
                  <a:lnTo>
                    <a:pt x="3048" y="1610867"/>
                  </a:lnTo>
                  <a:lnTo>
                    <a:pt x="3048" y="1609343"/>
                  </a:lnTo>
                  <a:close/>
                </a:path>
                <a:path w="91440" h="1612900">
                  <a:moveTo>
                    <a:pt x="88391" y="1609343"/>
                  </a:moveTo>
                  <a:lnTo>
                    <a:pt x="3048" y="1609343"/>
                  </a:lnTo>
                  <a:lnTo>
                    <a:pt x="3048" y="1610867"/>
                  </a:lnTo>
                  <a:lnTo>
                    <a:pt x="88391" y="1610867"/>
                  </a:lnTo>
                  <a:lnTo>
                    <a:pt x="88391" y="1609343"/>
                  </a:lnTo>
                  <a:close/>
                </a:path>
                <a:path w="91440" h="1612900">
                  <a:moveTo>
                    <a:pt x="88391" y="1524"/>
                  </a:moveTo>
                  <a:lnTo>
                    <a:pt x="88391" y="1610867"/>
                  </a:lnTo>
                  <a:lnTo>
                    <a:pt x="89915" y="1609343"/>
                  </a:lnTo>
                  <a:lnTo>
                    <a:pt x="91439" y="1609343"/>
                  </a:lnTo>
                  <a:lnTo>
                    <a:pt x="91439" y="3047"/>
                  </a:lnTo>
                  <a:lnTo>
                    <a:pt x="89915" y="3047"/>
                  </a:lnTo>
                  <a:lnTo>
                    <a:pt x="88391" y="1524"/>
                  </a:lnTo>
                  <a:close/>
                </a:path>
                <a:path w="91440" h="1612900">
                  <a:moveTo>
                    <a:pt x="91439" y="1609343"/>
                  </a:moveTo>
                  <a:lnTo>
                    <a:pt x="89915" y="1609343"/>
                  </a:lnTo>
                  <a:lnTo>
                    <a:pt x="88391" y="1610867"/>
                  </a:lnTo>
                  <a:lnTo>
                    <a:pt x="91439" y="1610867"/>
                  </a:lnTo>
                  <a:lnTo>
                    <a:pt x="91439" y="1609343"/>
                  </a:lnTo>
                  <a:close/>
                </a:path>
                <a:path w="91440" h="1612900">
                  <a:moveTo>
                    <a:pt x="3048" y="1524"/>
                  </a:moveTo>
                  <a:lnTo>
                    <a:pt x="1524" y="3047"/>
                  </a:lnTo>
                  <a:lnTo>
                    <a:pt x="3048" y="3047"/>
                  </a:lnTo>
                  <a:lnTo>
                    <a:pt x="3048" y="1524"/>
                  </a:lnTo>
                  <a:close/>
                </a:path>
                <a:path w="91440" h="1612900">
                  <a:moveTo>
                    <a:pt x="88391" y="1524"/>
                  </a:moveTo>
                  <a:lnTo>
                    <a:pt x="3048" y="1524"/>
                  </a:lnTo>
                  <a:lnTo>
                    <a:pt x="3048" y="3047"/>
                  </a:lnTo>
                  <a:lnTo>
                    <a:pt x="88391" y="3047"/>
                  </a:lnTo>
                  <a:lnTo>
                    <a:pt x="88391" y="1524"/>
                  </a:lnTo>
                  <a:close/>
                </a:path>
                <a:path w="91440" h="1612900">
                  <a:moveTo>
                    <a:pt x="91439" y="1524"/>
                  </a:moveTo>
                  <a:lnTo>
                    <a:pt x="88391" y="1524"/>
                  </a:lnTo>
                  <a:lnTo>
                    <a:pt x="89915" y="3047"/>
                  </a:lnTo>
                  <a:lnTo>
                    <a:pt x="91439" y="3047"/>
                  </a:lnTo>
                  <a:lnTo>
                    <a:pt x="91439" y="1524"/>
                  </a:lnTo>
                  <a:close/>
                </a:path>
              </a:pathLst>
            </a:custGeom>
            <a:solidFill>
              <a:srgbClr val="000000"/>
            </a:solidFill>
          </p:spPr>
          <p:txBody>
            <a:bodyPr wrap="square" lIns="0" tIns="0" rIns="0" bIns="0" rtlCol="0"/>
            <a:lstStyle/>
            <a:p>
              <a:endParaRPr sz="1539"/>
            </a:p>
          </p:txBody>
        </p:sp>
        <p:sp>
          <p:nvSpPr>
            <p:cNvPr id="240" name="object 240"/>
            <p:cNvSpPr/>
            <p:nvPr/>
          </p:nvSpPr>
          <p:spPr>
            <a:xfrm>
              <a:off x="7316723" y="4169664"/>
              <a:ext cx="88900" cy="1473835"/>
            </a:xfrm>
            <a:custGeom>
              <a:avLst/>
              <a:gdLst/>
              <a:ahLst/>
              <a:cxnLst/>
              <a:rect l="l" t="t" r="r" b="b"/>
              <a:pathLst>
                <a:path w="88900" h="1473835">
                  <a:moveTo>
                    <a:pt x="88392" y="0"/>
                  </a:moveTo>
                  <a:lnTo>
                    <a:pt x="0" y="0"/>
                  </a:lnTo>
                  <a:lnTo>
                    <a:pt x="0" y="1473708"/>
                  </a:lnTo>
                  <a:lnTo>
                    <a:pt x="88392" y="1473708"/>
                  </a:lnTo>
                  <a:lnTo>
                    <a:pt x="88392" y="0"/>
                  </a:lnTo>
                  <a:close/>
                </a:path>
              </a:pathLst>
            </a:custGeom>
            <a:solidFill>
              <a:srgbClr val="FFFF99"/>
            </a:solidFill>
          </p:spPr>
          <p:txBody>
            <a:bodyPr wrap="square" lIns="0" tIns="0" rIns="0" bIns="0" rtlCol="0"/>
            <a:lstStyle/>
            <a:p>
              <a:endParaRPr sz="1539"/>
            </a:p>
          </p:txBody>
        </p:sp>
        <p:sp>
          <p:nvSpPr>
            <p:cNvPr id="241" name="object 241"/>
            <p:cNvSpPr/>
            <p:nvPr/>
          </p:nvSpPr>
          <p:spPr>
            <a:xfrm>
              <a:off x="7315199" y="4168139"/>
              <a:ext cx="91440" cy="1477010"/>
            </a:xfrm>
            <a:custGeom>
              <a:avLst/>
              <a:gdLst/>
              <a:ahLst/>
              <a:cxnLst/>
              <a:rect l="l" t="t" r="r" b="b"/>
              <a:pathLst>
                <a:path w="91440" h="1477010">
                  <a:moveTo>
                    <a:pt x="89916" y="0"/>
                  </a:moveTo>
                  <a:lnTo>
                    <a:pt x="1524" y="0"/>
                  </a:lnTo>
                  <a:lnTo>
                    <a:pt x="0" y="1524"/>
                  </a:lnTo>
                  <a:lnTo>
                    <a:pt x="0" y="1475232"/>
                  </a:lnTo>
                  <a:lnTo>
                    <a:pt x="1524" y="1476756"/>
                  </a:lnTo>
                  <a:lnTo>
                    <a:pt x="89916" y="1476756"/>
                  </a:lnTo>
                  <a:lnTo>
                    <a:pt x="91440" y="1475232"/>
                  </a:lnTo>
                  <a:lnTo>
                    <a:pt x="3048" y="1475232"/>
                  </a:lnTo>
                  <a:lnTo>
                    <a:pt x="1524" y="1473708"/>
                  </a:lnTo>
                  <a:lnTo>
                    <a:pt x="3048" y="1473708"/>
                  </a:lnTo>
                  <a:lnTo>
                    <a:pt x="3048" y="3048"/>
                  </a:lnTo>
                  <a:lnTo>
                    <a:pt x="1524" y="3048"/>
                  </a:lnTo>
                  <a:lnTo>
                    <a:pt x="3048" y="1524"/>
                  </a:lnTo>
                  <a:lnTo>
                    <a:pt x="91440" y="1524"/>
                  </a:lnTo>
                  <a:lnTo>
                    <a:pt x="89916" y="0"/>
                  </a:lnTo>
                  <a:close/>
                </a:path>
                <a:path w="91440" h="1477010">
                  <a:moveTo>
                    <a:pt x="3048" y="1473708"/>
                  </a:moveTo>
                  <a:lnTo>
                    <a:pt x="1524" y="1473708"/>
                  </a:lnTo>
                  <a:lnTo>
                    <a:pt x="3048" y="1475232"/>
                  </a:lnTo>
                  <a:lnTo>
                    <a:pt x="3048" y="1473708"/>
                  </a:lnTo>
                  <a:close/>
                </a:path>
                <a:path w="91440" h="1477010">
                  <a:moveTo>
                    <a:pt x="88392" y="1473708"/>
                  </a:moveTo>
                  <a:lnTo>
                    <a:pt x="3048" y="1473708"/>
                  </a:lnTo>
                  <a:lnTo>
                    <a:pt x="3048" y="1475232"/>
                  </a:lnTo>
                  <a:lnTo>
                    <a:pt x="88392" y="1475232"/>
                  </a:lnTo>
                  <a:lnTo>
                    <a:pt x="88392" y="1473708"/>
                  </a:lnTo>
                  <a:close/>
                </a:path>
                <a:path w="91440" h="1477010">
                  <a:moveTo>
                    <a:pt x="88392" y="1524"/>
                  </a:moveTo>
                  <a:lnTo>
                    <a:pt x="88392" y="1475232"/>
                  </a:lnTo>
                  <a:lnTo>
                    <a:pt x="89916" y="1473708"/>
                  </a:lnTo>
                  <a:lnTo>
                    <a:pt x="91440" y="1473708"/>
                  </a:lnTo>
                  <a:lnTo>
                    <a:pt x="91440" y="3048"/>
                  </a:lnTo>
                  <a:lnTo>
                    <a:pt x="89916" y="3048"/>
                  </a:lnTo>
                  <a:lnTo>
                    <a:pt x="88392" y="1524"/>
                  </a:lnTo>
                  <a:close/>
                </a:path>
                <a:path w="91440" h="1477010">
                  <a:moveTo>
                    <a:pt x="91440" y="1473708"/>
                  </a:moveTo>
                  <a:lnTo>
                    <a:pt x="89916" y="1473708"/>
                  </a:lnTo>
                  <a:lnTo>
                    <a:pt x="88392" y="1475232"/>
                  </a:lnTo>
                  <a:lnTo>
                    <a:pt x="91440" y="1475232"/>
                  </a:lnTo>
                  <a:lnTo>
                    <a:pt x="91440" y="1473708"/>
                  </a:lnTo>
                  <a:close/>
                </a:path>
                <a:path w="91440" h="1477010">
                  <a:moveTo>
                    <a:pt x="3048" y="1524"/>
                  </a:moveTo>
                  <a:lnTo>
                    <a:pt x="1524" y="3048"/>
                  </a:lnTo>
                  <a:lnTo>
                    <a:pt x="3048" y="3048"/>
                  </a:lnTo>
                  <a:lnTo>
                    <a:pt x="3048" y="1524"/>
                  </a:lnTo>
                  <a:close/>
                </a:path>
                <a:path w="91440" h="1477010">
                  <a:moveTo>
                    <a:pt x="88392" y="1524"/>
                  </a:moveTo>
                  <a:lnTo>
                    <a:pt x="3048" y="1524"/>
                  </a:lnTo>
                  <a:lnTo>
                    <a:pt x="3048" y="3048"/>
                  </a:lnTo>
                  <a:lnTo>
                    <a:pt x="88392" y="3048"/>
                  </a:lnTo>
                  <a:lnTo>
                    <a:pt x="88392" y="1524"/>
                  </a:lnTo>
                  <a:close/>
                </a:path>
                <a:path w="91440" h="1477010">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42" name="object 242"/>
            <p:cNvSpPr/>
            <p:nvPr/>
          </p:nvSpPr>
          <p:spPr>
            <a:xfrm>
              <a:off x="7537704" y="4146804"/>
              <a:ext cx="88900" cy="1508760"/>
            </a:xfrm>
            <a:custGeom>
              <a:avLst/>
              <a:gdLst/>
              <a:ahLst/>
              <a:cxnLst/>
              <a:rect l="l" t="t" r="r" b="b"/>
              <a:pathLst>
                <a:path w="88900" h="1508760">
                  <a:moveTo>
                    <a:pt x="88392" y="0"/>
                  </a:moveTo>
                  <a:lnTo>
                    <a:pt x="0" y="0"/>
                  </a:lnTo>
                  <a:lnTo>
                    <a:pt x="0" y="1508759"/>
                  </a:lnTo>
                  <a:lnTo>
                    <a:pt x="88392" y="1508759"/>
                  </a:lnTo>
                  <a:lnTo>
                    <a:pt x="88392" y="0"/>
                  </a:lnTo>
                  <a:close/>
                </a:path>
              </a:pathLst>
            </a:custGeom>
            <a:solidFill>
              <a:srgbClr val="FFFF99"/>
            </a:solidFill>
          </p:spPr>
          <p:txBody>
            <a:bodyPr wrap="square" lIns="0" tIns="0" rIns="0" bIns="0" rtlCol="0"/>
            <a:lstStyle/>
            <a:p>
              <a:endParaRPr sz="1539"/>
            </a:p>
          </p:txBody>
        </p:sp>
        <p:sp>
          <p:nvSpPr>
            <p:cNvPr id="243" name="object 243"/>
            <p:cNvSpPr/>
            <p:nvPr/>
          </p:nvSpPr>
          <p:spPr>
            <a:xfrm>
              <a:off x="7536180" y="4145279"/>
              <a:ext cx="91440" cy="1511935"/>
            </a:xfrm>
            <a:custGeom>
              <a:avLst/>
              <a:gdLst/>
              <a:ahLst/>
              <a:cxnLst/>
              <a:rect l="l" t="t" r="r" b="b"/>
              <a:pathLst>
                <a:path w="91440" h="1511935">
                  <a:moveTo>
                    <a:pt x="89916" y="0"/>
                  </a:moveTo>
                  <a:lnTo>
                    <a:pt x="1524" y="0"/>
                  </a:lnTo>
                  <a:lnTo>
                    <a:pt x="0" y="1524"/>
                  </a:lnTo>
                  <a:lnTo>
                    <a:pt x="0" y="1510283"/>
                  </a:lnTo>
                  <a:lnTo>
                    <a:pt x="1524" y="1511807"/>
                  </a:lnTo>
                  <a:lnTo>
                    <a:pt x="89916" y="1511807"/>
                  </a:lnTo>
                  <a:lnTo>
                    <a:pt x="91440" y="1510283"/>
                  </a:lnTo>
                  <a:lnTo>
                    <a:pt x="3048" y="1510283"/>
                  </a:lnTo>
                  <a:lnTo>
                    <a:pt x="1524" y="1508759"/>
                  </a:lnTo>
                  <a:lnTo>
                    <a:pt x="3048" y="1508759"/>
                  </a:lnTo>
                  <a:lnTo>
                    <a:pt x="3048" y="3047"/>
                  </a:lnTo>
                  <a:lnTo>
                    <a:pt x="1524" y="3047"/>
                  </a:lnTo>
                  <a:lnTo>
                    <a:pt x="3048" y="1524"/>
                  </a:lnTo>
                  <a:lnTo>
                    <a:pt x="91440" y="1524"/>
                  </a:lnTo>
                  <a:lnTo>
                    <a:pt x="89916" y="0"/>
                  </a:lnTo>
                  <a:close/>
                </a:path>
                <a:path w="91440" h="1511935">
                  <a:moveTo>
                    <a:pt x="3048" y="1508759"/>
                  </a:moveTo>
                  <a:lnTo>
                    <a:pt x="1524" y="1508759"/>
                  </a:lnTo>
                  <a:lnTo>
                    <a:pt x="3048" y="1510283"/>
                  </a:lnTo>
                  <a:lnTo>
                    <a:pt x="3048" y="1508759"/>
                  </a:lnTo>
                  <a:close/>
                </a:path>
                <a:path w="91440" h="1511935">
                  <a:moveTo>
                    <a:pt x="88392" y="1508759"/>
                  </a:moveTo>
                  <a:lnTo>
                    <a:pt x="3048" y="1508759"/>
                  </a:lnTo>
                  <a:lnTo>
                    <a:pt x="3048" y="1510283"/>
                  </a:lnTo>
                  <a:lnTo>
                    <a:pt x="88392" y="1510283"/>
                  </a:lnTo>
                  <a:lnTo>
                    <a:pt x="88392" y="1508759"/>
                  </a:lnTo>
                  <a:close/>
                </a:path>
                <a:path w="91440" h="1511935">
                  <a:moveTo>
                    <a:pt x="88392" y="1524"/>
                  </a:moveTo>
                  <a:lnTo>
                    <a:pt x="88392" y="1510283"/>
                  </a:lnTo>
                  <a:lnTo>
                    <a:pt x="89916" y="1508759"/>
                  </a:lnTo>
                  <a:lnTo>
                    <a:pt x="91440" y="1508759"/>
                  </a:lnTo>
                  <a:lnTo>
                    <a:pt x="91440" y="3047"/>
                  </a:lnTo>
                  <a:lnTo>
                    <a:pt x="89916" y="3047"/>
                  </a:lnTo>
                  <a:lnTo>
                    <a:pt x="88392" y="1524"/>
                  </a:lnTo>
                  <a:close/>
                </a:path>
                <a:path w="91440" h="1511935">
                  <a:moveTo>
                    <a:pt x="91440" y="1508759"/>
                  </a:moveTo>
                  <a:lnTo>
                    <a:pt x="89916" y="1508759"/>
                  </a:lnTo>
                  <a:lnTo>
                    <a:pt x="88392" y="1510283"/>
                  </a:lnTo>
                  <a:lnTo>
                    <a:pt x="91440" y="1510283"/>
                  </a:lnTo>
                  <a:lnTo>
                    <a:pt x="91440" y="1508759"/>
                  </a:lnTo>
                  <a:close/>
                </a:path>
                <a:path w="91440" h="1511935">
                  <a:moveTo>
                    <a:pt x="3048" y="1524"/>
                  </a:moveTo>
                  <a:lnTo>
                    <a:pt x="1524" y="3047"/>
                  </a:lnTo>
                  <a:lnTo>
                    <a:pt x="3048" y="3047"/>
                  </a:lnTo>
                  <a:lnTo>
                    <a:pt x="3048" y="1524"/>
                  </a:lnTo>
                  <a:close/>
                </a:path>
                <a:path w="91440" h="1511935">
                  <a:moveTo>
                    <a:pt x="88392" y="1524"/>
                  </a:moveTo>
                  <a:lnTo>
                    <a:pt x="3048" y="1524"/>
                  </a:lnTo>
                  <a:lnTo>
                    <a:pt x="3048" y="3047"/>
                  </a:lnTo>
                  <a:lnTo>
                    <a:pt x="88392" y="3047"/>
                  </a:lnTo>
                  <a:lnTo>
                    <a:pt x="88392" y="1524"/>
                  </a:lnTo>
                  <a:close/>
                </a:path>
                <a:path w="91440" h="1511935">
                  <a:moveTo>
                    <a:pt x="91440" y="1524"/>
                  </a:moveTo>
                  <a:lnTo>
                    <a:pt x="88392" y="1524"/>
                  </a:lnTo>
                  <a:lnTo>
                    <a:pt x="89916" y="3047"/>
                  </a:lnTo>
                  <a:lnTo>
                    <a:pt x="91440" y="3047"/>
                  </a:lnTo>
                  <a:lnTo>
                    <a:pt x="91440" y="1524"/>
                  </a:lnTo>
                  <a:close/>
                </a:path>
              </a:pathLst>
            </a:custGeom>
            <a:solidFill>
              <a:srgbClr val="000000"/>
            </a:solidFill>
          </p:spPr>
          <p:txBody>
            <a:bodyPr wrap="square" lIns="0" tIns="0" rIns="0" bIns="0" rtlCol="0"/>
            <a:lstStyle/>
            <a:p>
              <a:endParaRPr sz="1539"/>
            </a:p>
          </p:txBody>
        </p:sp>
        <p:sp>
          <p:nvSpPr>
            <p:cNvPr id="244" name="object 244"/>
            <p:cNvSpPr/>
            <p:nvPr/>
          </p:nvSpPr>
          <p:spPr>
            <a:xfrm>
              <a:off x="7758683" y="4396739"/>
              <a:ext cx="88900" cy="1199515"/>
            </a:xfrm>
            <a:custGeom>
              <a:avLst/>
              <a:gdLst/>
              <a:ahLst/>
              <a:cxnLst/>
              <a:rect l="l" t="t" r="r" b="b"/>
              <a:pathLst>
                <a:path w="88900" h="1199514">
                  <a:moveTo>
                    <a:pt x="88392" y="0"/>
                  </a:moveTo>
                  <a:lnTo>
                    <a:pt x="0" y="0"/>
                  </a:lnTo>
                  <a:lnTo>
                    <a:pt x="0" y="1199388"/>
                  </a:lnTo>
                  <a:lnTo>
                    <a:pt x="88392" y="1199388"/>
                  </a:lnTo>
                  <a:lnTo>
                    <a:pt x="88392" y="0"/>
                  </a:lnTo>
                  <a:close/>
                </a:path>
              </a:pathLst>
            </a:custGeom>
            <a:solidFill>
              <a:srgbClr val="FFFF99"/>
            </a:solidFill>
          </p:spPr>
          <p:txBody>
            <a:bodyPr wrap="square" lIns="0" tIns="0" rIns="0" bIns="0" rtlCol="0"/>
            <a:lstStyle/>
            <a:p>
              <a:endParaRPr sz="1539"/>
            </a:p>
          </p:txBody>
        </p:sp>
        <p:sp>
          <p:nvSpPr>
            <p:cNvPr id="245" name="object 245"/>
            <p:cNvSpPr/>
            <p:nvPr/>
          </p:nvSpPr>
          <p:spPr>
            <a:xfrm>
              <a:off x="7757159" y="4395216"/>
              <a:ext cx="91440" cy="1202690"/>
            </a:xfrm>
            <a:custGeom>
              <a:avLst/>
              <a:gdLst/>
              <a:ahLst/>
              <a:cxnLst/>
              <a:rect l="l" t="t" r="r" b="b"/>
              <a:pathLst>
                <a:path w="91440" h="1202689">
                  <a:moveTo>
                    <a:pt x="89916" y="0"/>
                  </a:moveTo>
                  <a:lnTo>
                    <a:pt x="1524" y="0"/>
                  </a:lnTo>
                  <a:lnTo>
                    <a:pt x="0" y="1524"/>
                  </a:lnTo>
                  <a:lnTo>
                    <a:pt x="0" y="1200912"/>
                  </a:lnTo>
                  <a:lnTo>
                    <a:pt x="1524" y="1202436"/>
                  </a:lnTo>
                  <a:lnTo>
                    <a:pt x="89916" y="1202436"/>
                  </a:lnTo>
                  <a:lnTo>
                    <a:pt x="91440" y="1200912"/>
                  </a:lnTo>
                  <a:lnTo>
                    <a:pt x="3048" y="1200912"/>
                  </a:lnTo>
                  <a:lnTo>
                    <a:pt x="1524" y="1199388"/>
                  </a:lnTo>
                  <a:lnTo>
                    <a:pt x="3048" y="1199388"/>
                  </a:lnTo>
                  <a:lnTo>
                    <a:pt x="3048" y="3048"/>
                  </a:lnTo>
                  <a:lnTo>
                    <a:pt x="1524" y="3048"/>
                  </a:lnTo>
                  <a:lnTo>
                    <a:pt x="3048" y="1524"/>
                  </a:lnTo>
                  <a:lnTo>
                    <a:pt x="91440" y="1524"/>
                  </a:lnTo>
                  <a:lnTo>
                    <a:pt x="89916" y="0"/>
                  </a:lnTo>
                  <a:close/>
                </a:path>
                <a:path w="91440" h="1202689">
                  <a:moveTo>
                    <a:pt x="3048" y="1199388"/>
                  </a:moveTo>
                  <a:lnTo>
                    <a:pt x="1524" y="1199388"/>
                  </a:lnTo>
                  <a:lnTo>
                    <a:pt x="3048" y="1200912"/>
                  </a:lnTo>
                  <a:lnTo>
                    <a:pt x="3048" y="1199388"/>
                  </a:lnTo>
                  <a:close/>
                </a:path>
                <a:path w="91440" h="1202689">
                  <a:moveTo>
                    <a:pt x="88392" y="1199388"/>
                  </a:moveTo>
                  <a:lnTo>
                    <a:pt x="3048" y="1199388"/>
                  </a:lnTo>
                  <a:lnTo>
                    <a:pt x="3048" y="1200912"/>
                  </a:lnTo>
                  <a:lnTo>
                    <a:pt x="88392" y="1200912"/>
                  </a:lnTo>
                  <a:lnTo>
                    <a:pt x="88392" y="1199388"/>
                  </a:lnTo>
                  <a:close/>
                </a:path>
                <a:path w="91440" h="1202689">
                  <a:moveTo>
                    <a:pt x="88392" y="1524"/>
                  </a:moveTo>
                  <a:lnTo>
                    <a:pt x="88392" y="1200912"/>
                  </a:lnTo>
                  <a:lnTo>
                    <a:pt x="89916" y="1199388"/>
                  </a:lnTo>
                  <a:lnTo>
                    <a:pt x="91440" y="1199388"/>
                  </a:lnTo>
                  <a:lnTo>
                    <a:pt x="91440" y="3048"/>
                  </a:lnTo>
                  <a:lnTo>
                    <a:pt x="89916" y="3048"/>
                  </a:lnTo>
                  <a:lnTo>
                    <a:pt x="88392" y="1524"/>
                  </a:lnTo>
                  <a:close/>
                </a:path>
                <a:path w="91440" h="1202689">
                  <a:moveTo>
                    <a:pt x="91440" y="1199388"/>
                  </a:moveTo>
                  <a:lnTo>
                    <a:pt x="89916" y="1199388"/>
                  </a:lnTo>
                  <a:lnTo>
                    <a:pt x="88392" y="1200912"/>
                  </a:lnTo>
                  <a:lnTo>
                    <a:pt x="91440" y="1200912"/>
                  </a:lnTo>
                  <a:lnTo>
                    <a:pt x="91440" y="1199388"/>
                  </a:lnTo>
                  <a:close/>
                </a:path>
                <a:path w="91440" h="1202689">
                  <a:moveTo>
                    <a:pt x="3048" y="1524"/>
                  </a:moveTo>
                  <a:lnTo>
                    <a:pt x="1524" y="3048"/>
                  </a:lnTo>
                  <a:lnTo>
                    <a:pt x="3048" y="3048"/>
                  </a:lnTo>
                  <a:lnTo>
                    <a:pt x="3048" y="1524"/>
                  </a:lnTo>
                  <a:close/>
                </a:path>
                <a:path w="91440" h="1202689">
                  <a:moveTo>
                    <a:pt x="88392" y="1524"/>
                  </a:moveTo>
                  <a:lnTo>
                    <a:pt x="3048" y="1524"/>
                  </a:lnTo>
                  <a:lnTo>
                    <a:pt x="3048" y="3048"/>
                  </a:lnTo>
                  <a:lnTo>
                    <a:pt x="88392" y="3048"/>
                  </a:lnTo>
                  <a:lnTo>
                    <a:pt x="88392" y="1524"/>
                  </a:lnTo>
                  <a:close/>
                </a:path>
                <a:path w="91440" h="1202689">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46" name="object 246"/>
            <p:cNvSpPr/>
            <p:nvPr/>
          </p:nvSpPr>
          <p:spPr>
            <a:xfrm>
              <a:off x="7979664" y="4445508"/>
              <a:ext cx="88900" cy="1149350"/>
            </a:xfrm>
            <a:custGeom>
              <a:avLst/>
              <a:gdLst/>
              <a:ahLst/>
              <a:cxnLst/>
              <a:rect l="l" t="t" r="r" b="b"/>
              <a:pathLst>
                <a:path w="88900" h="1149350">
                  <a:moveTo>
                    <a:pt x="88392" y="0"/>
                  </a:moveTo>
                  <a:lnTo>
                    <a:pt x="0" y="0"/>
                  </a:lnTo>
                  <a:lnTo>
                    <a:pt x="0" y="1149095"/>
                  </a:lnTo>
                  <a:lnTo>
                    <a:pt x="88392" y="1149095"/>
                  </a:lnTo>
                  <a:lnTo>
                    <a:pt x="88392" y="0"/>
                  </a:lnTo>
                  <a:close/>
                </a:path>
              </a:pathLst>
            </a:custGeom>
            <a:solidFill>
              <a:srgbClr val="FFFF99"/>
            </a:solidFill>
          </p:spPr>
          <p:txBody>
            <a:bodyPr wrap="square" lIns="0" tIns="0" rIns="0" bIns="0" rtlCol="0"/>
            <a:lstStyle/>
            <a:p>
              <a:endParaRPr sz="1539"/>
            </a:p>
          </p:txBody>
        </p:sp>
        <p:sp>
          <p:nvSpPr>
            <p:cNvPr id="247" name="object 247"/>
            <p:cNvSpPr/>
            <p:nvPr/>
          </p:nvSpPr>
          <p:spPr>
            <a:xfrm>
              <a:off x="7978140" y="4443983"/>
              <a:ext cx="91440" cy="1152525"/>
            </a:xfrm>
            <a:custGeom>
              <a:avLst/>
              <a:gdLst/>
              <a:ahLst/>
              <a:cxnLst/>
              <a:rect l="l" t="t" r="r" b="b"/>
              <a:pathLst>
                <a:path w="91440" h="1152525">
                  <a:moveTo>
                    <a:pt x="89915" y="0"/>
                  </a:moveTo>
                  <a:lnTo>
                    <a:pt x="1524" y="0"/>
                  </a:lnTo>
                  <a:lnTo>
                    <a:pt x="0" y="1524"/>
                  </a:lnTo>
                  <a:lnTo>
                    <a:pt x="0" y="1150620"/>
                  </a:lnTo>
                  <a:lnTo>
                    <a:pt x="1524" y="1152144"/>
                  </a:lnTo>
                  <a:lnTo>
                    <a:pt x="89915" y="1152144"/>
                  </a:lnTo>
                  <a:lnTo>
                    <a:pt x="91439" y="1150620"/>
                  </a:lnTo>
                  <a:lnTo>
                    <a:pt x="3048" y="1150620"/>
                  </a:lnTo>
                  <a:lnTo>
                    <a:pt x="1524" y="1149095"/>
                  </a:lnTo>
                  <a:lnTo>
                    <a:pt x="3048" y="1149096"/>
                  </a:lnTo>
                  <a:lnTo>
                    <a:pt x="3048" y="3048"/>
                  </a:lnTo>
                  <a:lnTo>
                    <a:pt x="1524" y="3048"/>
                  </a:lnTo>
                  <a:lnTo>
                    <a:pt x="3048" y="1524"/>
                  </a:lnTo>
                  <a:lnTo>
                    <a:pt x="91439" y="1524"/>
                  </a:lnTo>
                  <a:lnTo>
                    <a:pt x="89915" y="0"/>
                  </a:lnTo>
                  <a:close/>
                </a:path>
                <a:path w="91440" h="1152525">
                  <a:moveTo>
                    <a:pt x="3048" y="1149095"/>
                  </a:moveTo>
                  <a:lnTo>
                    <a:pt x="1524" y="1149095"/>
                  </a:lnTo>
                  <a:lnTo>
                    <a:pt x="3048" y="1150620"/>
                  </a:lnTo>
                  <a:lnTo>
                    <a:pt x="3048" y="1149095"/>
                  </a:lnTo>
                  <a:close/>
                </a:path>
                <a:path w="91440" h="1152525">
                  <a:moveTo>
                    <a:pt x="88391" y="1149095"/>
                  </a:moveTo>
                  <a:lnTo>
                    <a:pt x="3048" y="1149095"/>
                  </a:lnTo>
                  <a:lnTo>
                    <a:pt x="3048" y="1150620"/>
                  </a:lnTo>
                  <a:lnTo>
                    <a:pt x="88391" y="1150620"/>
                  </a:lnTo>
                  <a:lnTo>
                    <a:pt x="88391" y="1149095"/>
                  </a:lnTo>
                  <a:close/>
                </a:path>
                <a:path w="91440" h="1152525">
                  <a:moveTo>
                    <a:pt x="88391" y="1524"/>
                  </a:moveTo>
                  <a:lnTo>
                    <a:pt x="88391" y="1150620"/>
                  </a:lnTo>
                  <a:lnTo>
                    <a:pt x="89915" y="1149095"/>
                  </a:lnTo>
                  <a:lnTo>
                    <a:pt x="91439" y="1149096"/>
                  </a:lnTo>
                  <a:lnTo>
                    <a:pt x="91439" y="3048"/>
                  </a:lnTo>
                  <a:lnTo>
                    <a:pt x="89915" y="3048"/>
                  </a:lnTo>
                  <a:lnTo>
                    <a:pt x="88391" y="1524"/>
                  </a:lnTo>
                  <a:close/>
                </a:path>
                <a:path w="91440" h="1152525">
                  <a:moveTo>
                    <a:pt x="91439" y="1149096"/>
                  </a:moveTo>
                  <a:lnTo>
                    <a:pt x="89915" y="1149095"/>
                  </a:lnTo>
                  <a:lnTo>
                    <a:pt x="88391" y="1150620"/>
                  </a:lnTo>
                  <a:lnTo>
                    <a:pt x="91439" y="1150620"/>
                  </a:lnTo>
                  <a:lnTo>
                    <a:pt x="91439" y="1149096"/>
                  </a:lnTo>
                  <a:close/>
                </a:path>
                <a:path w="91440" h="1152525">
                  <a:moveTo>
                    <a:pt x="3048" y="1524"/>
                  </a:moveTo>
                  <a:lnTo>
                    <a:pt x="1524" y="3048"/>
                  </a:lnTo>
                  <a:lnTo>
                    <a:pt x="3048" y="3048"/>
                  </a:lnTo>
                  <a:lnTo>
                    <a:pt x="3048" y="1524"/>
                  </a:lnTo>
                  <a:close/>
                </a:path>
                <a:path w="91440" h="1152525">
                  <a:moveTo>
                    <a:pt x="88391" y="1524"/>
                  </a:moveTo>
                  <a:lnTo>
                    <a:pt x="3048" y="1524"/>
                  </a:lnTo>
                  <a:lnTo>
                    <a:pt x="3048" y="3048"/>
                  </a:lnTo>
                  <a:lnTo>
                    <a:pt x="88391" y="3048"/>
                  </a:lnTo>
                  <a:lnTo>
                    <a:pt x="88391" y="1524"/>
                  </a:lnTo>
                  <a:close/>
                </a:path>
                <a:path w="91440" h="1152525">
                  <a:moveTo>
                    <a:pt x="91439" y="1524"/>
                  </a:moveTo>
                  <a:lnTo>
                    <a:pt x="88391" y="1524"/>
                  </a:lnTo>
                  <a:lnTo>
                    <a:pt x="89915" y="3048"/>
                  </a:lnTo>
                  <a:lnTo>
                    <a:pt x="91439" y="3048"/>
                  </a:lnTo>
                  <a:lnTo>
                    <a:pt x="91439" y="1524"/>
                  </a:lnTo>
                  <a:close/>
                </a:path>
              </a:pathLst>
            </a:custGeom>
            <a:solidFill>
              <a:srgbClr val="000000"/>
            </a:solidFill>
          </p:spPr>
          <p:txBody>
            <a:bodyPr wrap="square" lIns="0" tIns="0" rIns="0" bIns="0" rtlCol="0"/>
            <a:lstStyle/>
            <a:p>
              <a:endParaRPr sz="1539"/>
            </a:p>
          </p:txBody>
        </p:sp>
        <p:sp>
          <p:nvSpPr>
            <p:cNvPr id="248" name="object 248"/>
            <p:cNvSpPr/>
            <p:nvPr/>
          </p:nvSpPr>
          <p:spPr>
            <a:xfrm>
              <a:off x="8200644" y="4379976"/>
              <a:ext cx="88900" cy="1184275"/>
            </a:xfrm>
            <a:custGeom>
              <a:avLst/>
              <a:gdLst/>
              <a:ahLst/>
              <a:cxnLst/>
              <a:rect l="l" t="t" r="r" b="b"/>
              <a:pathLst>
                <a:path w="88900" h="1184275">
                  <a:moveTo>
                    <a:pt x="88392" y="0"/>
                  </a:moveTo>
                  <a:lnTo>
                    <a:pt x="0" y="0"/>
                  </a:lnTo>
                  <a:lnTo>
                    <a:pt x="0" y="1184148"/>
                  </a:lnTo>
                  <a:lnTo>
                    <a:pt x="88392" y="1184148"/>
                  </a:lnTo>
                  <a:lnTo>
                    <a:pt x="88392" y="0"/>
                  </a:lnTo>
                  <a:close/>
                </a:path>
              </a:pathLst>
            </a:custGeom>
            <a:solidFill>
              <a:srgbClr val="FFFF99"/>
            </a:solidFill>
          </p:spPr>
          <p:txBody>
            <a:bodyPr wrap="square" lIns="0" tIns="0" rIns="0" bIns="0" rtlCol="0"/>
            <a:lstStyle/>
            <a:p>
              <a:endParaRPr sz="1539"/>
            </a:p>
          </p:txBody>
        </p:sp>
        <p:sp>
          <p:nvSpPr>
            <p:cNvPr id="249" name="object 249"/>
            <p:cNvSpPr/>
            <p:nvPr/>
          </p:nvSpPr>
          <p:spPr>
            <a:xfrm>
              <a:off x="8199120" y="4378451"/>
              <a:ext cx="91440" cy="1187450"/>
            </a:xfrm>
            <a:custGeom>
              <a:avLst/>
              <a:gdLst/>
              <a:ahLst/>
              <a:cxnLst/>
              <a:rect l="l" t="t" r="r" b="b"/>
              <a:pathLst>
                <a:path w="91440" h="1187450">
                  <a:moveTo>
                    <a:pt x="89915" y="0"/>
                  </a:moveTo>
                  <a:lnTo>
                    <a:pt x="1524" y="0"/>
                  </a:lnTo>
                  <a:lnTo>
                    <a:pt x="0" y="1523"/>
                  </a:lnTo>
                  <a:lnTo>
                    <a:pt x="0" y="1185671"/>
                  </a:lnTo>
                  <a:lnTo>
                    <a:pt x="1524" y="1187195"/>
                  </a:lnTo>
                  <a:lnTo>
                    <a:pt x="89915" y="1187195"/>
                  </a:lnTo>
                  <a:lnTo>
                    <a:pt x="91439" y="1185671"/>
                  </a:lnTo>
                  <a:lnTo>
                    <a:pt x="3048" y="1185671"/>
                  </a:lnTo>
                  <a:lnTo>
                    <a:pt x="1524" y="1184147"/>
                  </a:lnTo>
                  <a:lnTo>
                    <a:pt x="3048" y="1184147"/>
                  </a:lnTo>
                  <a:lnTo>
                    <a:pt x="3048" y="3047"/>
                  </a:lnTo>
                  <a:lnTo>
                    <a:pt x="1524" y="3047"/>
                  </a:lnTo>
                  <a:lnTo>
                    <a:pt x="3048" y="1523"/>
                  </a:lnTo>
                  <a:lnTo>
                    <a:pt x="91439" y="1523"/>
                  </a:lnTo>
                  <a:lnTo>
                    <a:pt x="89915" y="0"/>
                  </a:lnTo>
                  <a:close/>
                </a:path>
                <a:path w="91440" h="1187450">
                  <a:moveTo>
                    <a:pt x="3048" y="1184147"/>
                  </a:moveTo>
                  <a:lnTo>
                    <a:pt x="1524" y="1184147"/>
                  </a:lnTo>
                  <a:lnTo>
                    <a:pt x="3048" y="1185671"/>
                  </a:lnTo>
                  <a:lnTo>
                    <a:pt x="3048" y="1184147"/>
                  </a:lnTo>
                  <a:close/>
                </a:path>
                <a:path w="91440" h="1187450">
                  <a:moveTo>
                    <a:pt x="88391" y="1184147"/>
                  </a:moveTo>
                  <a:lnTo>
                    <a:pt x="3048" y="1184147"/>
                  </a:lnTo>
                  <a:lnTo>
                    <a:pt x="3048" y="1185671"/>
                  </a:lnTo>
                  <a:lnTo>
                    <a:pt x="88391" y="1185671"/>
                  </a:lnTo>
                  <a:lnTo>
                    <a:pt x="88391" y="1184147"/>
                  </a:lnTo>
                  <a:close/>
                </a:path>
                <a:path w="91440" h="1187450">
                  <a:moveTo>
                    <a:pt x="88391" y="1523"/>
                  </a:moveTo>
                  <a:lnTo>
                    <a:pt x="88391" y="1185671"/>
                  </a:lnTo>
                  <a:lnTo>
                    <a:pt x="89915" y="1184147"/>
                  </a:lnTo>
                  <a:lnTo>
                    <a:pt x="91439" y="1184147"/>
                  </a:lnTo>
                  <a:lnTo>
                    <a:pt x="91439" y="3047"/>
                  </a:lnTo>
                  <a:lnTo>
                    <a:pt x="89915" y="3047"/>
                  </a:lnTo>
                  <a:lnTo>
                    <a:pt x="88391" y="1523"/>
                  </a:lnTo>
                  <a:close/>
                </a:path>
                <a:path w="91440" h="1187450">
                  <a:moveTo>
                    <a:pt x="91439" y="1184147"/>
                  </a:moveTo>
                  <a:lnTo>
                    <a:pt x="89915" y="1184147"/>
                  </a:lnTo>
                  <a:lnTo>
                    <a:pt x="88391" y="1185671"/>
                  </a:lnTo>
                  <a:lnTo>
                    <a:pt x="91439" y="1185671"/>
                  </a:lnTo>
                  <a:lnTo>
                    <a:pt x="91439" y="1184147"/>
                  </a:lnTo>
                  <a:close/>
                </a:path>
                <a:path w="91440" h="1187450">
                  <a:moveTo>
                    <a:pt x="3048" y="1523"/>
                  </a:moveTo>
                  <a:lnTo>
                    <a:pt x="1524" y="3047"/>
                  </a:lnTo>
                  <a:lnTo>
                    <a:pt x="3048" y="3047"/>
                  </a:lnTo>
                  <a:lnTo>
                    <a:pt x="3048" y="1523"/>
                  </a:lnTo>
                  <a:close/>
                </a:path>
                <a:path w="91440" h="1187450">
                  <a:moveTo>
                    <a:pt x="88391" y="1523"/>
                  </a:moveTo>
                  <a:lnTo>
                    <a:pt x="3048" y="1523"/>
                  </a:lnTo>
                  <a:lnTo>
                    <a:pt x="3048" y="3047"/>
                  </a:lnTo>
                  <a:lnTo>
                    <a:pt x="88391" y="3047"/>
                  </a:lnTo>
                  <a:lnTo>
                    <a:pt x="88391" y="1523"/>
                  </a:lnTo>
                  <a:close/>
                </a:path>
                <a:path w="91440" h="1187450">
                  <a:moveTo>
                    <a:pt x="91439" y="1523"/>
                  </a:moveTo>
                  <a:lnTo>
                    <a:pt x="88391" y="1523"/>
                  </a:lnTo>
                  <a:lnTo>
                    <a:pt x="89915" y="3047"/>
                  </a:lnTo>
                  <a:lnTo>
                    <a:pt x="91439" y="3047"/>
                  </a:lnTo>
                  <a:lnTo>
                    <a:pt x="91439" y="1523"/>
                  </a:lnTo>
                  <a:close/>
                </a:path>
              </a:pathLst>
            </a:custGeom>
            <a:solidFill>
              <a:srgbClr val="000000"/>
            </a:solidFill>
          </p:spPr>
          <p:txBody>
            <a:bodyPr wrap="square" lIns="0" tIns="0" rIns="0" bIns="0" rtlCol="0"/>
            <a:lstStyle/>
            <a:p>
              <a:endParaRPr sz="1539"/>
            </a:p>
          </p:txBody>
        </p:sp>
        <p:sp>
          <p:nvSpPr>
            <p:cNvPr id="250" name="object 250"/>
            <p:cNvSpPr/>
            <p:nvPr/>
          </p:nvSpPr>
          <p:spPr>
            <a:xfrm>
              <a:off x="8421623" y="4283964"/>
              <a:ext cx="88900" cy="1226820"/>
            </a:xfrm>
            <a:custGeom>
              <a:avLst/>
              <a:gdLst/>
              <a:ahLst/>
              <a:cxnLst/>
              <a:rect l="l" t="t" r="r" b="b"/>
              <a:pathLst>
                <a:path w="88900" h="1226820">
                  <a:moveTo>
                    <a:pt x="88392" y="0"/>
                  </a:moveTo>
                  <a:lnTo>
                    <a:pt x="0" y="0"/>
                  </a:lnTo>
                  <a:lnTo>
                    <a:pt x="0" y="1226820"/>
                  </a:lnTo>
                  <a:lnTo>
                    <a:pt x="88392" y="1226820"/>
                  </a:lnTo>
                  <a:lnTo>
                    <a:pt x="88392" y="0"/>
                  </a:lnTo>
                  <a:close/>
                </a:path>
              </a:pathLst>
            </a:custGeom>
            <a:solidFill>
              <a:srgbClr val="FFFF99"/>
            </a:solidFill>
          </p:spPr>
          <p:txBody>
            <a:bodyPr wrap="square" lIns="0" tIns="0" rIns="0" bIns="0" rtlCol="0"/>
            <a:lstStyle/>
            <a:p>
              <a:endParaRPr sz="1539"/>
            </a:p>
          </p:txBody>
        </p:sp>
        <p:sp>
          <p:nvSpPr>
            <p:cNvPr id="251" name="object 251"/>
            <p:cNvSpPr/>
            <p:nvPr/>
          </p:nvSpPr>
          <p:spPr>
            <a:xfrm>
              <a:off x="8420099" y="4282439"/>
              <a:ext cx="91440" cy="1229995"/>
            </a:xfrm>
            <a:custGeom>
              <a:avLst/>
              <a:gdLst/>
              <a:ahLst/>
              <a:cxnLst/>
              <a:rect l="l" t="t" r="r" b="b"/>
              <a:pathLst>
                <a:path w="91440" h="1229995">
                  <a:moveTo>
                    <a:pt x="89916" y="0"/>
                  </a:moveTo>
                  <a:lnTo>
                    <a:pt x="1524" y="0"/>
                  </a:lnTo>
                  <a:lnTo>
                    <a:pt x="0" y="1524"/>
                  </a:lnTo>
                  <a:lnTo>
                    <a:pt x="0" y="1228344"/>
                  </a:lnTo>
                  <a:lnTo>
                    <a:pt x="1524" y="1229868"/>
                  </a:lnTo>
                  <a:lnTo>
                    <a:pt x="89916" y="1229868"/>
                  </a:lnTo>
                  <a:lnTo>
                    <a:pt x="91440" y="1228344"/>
                  </a:lnTo>
                  <a:lnTo>
                    <a:pt x="3048" y="1228344"/>
                  </a:lnTo>
                  <a:lnTo>
                    <a:pt x="1524" y="1226820"/>
                  </a:lnTo>
                  <a:lnTo>
                    <a:pt x="3048" y="1226820"/>
                  </a:lnTo>
                  <a:lnTo>
                    <a:pt x="3048" y="3048"/>
                  </a:lnTo>
                  <a:lnTo>
                    <a:pt x="1524" y="3048"/>
                  </a:lnTo>
                  <a:lnTo>
                    <a:pt x="3048" y="1524"/>
                  </a:lnTo>
                  <a:lnTo>
                    <a:pt x="91440" y="1524"/>
                  </a:lnTo>
                  <a:lnTo>
                    <a:pt x="89916" y="0"/>
                  </a:lnTo>
                  <a:close/>
                </a:path>
                <a:path w="91440" h="1229995">
                  <a:moveTo>
                    <a:pt x="3048" y="1226820"/>
                  </a:moveTo>
                  <a:lnTo>
                    <a:pt x="1524" y="1226820"/>
                  </a:lnTo>
                  <a:lnTo>
                    <a:pt x="3048" y="1228344"/>
                  </a:lnTo>
                  <a:lnTo>
                    <a:pt x="3048" y="1226820"/>
                  </a:lnTo>
                  <a:close/>
                </a:path>
                <a:path w="91440" h="1229995">
                  <a:moveTo>
                    <a:pt x="88392" y="1226820"/>
                  </a:moveTo>
                  <a:lnTo>
                    <a:pt x="3048" y="1226820"/>
                  </a:lnTo>
                  <a:lnTo>
                    <a:pt x="3048" y="1228344"/>
                  </a:lnTo>
                  <a:lnTo>
                    <a:pt x="88392" y="1228344"/>
                  </a:lnTo>
                  <a:lnTo>
                    <a:pt x="88392" y="1226820"/>
                  </a:lnTo>
                  <a:close/>
                </a:path>
                <a:path w="91440" h="1229995">
                  <a:moveTo>
                    <a:pt x="88392" y="1524"/>
                  </a:moveTo>
                  <a:lnTo>
                    <a:pt x="88392" y="1228344"/>
                  </a:lnTo>
                  <a:lnTo>
                    <a:pt x="89916" y="1226820"/>
                  </a:lnTo>
                  <a:lnTo>
                    <a:pt x="91440" y="1226820"/>
                  </a:lnTo>
                  <a:lnTo>
                    <a:pt x="91440" y="3048"/>
                  </a:lnTo>
                  <a:lnTo>
                    <a:pt x="89916" y="3048"/>
                  </a:lnTo>
                  <a:lnTo>
                    <a:pt x="88392" y="1524"/>
                  </a:lnTo>
                  <a:close/>
                </a:path>
                <a:path w="91440" h="1229995">
                  <a:moveTo>
                    <a:pt x="91440" y="1226820"/>
                  </a:moveTo>
                  <a:lnTo>
                    <a:pt x="89916" y="1226820"/>
                  </a:lnTo>
                  <a:lnTo>
                    <a:pt x="88392" y="1228344"/>
                  </a:lnTo>
                  <a:lnTo>
                    <a:pt x="91440" y="1228344"/>
                  </a:lnTo>
                  <a:lnTo>
                    <a:pt x="91440" y="1226820"/>
                  </a:lnTo>
                  <a:close/>
                </a:path>
                <a:path w="91440" h="1229995">
                  <a:moveTo>
                    <a:pt x="3048" y="1524"/>
                  </a:moveTo>
                  <a:lnTo>
                    <a:pt x="1524" y="3048"/>
                  </a:lnTo>
                  <a:lnTo>
                    <a:pt x="3048" y="3048"/>
                  </a:lnTo>
                  <a:lnTo>
                    <a:pt x="3048" y="1524"/>
                  </a:lnTo>
                  <a:close/>
                </a:path>
                <a:path w="91440" h="1229995">
                  <a:moveTo>
                    <a:pt x="88392" y="1524"/>
                  </a:moveTo>
                  <a:lnTo>
                    <a:pt x="3048" y="1524"/>
                  </a:lnTo>
                  <a:lnTo>
                    <a:pt x="3048" y="3048"/>
                  </a:lnTo>
                  <a:lnTo>
                    <a:pt x="88392" y="3048"/>
                  </a:lnTo>
                  <a:lnTo>
                    <a:pt x="88392" y="1524"/>
                  </a:lnTo>
                  <a:close/>
                </a:path>
                <a:path w="91440" h="1229995">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52" name="object 252"/>
            <p:cNvSpPr/>
            <p:nvPr/>
          </p:nvSpPr>
          <p:spPr>
            <a:xfrm>
              <a:off x="8642604" y="3995927"/>
              <a:ext cx="88900" cy="1379220"/>
            </a:xfrm>
            <a:custGeom>
              <a:avLst/>
              <a:gdLst/>
              <a:ahLst/>
              <a:cxnLst/>
              <a:rect l="l" t="t" r="r" b="b"/>
              <a:pathLst>
                <a:path w="88900" h="1379220">
                  <a:moveTo>
                    <a:pt x="88392" y="0"/>
                  </a:moveTo>
                  <a:lnTo>
                    <a:pt x="0" y="0"/>
                  </a:lnTo>
                  <a:lnTo>
                    <a:pt x="0" y="1379219"/>
                  </a:lnTo>
                  <a:lnTo>
                    <a:pt x="88392" y="1379219"/>
                  </a:lnTo>
                  <a:lnTo>
                    <a:pt x="88392" y="0"/>
                  </a:lnTo>
                  <a:close/>
                </a:path>
              </a:pathLst>
            </a:custGeom>
            <a:solidFill>
              <a:srgbClr val="FFFF99"/>
            </a:solidFill>
          </p:spPr>
          <p:txBody>
            <a:bodyPr wrap="square" lIns="0" tIns="0" rIns="0" bIns="0" rtlCol="0"/>
            <a:lstStyle/>
            <a:p>
              <a:endParaRPr sz="1539"/>
            </a:p>
          </p:txBody>
        </p:sp>
        <p:sp>
          <p:nvSpPr>
            <p:cNvPr id="253" name="object 253"/>
            <p:cNvSpPr/>
            <p:nvPr/>
          </p:nvSpPr>
          <p:spPr>
            <a:xfrm>
              <a:off x="8641080" y="3994404"/>
              <a:ext cx="91440" cy="1382395"/>
            </a:xfrm>
            <a:custGeom>
              <a:avLst/>
              <a:gdLst/>
              <a:ahLst/>
              <a:cxnLst/>
              <a:rect l="l" t="t" r="r" b="b"/>
              <a:pathLst>
                <a:path w="91440" h="1382395">
                  <a:moveTo>
                    <a:pt x="89916" y="0"/>
                  </a:moveTo>
                  <a:lnTo>
                    <a:pt x="1524" y="0"/>
                  </a:lnTo>
                  <a:lnTo>
                    <a:pt x="0" y="1523"/>
                  </a:lnTo>
                  <a:lnTo>
                    <a:pt x="0" y="1380743"/>
                  </a:lnTo>
                  <a:lnTo>
                    <a:pt x="1524" y="1382267"/>
                  </a:lnTo>
                  <a:lnTo>
                    <a:pt x="89916" y="1382267"/>
                  </a:lnTo>
                  <a:lnTo>
                    <a:pt x="91440" y="1380743"/>
                  </a:lnTo>
                  <a:lnTo>
                    <a:pt x="3048" y="1380743"/>
                  </a:lnTo>
                  <a:lnTo>
                    <a:pt x="1524" y="1379219"/>
                  </a:lnTo>
                  <a:lnTo>
                    <a:pt x="3048" y="1379219"/>
                  </a:lnTo>
                  <a:lnTo>
                    <a:pt x="3048" y="3047"/>
                  </a:lnTo>
                  <a:lnTo>
                    <a:pt x="1524" y="3047"/>
                  </a:lnTo>
                  <a:lnTo>
                    <a:pt x="3048" y="1523"/>
                  </a:lnTo>
                  <a:lnTo>
                    <a:pt x="91440" y="1523"/>
                  </a:lnTo>
                  <a:lnTo>
                    <a:pt x="89916" y="0"/>
                  </a:lnTo>
                  <a:close/>
                </a:path>
                <a:path w="91440" h="1382395">
                  <a:moveTo>
                    <a:pt x="3048" y="1379219"/>
                  </a:moveTo>
                  <a:lnTo>
                    <a:pt x="1524" y="1379219"/>
                  </a:lnTo>
                  <a:lnTo>
                    <a:pt x="3048" y="1380743"/>
                  </a:lnTo>
                  <a:lnTo>
                    <a:pt x="3048" y="1379219"/>
                  </a:lnTo>
                  <a:close/>
                </a:path>
                <a:path w="91440" h="1382395">
                  <a:moveTo>
                    <a:pt x="88392" y="1379219"/>
                  </a:moveTo>
                  <a:lnTo>
                    <a:pt x="3048" y="1379219"/>
                  </a:lnTo>
                  <a:lnTo>
                    <a:pt x="3048" y="1380743"/>
                  </a:lnTo>
                  <a:lnTo>
                    <a:pt x="88392" y="1380743"/>
                  </a:lnTo>
                  <a:lnTo>
                    <a:pt x="88392" y="1379219"/>
                  </a:lnTo>
                  <a:close/>
                </a:path>
                <a:path w="91440" h="1382395">
                  <a:moveTo>
                    <a:pt x="88392" y="1523"/>
                  </a:moveTo>
                  <a:lnTo>
                    <a:pt x="88392" y="1380743"/>
                  </a:lnTo>
                  <a:lnTo>
                    <a:pt x="89916" y="1379219"/>
                  </a:lnTo>
                  <a:lnTo>
                    <a:pt x="91440" y="1379219"/>
                  </a:lnTo>
                  <a:lnTo>
                    <a:pt x="91440" y="3047"/>
                  </a:lnTo>
                  <a:lnTo>
                    <a:pt x="89916" y="3047"/>
                  </a:lnTo>
                  <a:lnTo>
                    <a:pt x="88392" y="1523"/>
                  </a:lnTo>
                  <a:close/>
                </a:path>
                <a:path w="91440" h="1382395">
                  <a:moveTo>
                    <a:pt x="91440" y="1379219"/>
                  </a:moveTo>
                  <a:lnTo>
                    <a:pt x="89916" y="1379219"/>
                  </a:lnTo>
                  <a:lnTo>
                    <a:pt x="88392" y="1380743"/>
                  </a:lnTo>
                  <a:lnTo>
                    <a:pt x="91440" y="1380743"/>
                  </a:lnTo>
                  <a:lnTo>
                    <a:pt x="91440" y="1379219"/>
                  </a:lnTo>
                  <a:close/>
                </a:path>
                <a:path w="91440" h="1382395">
                  <a:moveTo>
                    <a:pt x="3048" y="1523"/>
                  </a:moveTo>
                  <a:lnTo>
                    <a:pt x="1524" y="3047"/>
                  </a:lnTo>
                  <a:lnTo>
                    <a:pt x="3048" y="3047"/>
                  </a:lnTo>
                  <a:lnTo>
                    <a:pt x="3048" y="1523"/>
                  </a:lnTo>
                  <a:close/>
                </a:path>
                <a:path w="91440" h="1382395">
                  <a:moveTo>
                    <a:pt x="88392" y="1523"/>
                  </a:moveTo>
                  <a:lnTo>
                    <a:pt x="3048" y="1523"/>
                  </a:lnTo>
                  <a:lnTo>
                    <a:pt x="3048" y="3047"/>
                  </a:lnTo>
                  <a:lnTo>
                    <a:pt x="88392" y="3047"/>
                  </a:lnTo>
                  <a:lnTo>
                    <a:pt x="88392" y="1523"/>
                  </a:lnTo>
                  <a:close/>
                </a:path>
                <a:path w="91440" h="1382395">
                  <a:moveTo>
                    <a:pt x="91440" y="1523"/>
                  </a:moveTo>
                  <a:lnTo>
                    <a:pt x="88392" y="1523"/>
                  </a:lnTo>
                  <a:lnTo>
                    <a:pt x="89916" y="3047"/>
                  </a:lnTo>
                  <a:lnTo>
                    <a:pt x="91440" y="3047"/>
                  </a:lnTo>
                  <a:lnTo>
                    <a:pt x="91440" y="1523"/>
                  </a:lnTo>
                  <a:close/>
                </a:path>
              </a:pathLst>
            </a:custGeom>
            <a:solidFill>
              <a:srgbClr val="000000"/>
            </a:solidFill>
          </p:spPr>
          <p:txBody>
            <a:bodyPr wrap="square" lIns="0" tIns="0" rIns="0" bIns="0" rtlCol="0"/>
            <a:lstStyle/>
            <a:p>
              <a:endParaRPr sz="1539"/>
            </a:p>
          </p:txBody>
        </p:sp>
        <p:sp>
          <p:nvSpPr>
            <p:cNvPr id="254" name="object 254"/>
            <p:cNvSpPr/>
            <p:nvPr/>
          </p:nvSpPr>
          <p:spPr>
            <a:xfrm>
              <a:off x="8863583" y="3998976"/>
              <a:ext cx="88900" cy="1356360"/>
            </a:xfrm>
            <a:custGeom>
              <a:avLst/>
              <a:gdLst/>
              <a:ahLst/>
              <a:cxnLst/>
              <a:rect l="l" t="t" r="r" b="b"/>
              <a:pathLst>
                <a:path w="88900" h="1356360">
                  <a:moveTo>
                    <a:pt x="88392" y="0"/>
                  </a:moveTo>
                  <a:lnTo>
                    <a:pt x="0" y="0"/>
                  </a:lnTo>
                  <a:lnTo>
                    <a:pt x="0" y="1356360"/>
                  </a:lnTo>
                  <a:lnTo>
                    <a:pt x="88392" y="1356360"/>
                  </a:lnTo>
                  <a:lnTo>
                    <a:pt x="88392" y="0"/>
                  </a:lnTo>
                  <a:close/>
                </a:path>
              </a:pathLst>
            </a:custGeom>
            <a:solidFill>
              <a:srgbClr val="FFFF99"/>
            </a:solidFill>
          </p:spPr>
          <p:txBody>
            <a:bodyPr wrap="square" lIns="0" tIns="0" rIns="0" bIns="0" rtlCol="0"/>
            <a:lstStyle/>
            <a:p>
              <a:endParaRPr sz="1539"/>
            </a:p>
          </p:txBody>
        </p:sp>
        <p:sp>
          <p:nvSpPr>
            <p:cNvPr id="255" name="object 255"/>
            <p:cNvSpPr/>
            <p:nvPr/>
          </p:nvSpPr>
          <p:spPr>
            <a:xfrm>
              <a:off x="8862059" y="3997451"/>
              <a:ext cx="91440" cy="1359535"/>
            </a:xfrm>
            <a:custGeom>
              <a:avLst/>
              <a:gdLst/>
              <a:ahLst/>
              <a:cxnLst/>
              <a:rect l="l" t="t" r="r" b="b"/>
              <a:pathLst>
                <a:path w="91440" h="1359535">
                  <a:moveTo>
                    <a:pt x="89916" y="0"/>
                  </a:moveTo>
                  <a:lnTo>
                    <a:pt x="1524" y="0"/>
                  </a:lnTo>
                  <a:lnTo>
                    <a:pt x="0" y="1524"/>
                  </a:lnTo>
                  <a:lnTo>
                    <a:pt x="0" y="1357884"/>
                  </a:lnTo>
                  <a:lnTo>
                    <a:pt x="1524" y="1359408"/>
                  </a:lnTo>
                  <a:lnTo>
                    <a:pt x="89916" y="1359408"/>
                  </a:lnTo>
                  <a:lnTo>
                    <a:pt x="91440" y="1357884"/>
                  </a:lnTo>
                  <a:lnTo>
                    <a:pt x="3048" y="1357884"/>
                  </a:lnTo>
                  <a:lnTo>
                    <a:pt x="1524" y="1356360"/>
                  </a:lnTo>
                  <a:lnTo>
                    <a:pt x="3048" y="1356360"/>
                  </a:lnTo>
                  <a:lnTo>
                    <a:pt x="3048" y="3048"/>
                  </a:lnTo>
                  <a:lnTo>
                    <a:pt x="1524" y="3048"/>
                  </a:lnTo>
                  <a:lnTo>
                    <a:pt x="3048" y="1524"/>
                  </a:lnTo>
                  <a:lnTo>
                    <a:pt x="91440" y="1524"/>
                  </a:lnTo>
                  <a:lnTo>
                    <a:pt x="89916" y="0"/>
                  </a:lnTo>
                  <a:close/>
                </a:path>
                <a:path w="91440" h="1359535">
                  <a:moveTo>
                    <a:pt x="3048" y="1356360"/>
                  </a:moveTo>
                  <a:lnTo>
                    <a:pt x="1524" y="1356360"/>
                  </a:lnTo>
                  <a:lnTo>
                    <a:pt x="3048" y="1357884"/>
                  </a:lnTo>
                  <a:lnTo>
                    <a:pt x="3048" y="1356360"/>
                  </a:lnTo>
                  <a:close/>
                </a:path>
                <a:path w="91440" h="1359535">
                  <a:moveTo>
                    <a:pt x="88392" y="1356360"/>
                  </a:moveTo>
                  <a:lnTo>
                    <a:pt x="3048" y="1356360"/>
                  </a:lnTo>
                  <a:lnTo>
                    <a:pt x="3048" y="1357884"/>
                  </a:lnTo>
                  <a:lnTo>
                    <a:pt x="88392" y="1357884"/>
                  </a:lnTo>
                  <a:lnTo>
                    <a:pt x="88392" y="1356360"/>
                  </a:lnTo>
                  <a:close/>
                </a:path>
                <a:path w="91440" h="1359535">
                  <a:moveTo>
                    <a:pt x="88392" y="1524"/>
                  </a:moveTo>
                  <a:lnTo>
                    <a:pt x="88392" y="1357884"/>
                  </a:lnTo>
                  <a:lnTo>
                    <a:pt x="89916" y="1356360"/>
                  </a:lnTo>
                  <a:lnTo>
                    <a:pt x="91440" y="1356360"/>
                  </a:lnTo>
                  <a:lnTo>
                    <a:pt x="91440" y="3048"/>
                  </a:lnTo>
                  <a:lnTo>
                    <a:pt x="89916" y="3048"/>
                  </a:lnTo>
                  <a:lnTo>
                    <a:pt x="88392" y="1524"/>
                  </a:lnTo>
                  <a:close/>
                </a:path>
                <a:path w="91440" h="1359535">
                  <a:moveTo>
                    <a:pt x="91440" y="1356360"/>
                  </a:moveTo>
                  <a:lnTo>
                    <a:pt x="89916" y="1356360"/>
                  </a:lnTo>
                  <a:lnTo>
                    <a:pt x="88392" y="1357884"/>
                  </a:lnTo>
                  <a:lnTo>
                    <a:pt x="91440" y="1357884"/>
                  </a:lnTo>
                  <a:lnTo>
                    <a:pt x="91440" y="1356360"/>
                  </a:lnTo>
                  <a:close/>
                </a:path>
                <a:path w="91440" h="1359535">
                  <a:moveTo>
                    <a:pt x="3048" y="1524"/>
                  </a:moveTo>
                  <a:lnTo>
                    <a:pt x="1524" y="3048"/>
                  </a:lnTo>
                  <a:lnTo>
                    <a:pt x="3048" y="3048"/>
                  </a:lnTo>
                  <a:lnTo>
                    <a:pt x="3048" y="1524"/>
                  </a:lnTo>
                  <a:close/>
                </a:path>
                <a:path w="91440" h="1359535">
                  <a:moveTo>
                    <a:pt x="88392" y="1524"/>
                  </a:moveTo>
                  <a:lnTo>
                    <a:pt x="3048" y="1524"/>
                  </a:lnTo>
                  <a:lnTo>
                    <a:pt x="3048" y="3048"/>
                  </a:lnTo>
                  <a:lnTo>
                    <a:pt x="88392" y="3048"/>
                  </a:lnTo>
                  <a:lnTo>
                    <a:pt x="88392" y="1524"/>
                  </a:lnTo>
                  <a:close/>
                </a:path>
                <a:path w="91440" h="1359535">
                  <a:moveTo>
                    <a:pt x="91440" y="1524"/>
                  </a:moveTo>
                  <a:lnTo>
                    <a:pt x="88392" y="1524"/>
                  </a:lnTo>
                  <a:lnTo>
                    <a:pt x="89916" y="3048"/>
                  </a:lnTo>
                  <a:lnTo>
                    <a:pt x="91440" y="3048"/>
                  </a:lnTo>
                  <a:lnTo>
                    <a:pt x="91440" y="1524"/>
                  </a:lnTo>
                  <a:close/>
                </a:path>
              </a:pathLst>
            </a:custGeom>
            <a:solidFill>
              <a:srgbClr val="000000"/>
            </a:solidFill>
          </p:spPr>
          <p:txBody>
            <a:bodyPr wrap="square" lIns="0" tIns="0" rIns="0" bIns="0" rtlCol="0"/>
            <a:lstStyle/>
            <a:p>
              <a:endParaRPr sz="1539"/>
            </a:p>
          </p:txBody>
        </p:sp>
        <p:sp>
          <p:nvSpPr>
            <p:cNvPr id="256" name="object 256"/>
            <p:cNvSpPr/>
            <p:nvPr/>
          </p:nvSpPr>
          <p:spPr>
            <a:xfrm>
              <a:off x="9084564" y="4012692"/>
              <a:ext cx="86995" cy="1411605"/>
            </a:xfrm>
            <a:custGeom>
              <a:avLst/>
              <a:gdLst/>
              <a:ahLst/>
              <a:cxnLst/>
              <a:rect l="l" t="t" r="r" b="b"/>
              <a:pathLst>
                <a:path w="86995" h="1411604">
                  <a:moveTo>
                    <a:pt x="86868" y="0"/>
                  </a:moveTo>
                  <a:lnTo>
                    <a:pt x="0" y="0"/>
                  </a:lnTo>
                  <a:lnTo>
                    <a:pt x="0" y="1411224"/>
                  </a:lnTo>
                  <a:lnTo>
                    <a:pt x="86868" y="1411224"/>
                  </a:lnTo>
                  <a:lnTo>
                    <a:pt x="86868" y="0"/>
                  </a:lnTo>
                  <a:close/>
                </a:path>
              </a:pathLst>
            </a:custGeom>
            <a:solidFill>
              <a:srgbClr val="FFFF99"/>
            </a:solidFill>
          </p:spPr>
          <p:txBody>
            <a:bodyPr wrap="square" lIns="0" tIns="0" rIns="0" bIns="0" rtlCol="0"/>
            <a:lstStyle/>
            <a:p>
              <a:endParaRPr sz="1539"/>
            </a:p>
          </p:txBody>
        </p:sp>
        <p:sp>
          <p:nvSpPr>
            <p:cNvPr id="257" name="object 257"/>
            <p:cNvSpPr/>
            <p:nvPr/>
          </p:nvSpPr>
          <p:spPr>
            <a:xfrm>
              <a:off x="9083040" y="4011167"/>
              <a:ext cx="90170" cy="1414780"/>
            </a:xfrm>
            <a:custGeom>
              <a:avLst/>
              <a:gdLst/>
              <a:ahLst/>
              <a:cxnLst/>
              <a:rect l="l" t="t" r="r" b="b"/>
              <a:pathLst>
                <a:path w="90170" h="1414779">
                  <a:moveTo>
                    <a:pt x="88391" y="0"/>
                  </a:moveTo>
                  <a:lnTo>
                    <a:pt x="1524" y="0"/>
                  </a:lnTo>
                  <a:lnTo>
                    <a:pt x="0" y="1524"/>
                  </a:lnTo>
                  <a:lnTo>
                    <a:pt x="0" y="1412747"/>
                  </a:lnTo>
                  <a:lnTo>
                    <a:pt x="1524" y="1414271"/>
                  </a:lnTo>
                  <a:lnTo>
                    <a:pt x="88391" y="1414271"/>
                  </a:lnTo>
                  <a:lnTo>
                    <a:pt x="89915" y="1412747"/>
                  </a:lnTo>
                  <a:lnTo>
                    <a:pt x="3048" y="1412747"/>
                  </a:lnTo>
                  <a:lnTo>
                    <a:pt x="1524" y="1411223"/>
                  </a:lnTo>
                  <a:lnTo>
                    <a:pt x="3048" y="1411223"/>
                  </a:lnTo>
                  <a:lnTo>
                    <a:pt x="3048" y="3047"/>
                  </a:lnTo>
                  <a:lnTo>
                    <a:pt x="1524" y="3047"/>
                  </a:lnTo>
                  <a:lnTo>
                    <a:pt x="3048" y="1524"/>
                  </a:lnTo>
                  <a:lnTo>
                    <a:pt x="89915" y="1524"/>
                  </a:lnTo>
                  <a:lnTo>
                    <a:pt x="88391" y="0"/>
                  </a:lnTo>
                  <a:close/>
                </a:path>
                <a:path w="90170" h="1414779">
                  <a:moveTo>
                    <a:pt x="3048" y="1411223"/>
                  </a:moveTo>
                  <a:lnTo>
                    <a:pt x="1524" y="1411223"/>
                  </a:lnTo>
                  <a:lnTo>
                    <a:pt x="3048" y="1412747"/>
                  </a:lnTo>
                  <a:lnTo>
                    <a:pt x="3048" y="1411223"/>
                  </a:lnTo>
                  <a:close/>
                </a:path>
                <a:path w="90170" h="1414779">
                  <a:moveTo>
                    <a:pt x="86867" y="1411223"/>
                  </a:moveTo>
                  <a:lnTo>
                    <a:pt x="3048" y="1411223"/>
                  </a:lnTo>
                  <a:lnTo>
                    <a:pt x="3048" y="1412747"/>
                  </a:lnTo>
                  <a:lnTo>
                    <a:pt x="86867" y="1412747"/>
                  </a:lnTo>
                  <a:lnTo>
                    <a:pt x="86867" y="1411223"/>
                  </a:lnTo>
                  <a:close/>
                </a:path>
                <a:path w="90170" h="1414779">
                  <a:moveTo>
                    <a:pt x="86867" y="1524"/>
                  </a:moveTo>
                  <a:lnTo>
                    <a:pt x="86867" y="1412747"/>
                  </a:lnTo>
                  <a:lnTo>
                    <a:pt x="88391" y="1411223"/>
                  </a:lnTo>
                  <a:lnTo>
                    <a:pt x="89915" y="1411223"/>
                  </a:lnTo>
                  <a:lnTo>
                    <a:pt x="89915" y="3047"/>
                  </a:lnTo>
                  <a:lnTo>
                    <a:pt x="88391" y="3047"/>
                  </a:lnTo>
                  <a:lnTo>
                    <a:pt x="86867" y="1524"/>
                  </a:lnTo>
                  <a:close/>
                </a:path>
                <a:path w="90170" h="1414779">
                  <a:moveTo>
                    <a:pt x="89915" y="1411223"/>
                  </a:moveTo>
                  <a:lnTo>
                    <a:pt x="88391" y="1411223"/>
                  </a:lnTo>
                  <a:lnTo>
                    <a:pt x="86867" y="1412747"/>
                  </a:lnTo>
                  <a:lnTo>
                    <a:pt x="89915" y="1412747"/>
                  </a:lnTo>
                  <a:lnTo>
                    <a:pt x="89915" y="1411223"/>
                  </a:lnTo>
                  <a:close/>
                </a:path>
                <a:path w="90170" h="1414779">
                  <a:moveTo>
                    <a:pt x="3048" y="1524"/>
                  </a:moveTo>
                  <a:lnTo>
                    <a:pt x="1524" y="3047"/>
                  </a:lnTo>
                  <a:lnTo>
                    <a:pt x="3048" y="3047"/>
                  </a:lnTo>
                  <a:lnTo>
                    <a:pt x="3048" y="1524"/>
                  </a:lnTo>
                  <a:close/>
                </a:path>
                <a:path w="90170" h="1414779">
                  <a:moveTo>
                    <a:pt x="86867" y="1524"/>
                  </a:moveTo>
                  <a:lnTo>
                    <a:pt x="3048" y="1524"/>
                  </a:lnTo>
                  <a:lnTo>
                    <a:pt x="3048" y="3047"/>
                  </a:lnTo>
                  <a:lnTo>
                    <a:pt x="86867" y="3047"/>
                  </a:lnTo>
                  <a:lnTo>
                    <a:pt x="86867" y="1524"/>
                  </a:lnTo>
                  <a:close/>
                </a:path>
                <a:path w="90170" h="1414779">
                  <a:moveTo>
                    <a:pt x="89915" y="1524"/>
                  </a:moveTo>
                  <a:lnTo>
                    <a:pt x="86867" y="1524"/>
                  </a:lnTo>
                  <a:lnTo>
                    <a:pt x="88391" y="3047"/>
                  </a:lnTo>
                  <a:lnTo>
                    <a:pt x="89915" y="3047"/>
                  </a:lnTo>
                  <a:lnTo>
                    <a:pt x="89915" y="1524"/>
                  </a:lnTo>
                  <a:close/>
                </a:path>
              </a:pathLst>
            </a:custGeom>
            <a:solidFill>
              <a:srgbClr val="000000"/>
            </a:solidFill>
          </p:spPr>
          <p:txBody>
            <a:bodyPr wrap="square" lIns="0" tIns="0" rIns="0" bIns="0" rtlCol="0"/>
            <a:lstStyle/>
            <a:p>
              <a:endParaRPr sz="1539"/>
            </a:p>
          </p:txBody>
        </p:sp>
        <p:sp>
          <p:nvSpPr>
            <p:cNvPr id="258" name="object 258"/>
            <p:cNvSpPr/>
            <p:nvPr/>
          </p:nvSpPr>
          <p:spPr>
            <a:xfrm>
              <a:off x="9304020" y="3973067"/>
              <a:ext cx="88900" cy="1442085"/>
            </a:xfrm>
            <a:custGeom>
              <a:avLst/>
              <a:gdLst/>
              <a:ahLst/>
              <a:cxnLst/>
              <a:rect l="l" t="t" r="r" b="b"/>
              <a:pathLst>
                <a:path w="88900" h="1442085">
                  <a:moveTo>
                    <a:pt x="88392" y="0"/>
                  </a:moveTo>
                  <a:lnTo>
                    <a:pt x="0" y="0"/>
                  </a:lnTo>
                  <a:lnTo>
                    <a:pt x="0" y="1441703"/>
                  </a:lnTo>
                  <a:lnTo>
                    <a:pt x="88392" y="1441703"/>
                  </a:lnTo>
                  <a:lnTo>
                    <a:pt x="88392" y="0"/>
                  </a:lnTo>
                  <a:close/>
                </a:path>
              </a:pathLst>
            </a:custGeom>
            <a:solidFill>
              <a:srgbClr val="FFFF99"/>
            </a:solidFill>
          </p:spPr>
          <p:txBody>
            <a:bodyPr wrap="square" lIns="0" tIns="0" rIns="0" bIns="0" rtlCol="0"/>
            <a:lstStyle/>
            <a:p>
              <a:endParaRPr sz="1539"/>
            </a:p>
          </p:txBody>
        </p:sp>
        <p:sp>
          <p:nvSpPr>
            <p:cNvPr id="259" name="object 259"/>
            <p:cNvSpPr/>
            <p:nvPr/>
          </p:nvSpPr>
          <p:spPr>
            <a:xfrm>
              <a:off x="402336" y="2135123"/>
              <a:ext cx="9058910" cy="4326890"/>
            </a:xfrm>
            <a:custGeom>
              <a:avLst/>
              <a:gdLst/>
              <a:ahLst/>
              <a:cxnLst/>
              <a:rect l="l" t="t" r="r" b="b"/>
              <a:pathLst>
                <a:path w="9058910" h="4326890">
                  <a:moveTo>
                    <a:pt x="8991600" y="1837944"/>
                  </a:moveTo>
                  <a:lnTo>
                    <a:pt x="8990076" y="1836420"/>
                  </a:lnTo>
                  <a:lnTo>
                    <a:pt x="8988552" y="1836420"/>
                  </a:lnTo>
                  <a:lnTo>
                    <a:pt x="8988552" y="1839468"/>
                  </a:lnTo>
                  <a:lnTo>
                    <a:pt x="8988552" y="3278124"/>
                  </a:lnTo>
                  <a:lnTo>
                    <a:pt x="8903208" y="3278124"/>
                  </a:lnTo>
                  <a:lnTo>
                    <a:pt x="8903208" y="1839468"/>
                  </a:lnTo>
                  <a:lnTo>
                    <a:pt x="8988552" y="1839468"/>
                  </a:lnTo>
                  <a:lnTo>
                    <a:pt x="8988552" y="1836420"/>
                  </a:lnTo>
                  <a:lnTo>
                    <a:pt x="8901684" y="1836420"/>
                  </a:lnTo>
                  <a:lnTo>
                    <a:pt x="8900160" y="1837944"/>
                  </a:lnTo>
                  <a:lnTo>
                    <a:pt x="8900160" y="3279648"/>
                  </a:lnTo>
                  <a:lnTo>
                    <a:pt x="8901684" y="3281172"/>
                  </a:lnTo>
                  <a:lnTo>
                    <a:pt x="8990076" y="3281172"/>
                  </a:lnTo>
                  <a:lnTo>
                    <a:pt x="8991600" y="3279648"/>
                  </a:lnTo>
                  <a:lnTo>
                    <a:pt x="8991600" y="3278124"/>
                  </a:lnTo>
                  <a:lnTo>
                    <a:pt x="8991600" y="1839468"/>
                  </a:lnTo>
                  <a:lnTo>
                    <a:pt x="8991600" y="1837944"/>
                  </a:lnTo>
                  <a:close/>
                </a:path>
                <a:path w="9058910" h="4326890">
                  <a:moveTo>
                    <a:pt x="9058656" y="4572"/>
                  </a:moveTo>
                  <a:lnTo>
                    <a:pt x="9057132" y="4572"/>
                  </a:lnTo>
                  <a:lnTo>
                    <a:pt x="9057132" y="3048"/>
                  </a:lnTo>
                  <a:lnTo>
                    <a:pt x="9011412" y="3048"/>
                  </a:lnTo>
                  <a:lnTo>
                    <a:pt x="9011412" y="6096"/>
                  </a:lnTo>
                  <a:lnTo>
                    <a:pt x="9055608" y="6096"/>
                  </a:lnTo>
                  <a:lnTo>
                    <a:pt x="9055608" y="483108"/>
                  </a:lnTo>
                  <a:lnTo>
                    <a:pt x="9011412" y="483108"/>
                  </a:lnTo>
                  <a:lnTo>
                    <a:pt x="9011412" y="486156"/>
                  </a:lnTo>
                  <a:lnTo>
                    <a:pt x="9055608" y="486156"/>
                  </a:lnTo>
                  <a:lnTo>
                    <a:pt x="9055608" y="963168"/>
                  </a:lnTo>
                  <a:lnTo>
                    <a:pt x="9011412" y="963168"/>
                  </a:lnTo>
                  <a:lnTo>
                    <a:pt x="9011412" y="966216"/>
                  </a:lnTo>
                  <a:lnTo>
                    <a:pt x="9055608" y="966216"/>
                  </a:lnTo>
                  <a:lnTo>
                    <a:pt x="9055608" y="1441704"/>
                  </a:lnTo>
                  <a:lnTo>
                    <a:pt x="9011412" y="1441704"/>
                  </a:lnTo>
                  <a:lnTo>
                    <a:pt x="9011412" y="1444752"/>
                  </a:lnTo>
                  <a:lnTo>
                    <a:pt x="9055608" y="1444752"/>
                  </a:lnTo>
                  <a:lnTo>
                    <a:pt x="9055608" y="1921764"/>
                  </a:lnTo>
                  <a:lnTo>
                    <a:pt x="9011412" y="1921764"/>
                  </a:lnTo>
                  <a:lnTo>
                    <a:pt x="9011412" y="1924812"/>
                  </a:lnTo>
                  <a:lnTo>
                    <a:pt x="9055608" y="1924812"/>
                  </a:lnTo>
                  <a:lnTo>
                    <a:pt x="9055608" y="2401824"/>
                  </a:lnTo>
                  <a:lnTo>
                    <a:pt x="9011412" y="2401824"/>
                  </a:lnTo>
                  <a:lnTo>
                    <a:pt x="9011412" y="2404872"/>
                  </a:lnTo>
                  <a:lnTo>
                    <a:pt x="9055608" y="2404872"/>
                  </a:lnTo>
                  <a:lnTo>
                    <a:pt x="9055608" y="2881884"/>
                  </a:lnTo>
                  <a:lnTo>
                    <a:pt x="9011412" y="2881884"/>
                  </a:lnTo>
                  <a:lnTo>
                    <a:pt x="9011412" y="2884932"/>
                  </a:lnTo>
                  <a:lnTo>
                    <a:pt x="9055608" y="2884932"/>
                  </a:lnTo>
                  <a:lnTo>
                    <a:pt x="9055608" y="3360420"/>
                  </a:lnTo>
                  <a:lnTo>
                    <a:pt x="9011412" y="3360420"/>
                  </a:lnTo>
                  <a:lnTo>
                    <a:pt x="9011412" y="3363468"/>
                  </a:lnTo>
                  <a:lnTo>
                    <a:pt x="9055608" y="3363468"/>
                  </a:lnTo>
                  <a:lnTo>
                    <a:pt x="9055608" y="3840480"/>
                  </a:lnTo>
                  <a:lnTo>
                    <a:pt x="9011412" y="3840480"/>
                  </a:lnTo>
                  <a:lnTo>
                    <a:pt x="9011412" y="3843528"/>
                  </a:lnTo>
                  <a:lnTo>
                    <a:pt x="9055608" y="3843528"/>
                  </a:lnTo>
                  <a:lnTo>
                    <a:pt x="9055608" y="4317504"/>
                  </a:lnTo>
                  <a:lnTo>
                    <a:pt x="50292" y="4317504"/>
                  </a:lnTo>
                  <a:lnTo>
                    <a:pt x="9144" y="4317504"/>
                  </a:lnTo>
                  <a:lnTo>
                    <a:pt x="9144" y="3846576"/>
                  </a:lnTo>
                  <a:lnTo>
                    <a:pt x="50292" y="3846576"/>
                  </a:lnTo>
                  <a:lnTo>
                    <a:pt x="50292" y="3837432"/>
                  </a:lnTo>
                  <a:lnTo>
                    <a:pt x="9144" y="3837432"/>
                  </a:lnTo>
                  <a:lnTo>
                    <a:pt x="9144" y="3366516"/>
                  </a:lnTo>
                  <a:lnTo>
                    <a:pt x="50292" y="3366516"/>
                  </a:lnTo>
                  <a:lnTo>
                    <a:pt x="50292" y="3357372"/>
                  </a:lnTo>
                  <a:lnTo>
                    <a:pt x="9144" y="3357372"/>
                  </a:lnTo>
                  <a:lnTo>
                    <a:pt x="9144" y="2887980"/>
                  </a:lnTo>
                  <a:lnTo>
                    <a:pt x="50292" y="2887980"/>
                  </a:lnTo>
                  <a:lnTo>
                    <a:pt x="50292" y="2878836"/>
                  </a:lnTo>
                  <a:lnTo>
                    <a:pt x="9144" y="2878836"/>
                  </a:lnTo>
                  <a:lnTo>
                    <a:pt x="9144" y="2407920"/>
                  </a:lnTo>
                  <a:lnTo>
                    <a:pt x="50292" y="2407920"/>
                  </a:lnTo>
                  <a:lnTo>
                    <a:pt x="50292" y="2398776"/>
                  </a:lnTo>
                  <a:lnTo>
                    <a:pt x="9144" y="2398776"/>
                  </a:lnTo>
                  <a:lnTo>
                    <a:pt x="9144" y="1927860"/>
                  </a:lnTo>
                  <a:lnTo>
                    <a:pt x="50292" y="1927860"/>
                  </a:lnTo>
                  <a:lnTo>
                    <a:pt x="50292" y="1918716"/>
                  </a:lnTo>
                  <a:lnTo>
                    <a:pt x="9144" y="1918716"/>
                  </a:lnTo>
                  <a:lnTo>
                    <a:pt x="9144" y="1447800"/>
                  </a:lnTo>
                  <a:lnTo>
                    <a:pt x="50292" y="1447800"/>
                  </a:lnTo>
                  <a:lnTo>
                    <a:pt x="50292" y="1438656"/>
                  </a:lnTo>
                  <a:lnTo>
                    <a:pt x="9144" y="1438656"/>
                  </a:lnTo>
                  <a:lnTo>
                    <a:pt x="9144" y="969264"/>
                  </a:lnTo>
                  <a:lnTo>
                    <a:pt x="50292" y="969264"/>
                  </a:lnTo>
                  <a:lnTo>
                    <a:pt x="50292" y="960120"/>
                  </a:lnTo>
                  <a:lnTo>
                    <a:pt x="9144" y="960120"/>
                  </a:lnTo>
                  <a:lnTo>
                    <a:pt x="9144" y="489204"/>
                  </a:lnTo>
                  <a:lnTo>
                    <a:pt x="50292" y="489204"/>
                  </a:lnTo>
                  <a:lnTo>
                    <a:pt x="50292" y="480060"/>
                  </a:lnTo>
                  <a:lnTo>
                    <a:pt x="9144" y="480060"/>
                  </a:lnTo>
                  <a:lnTo>
                    <a:pt x="9144" y="9144"/>
                  </a:lnTo>
                  <a:lnTo>
                    <a:pt x="50292" y="9144"/>
                  </a:lnTo>
                  <a:lnTo>
                    <a:pt x="50292" y="0"/>
                  </a:lnTo>
                  <a:lnTo>
                    <a:pt x="4572" y="0"/>
                  </a:lnTo>
                  <a:lnTo>
                    <a:pt x="4572" y="4572"/>
                  </a:lnTo>
                  <a:lnTo>
                    <a:pt x="0" y="4572"/>
                  </a:lnTo>
                  <a:lnTo>
                    <a:pt x="0" y="4322076"/>
                  </a:lnTo>
                  <a:lnTo>
                    <a:pt x="4572" y="4322076"/>
                  </a:lnTo>
                  <a:lnTo>
                    <a:pt x="4572" y="4326648"/>
                  </a:lnTo>
                  <a:lnTo>
                    <a:pt x="50292" y="4326648"/>
                  </a:lnTo>
                  <a:lnTo>
                    <a:pt x="9057132" y="4326648"/>
                  </a:lnTo>
                  <a:lnTo>
                    <a:pt x="9057132" y="4323600"/>
                  </a:lnTo>
                  <a:lnTo>
                    <a:pt x="9057132" y="4322076"/>
                  </a:lnTo>
                  <a:lnTo>
                    <a:pt x="9058656" y="4322076"/>
                  </a:lnTo>
                  <a:lnTo>
                    <a:pt x="9058656" y="4572"/>
                  </a:lnTo>
                  <a:close/>
                </a:path>
              </a:pathLst>
            </a:custGeom>
            <a:solidFill>
              <a:srgbClr val="000000"/>
            </a:solidFill>
          </p:spPr>
          <p:txBody>
            <a:bodyPr wrap="square" lIns="0" tIns="0" rIns="0" bIns="0" rtlCol="0"/>
            <a:lstStyle/>
            <a:p>
              <a:endParaRPr sz="1539"/>
            </a:p>
          </p:txBody>
        </p:sp>
        <p:pic>
          <p:nvPicPr>
            <p:cNvPr id="260" name="object 260"/>
            <p:cNvPicPr/>
            <p:nvPr/>
          </p:nvPicPr>
          <p:blipFill>
            <a:blip r:embed="rId2" cstate="print"/>
            <a:stretch>
              <a:fillRect/>
            </a:stretch>
          </p:blipFill>
          <p:spPr>
            <a:xfrm>
              <a:off x="492251" y="2215896"/>
              <a:ext cx="8912352" cy="2871216"/>
            </a:xfrm>
            <a:prstGeom prst="rect">
              <a:avLst/>
            </a:prstGeom>
          </p:spPr>
        </p:pic>
        <p:sp>
          <p:nvSpPr>
            <p:cNvPr id="261" name="object 261"/>
            <p:cNvSpPr/>
            <p:nvPr/>
          </p:nvSpPr>
          <p:spPr>
            <a:xfrm>
              <a:off x="461772" y="6097524"/>
              <a:ext cx="111760" cy="134620"/>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grpSp>
      <p:sp>
        <p:nvSpPr>
          <p:cNvPr id="262" name="object 262"/>
          <p:cNvSpPr txBox="1"/>
          <p:nvPr/>
        </p:nvSpPr>
        <p:spPr>
          <a:xfrm>
            <a:off x="385307" y="5394743"/>
            <a:ext cx="116200" cy="124501"/>
          </a:xfrm>
          <a:prstGeom prst="rect">
            <a:avLst/>
          </a:prstGeom>
        </p:spPr>
        <p:txBody>
          <a:bodyPr vert="horz" wrap="square" lIns="0" tIns="12489" rIns="0" bIns="0" rtlCol="0">
            <a:spAutoFit/>
          </a:bodyPr>
          <a:lstStyle/>
          <a:p>
            <a:pPr marL="10860">
              <a:spcBef>
                <a:spcPts val="98"/>
              </a:spcBef>
            </a:pPr>
            <a:r>
              <a:rPr sz="727" spc="-21" dirty="0">
                <a:solidFill>
                  <a:srgbClr val="3F3F3F"/>
                </a:solidFill>
                <a:latin typeface="Calibri"/>
                <a:cs typeface="Calibri"/>
              </a:rPr>
              <a:t>12</a:t>
            </a:r>
            <a:endParaRPr sz="727">
              <a:latin typeface="Calibri"/>
              <a:cs typeface="Calibri"/>
            </a:endParaRPr>
          </a:p>
        </p:txBody>
      </p:sp>
      <p:sp>
        <p:nvSpPr>
          <p:cNvPr id="263" name="object 263"/>
          <p:cNvSpPr/>
          <p:nvPr/>
        </p:nvSpPr>
        <p:spPr>
          <a:xfrm>
            <a:off x="583825" y="5350869"/>
            <a:ext cx="95567" cy="115114"/>
          </a:xfrm>
          <a:custGeom>
            <a:avLst/>
            <a:gdLst/>
            <a:ahLst/>
            <a:cxnLst/>
            <a:rect l="l" t="t" r="r" b="b"/>
            <a:pathLst>
              <a:path w="111759"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264" name="object 264"/>
          <p:cNvSpPr txBox="1"/>
          <p:nvPr/>
        </p:nvSpPr>
        <p:spPr>
          <a:xfrm>
            <a:off x="574270" y="5336099"/>
            <a:ext cx="116200" cy="124501"/>
          </a:xfrm>
          <a:prstGeom prst="rect">
            <a:avLst/>
          </a:prstGeom>
        </p:spPr>
        <p:txBody>
          <a:bodyPr vert="horz" wrap="square" lIns="0" tIns="12489" rIns="0" bIns="0" rtlCol="0">
            <a:spAutoFit/>
          </a:bodyPr>
          <a:lstStyle/>
          <a:p>
            <a:pPr marL="10860">
              <a:spcBef>
                <a:spcPts val="98"/>
              </a:spcBef>
            </a:pPr>
            <a:r>
              <a:rPr sz="727" spc="-21" dirty="0">
                <a:solidFill>
                  <a:srgbClr val="3F3F3F"/>
                </a:solidFill>
                <a:latin typeface="Calibri"/>
                <a:cs typeface="Calibri"/>
              </a:rPr>
              <a:t>15</a:t>
            </a:r>
            <a:endParaRPr sz="727">
              <a:latin typeface="Calibri"/>
              <a:cs typeface="Calibri"/>
            </a:endParaRPr>
          </a:p>
        </p:txBody>
      </p:sp>
      <p:sp>
        <p:nvSpPr>
          <p:cNvPr id="265" name="object 265"/>
          <p:cNvSpPr/>
          <p:nvPr/>
        </p:nvSpPr>
        <p:spPr>
          <a:xfrm>
            <a:off x="772787" y="5300045"/>
            <a:ext cx="95567" cy="113486"/>
          </a:xfrm>
          <a:custGeom>
            <a:avLst/>
            <a:gdLst/>
            <a:ahLst/>
            <a:cxnLst/>
            <a:rect l="l" t="t" r="r" b="b"/>
            <a:pathLst>
              <a:path w="111759" h="132714">
                <a:moveTo>
                  <a:pt x="111252" y="0"/>
                </a:moveTo>
                <a:lnTo>
                  <a:pt x="0" y="0"/>
                </a:lnTo>
                <a:lnTo>
                  <a:pt x="0" y="132587"/>
                </a:lnTo>
                <a:lnTo>
                  <a:pt x="111252" y="132587"/>
                </a:lnTo>
                <a:lnTo>
                  <a:pt x="111252" y="0"/>
                </a:lnTo>
                <a:close/>
              </a:path>
            </a:pathLst>
          </a:custGeom>
          <a:solidFill>
            <a:srgbClr val="FFFFFF"/>
          </a:solidFill>
        </p:spPr>
        <p:txBody>
          <a:bodyPr wrap="square" lIns="0" tIns="0" rIns="0" bIns="0" rtlCol="0"/>
          <a:lstStyle/>
          <a:p>
            <a:endParaRPr sz="1539"/>
          </a:p>
        </p:txBody>
      </p:sp>
      <p:sp>
        <p:nvSpPr>
          <p:cNvPr id="266" name="object 266"/>
          <p:cNvSpPr txBox="1"/>
          <p:nvPr/>
        </p:nvSpPr>
        <p:spPr>
          <a:xfrm>
            <a:off x="761928" y="5283971"/>
            <a:ext cx="116200" cy="124501"/>
          </a:xfrm>
          <a:prstGeom prst="rect">
            <a:avLst/>
          </a:prstGeom>
        </p:spPr>
        <p:txBody>
          <a:bodyPr vert="horz" wrap="square" lIns="0" tIns="12489" rIns="0" bIns="0" rtlCol="0">
            <a:spAutoFit/>
          </a:bodyPr>
          <a:lstStyle/>
          <a:p>
            <a:pPr marL="10860">
              <a:spcBef>
                <a:spcPts val="98"/>
              </a:spcBef>
            </a:pPr>
            <a:r>
              <a:rPr sz="727" spc="-21" dirty="0">
                <a:solidFill>
                  <a:srgbClr val="3F3F3F"/>
                </a:solidFill>
                <a:latin typeface="Calibri"/>
                <a:cs typeface="Calibri"/>
              </a:rPr>
              <a:t>18</a:t>
            </a:r>
            <a:endParaRPr sz="727">
              <a:latin typeface="Calibri"/>
              <a:cs typeface="Calibri"/>
            </a:endParaRPr>
          </a:p>
        </p:txBody>
      </p:sp>
      <p:sp>
        <p:nvSpPr>
          <p:cNvPr id="267" name="object 267"/>
          <p:cNvSpPr/>
          <p:nvPr/>
        </p:nvSpPr>
        <p:spPr>
          <a:xfrm>
            <a:off x="961748" y="5275285"/>
            <a:ext cx="95567" cy="115114"/>
          </a:xfrm>
          <a:custGeom>
            <a:avLst/>
            <a:gdLst/>
            <a:ahLst/>
            <a:cxnLst/>
            <a:rect l="l" t="t" r="r" b="b"/>
            <a:pathLst>
              <a:path w="111759" h="134620">
                <a:moveTo>
                  <a:pt x="111252" y="0"/>
                </a:moveTo>
                <a:lnTo>
                  <a:pt x="0" y="0"/>
                </a:lnTo>
                <a:lnTo>
                  <a:pt x="0" y="134112"/>
                </a:lnTo>
                <a:lnTo>
                  <a:pt x="111252" y="134112"/>
                </a:lnTo>
                <a:lnTo>
                  <a:pt x="111252" y="0"/>
                </a:lnTo>
                <a:close/>
              </a:path>
            </a:pathLst>
          </a:custGeom>
          <a:solidFill>
            <a:srgbClr val="FFFFFF"/>
          </a:solidFill>
        </p:spPr>
        <p:txBody>
          <a:bodyPr wrap="square" lIns="0" tIns="0" rIns="0" bIns="0" rtlCol="0"/>
          <a:lstStyle/>
          <a:p>
            <a:endParaRPr sz="1539"/>
          </a:p>
        </p:txBody>
      </p:sp>
      <p:sp>
        <p:nvSpPr>
          <p:cNvPr id="268" name="object 268"/>
          <p:cNvSpPr txBox="1"/>
          <p:nvPr/>
        </p:nvSpPr>
        <p:spPr>
          <a:xfrm>
            <a:off x="950889" y="525921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19</a:t>
            </a:r>
            <a:endParaRPr sz="727">
              <a:latin typeface="Calibri"/>
              <a:cs typeface="Calibri"/>
            </a:endParaRPr>
          </a:p>
        </p:txBody>
      </p:sp>
      <p:sp>
        <p:nvSpPr>
          <p:cNvPr id="269" name="object 269"/>
          <p:cNvSpPr/>
          <p:nvPr/>
        </p:nvSpPr>
        <p:spPr>
          <a:xfrm>
            <a:off x="1150710" y="5258343"/>
            <a:ext cx="95567" cy="113486"/>
          </a:xfrm>
          <a:custGeom>
            <a:avLst/>
            <a:gdLst/>
            <a:ahLst/>
            <a:cxnLst/>
            <a:rect l="l" t="t" r="r" b="b"/>
            <a:pathLst>
              <a:path w="111759" h="132714">
                <a:moveTo>
                  <a:pt x="111252" y="0"/>
                </a:moveTo>
                <a:lnTo>
                  <a:pt x="0" y="0"/>
                </a:lnTo>
                <a:lnTo>
                  <a:pt x="0" y="132588"/>
                </a:lnTo>
                <a:lnTo>
                  <a:pt x="111252" y="132588"/>
                </a:lnTo>
                <a:lnTo>
                  <a:pt x="111252" y="0"/>
                </a:lnTo>
                <a:close/>
              </a:path>
            </a:pathLst>
          </a:custGeom>
          <a:solidFill>
            <a:srgbClr val="FFFFFF"/>
          </a:solidFill>
        </p:spPr>
        <p:txBody>
          <a:bodyPr wrap="square" lIns="0" tIns="0" rIns="0" bIns="0" rtlCol="0"/>
          <a:lstStyle/>
          <a:p>
            <a:endParaRPr sz="1539"/>
          </a:p>
        </p:txBody>
      </p:sp>
      <p:sp>
        <p:nvSpPr>
          <p:cNvPr id="270" name="object 270"/>
          <p:cNvSpPr txBox="1"/>
          <p:nvPr/>
        </p:nvSpPr>
        <p:spPr>
          <a:xfrm>
            <a:off x="1139850" y="524227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0</a:t>
            </a:r>
            <a:endParaRPr sz="727">
              <a:latin typeface="Calibri"/>
              <a:cs typeface="Calibri"/>
            </a:endParaRPr>
          </a:p>
        </p:txBody>
      </p:sp>
      <p:sp>
        <p:nvSpPr>
          <p:cNvPr id="271" name="object 271"/>
          <p:cNvSpPr/>
          <p:nvPr/>
        </p:nvSpPr>
        <p:spPr>
          <a:xfrm>
            <a:off x="1339673" y="5244018"/>
            <a:ext cx="282899" cy="115114"/>
          </a:xfrm>
          <a:custGeom>
            <a:avLst/>
            <a:gdLst/>
            <a:ahLst/>
            <a:cxnLst/>
            <a:rect l="l" t="t" r="r" b="b"/>
            <a:pathLst>
              <a:path w="330835" h="134620">
                <a:moveTo>
                  <a:pt x="111252" y="0"/>
                </a:moveTo>
                <a:lnTo>
                  <a:pt x="0" y="0"/>
                </a:lnTo>
                <a:lnTo>
                  <a:pt x="0" y="134099"/>
                </a:lnTo>
                <a:lnTo>
                  <a:pt x="111252" y="134099"/>
                </a:lnTo>
                <a:lnTo>
                  <a:pt x="111252" y="0"/>
                </a:lnTo>
                <a:close/>
              </a:path>
              <a:path w="330835" h="134620">
                <a:moveTo>
                  <a:pt x="330695" y="0"/>
                </a:moveTo>
                <a:lnTo>
                  <a:pt x="219456" y="0"/>
                </a:lnTo>
                <a:lnTo>
                  <a:pt x="219456" y="134099"/>
                </a:lnTo>
                <a:lnTo>
                  <a:pt x="330695" y="134099"/>
                </a:lnTo>
                <a:lnTo>
                  <a:pt x="330695" y="0"/>
                </a:lnTo>
                <a:close/>
              </a:path>
            </a:pathLst>
          </a:custGeom>
          <a:solidFill>
            <a:srgbClr val="FFFFFF"/>
          </a:solidFill>
        </p:spPr>
        <p:txBody>
          <a:bodyPr wrap="square" lIns="0" tIns="0" rIns="0" bIns="0" rtlCol="0"/>
          <a:lstStyle/>
          <a:p>
            <a:endParaRPr sz="1539"/>
          </a:p>
        </p:txBody>
      </p:sp>
      <p:sp>
        <p:nvSpPr>
          <p:cNvPr id="272" name="object 272"/>
          <p:cNvSpPr txBox="1"/>
          <p:nvPr/>
        </p:nvSpPr>
        <p:spPr>
          <a:xfrm>
            <a:off x="1328812" y="5229238"/>
            <a:ext cx="305162" cy="123953"/>
          </a:xfrm>
          <a:prstGeom prst="rect">
            <a:avLst/>
          </a:prstGeom>
        </p:spPr>
        <p:txBody>
          <a:bodyPr vert="horz" wrap="square" lIns="0" tIns="11946" rIns="0" bIns="0" rtlCol="0">
            <a:spAutoFit/>
          </a:bodyPr>
          <a:lstStyle/>
          <a:p>
            <a:pPr marL="10860">
              <a:spcBef>
                <a:spcPts val="94"/>
              </a:spcBef>
            </a:pPr>
            <a:r>
              <a:rPr sz="727" dirty="0">
                <a:solidFill>
                  <a:srgbClr val="3F3F3F"/>
                </a:solidFill>
                <a:latin typeface="Calibri"/>
                <a:cs typeface="Calibri"/>
              </a:rPr>
              <a:t>20</a:t>
            </a:r>
            <a:r>
              <a:rPr sz="727" spc="205" dirty="0">
                <a:solidFill>
                  <a:srgbClr val="3F3F3F"/>
                </a:solidFill>
                <a:latin typeface="Calibri"/>
                <a:cs typeface="Calibri"/>
              </a:rPr>
              <a:t>  </a:t>
            </a:r>
            <a:r>
              <a:rPr sz="727" spc="-21" dirty="0">
                <a:solidFill>
                  <a:srgbClr val="3F3F3F"/>
                </a:solidFill>
                <a:latin typeface="Calibri"/>
                <a:cs typeface="Calibri"/>
              </a:rPr>
              <a:t>20</a:t>
            </a:r>
            <a:endParaRPr sz="727">
              <a:latin typeface="Calibri"/>
              <a:cs typeface="Calibri"/>
            </a:endParaRPr>
          </a:p>
        </p:txBody>
      </p:sp>
      <p:sp>
        <p:nvSpPr>
          <p:cNvPr id="273" name="object 273"/>
          <p:cNvSpPr/>
          <p:nvPr/>
        </p:nvSpPr>
        <p:spPr>
          <a:xfrm>
            <a:off x="1716291" y="5251827"/>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274" name="object 274"/>
          <p:cNvSpPr txBox="1"/>
          <p:nvPr/>
        </p:nvSpPr>
        <p:spPr>
          <a:xfrm>
            <a:off x="1706735" y="5237057"/>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0</a:t>
            </a:r>
            <a:endParaRPr sz="727">
              <a:latin typeface="Calibri"/>
              <a:cs typeface="Calibri"/>
            </a:endParaRPr>
          </a:p>
        </p:txBody>
      </p:sp>
      <p:sp>
        <p:nvSpPr>
          <p:cNvPr id="275" name="object 275"/>
          <p:cNvSpPr/>
          <p:nvPr/>
        </p:nvSpPr>
        <p:spPr>
          <a:xfrm>
            <a:off x="1905254" y="5260960"/>
            <a:ext cx="284528" cy="117286"/>
          </a:xfrm>
          <a:custGeom>
            <a:avLst/>
            <a:gdLst/>
            <a:ahLst/>
            <a:cxnLst/>
            <a:rect l="l" t="t" r="r" b="b"/>
            <a:pathLst>
              <a:path w="332739" h="137160">
                <a:moveTo>
                  <a:pt x="111252" y="0"/>
                </a:moveTo>
                <a:lnTo>
                  <a:pt x="0" y="0"/>
                </a:lnTo>
                <a:lnTo>
                  <a:pt x="0" y="134099"/>
                </a:lnTo>
                <a:lnTo>
                  <a:pt x="111252" y="134099"/>
                </a:lnTo>
                <a:lnTo>
                  <a:pt x="111252" y="0"/>
                </a:lnTo>
                <a:close/>
              </a:path>
              <a:path w="332739" h="137160">
                <a:moveTo>
                  <a:pt x="332232" y="3035"/>
                </a:moveTo>
                <a:lnTo>
                  <a:pt x="220980" y="3035"/>
                </a:lnTo>
                <a:lnTo>
                  <a:pt x="220980" y="137147"/>
                </a:lnTo>
                <a:lnTo>
                  <a:pt x="332232" y="137147"/>
                </a:lnTo>
                <a:lnTo>
                  <a:pt x="332232" y="3035"/>
                </a:lnTo>
                <a:close/>
              </a:path>
            </a:pathLst>
          </a:custGeom>
          <a:solidFill>
            <a:srgbClr val="FFFFFF"/>
          </a:solidFill>
        </p:spPr>
        <p:txBody>
          <a:bodyPr wrap="square" lIns="0" tIns="0" rIns="0" bIns="0" rtlCol="0"/>
          <a:lstStyle/>
          <a:p>
            <a:endParaRPr sz="1539"/>
          </a:p>
        </p:txBody>
      </p:sp>
      <p:sp>
        <p:nvSpPr>
          <p:cNvPr id="276" name="object 276"/>
          <p:cNvSpPr txBox="1"/>
          <p:nvPr/>
        </p:nvSpPr>
        <p:spPr>
          <a:xfrm>
            <a:off x="1895696" y="5247484"/>
            <a:ext cx="305162" cy="123953"/>
          </a:xfrm>
          <a:prstGeom prst="rect">
            <a:avLst/>
          </a:prstGeom>
        </p:spPr>
        <p:txBody>
          <a:bodyPr vert="horz" wrap="square" lIns="0" tIns="11946" rIns="0" bIns="0" rtlCol="0">
            <a:spAutoFit/>
          </a:bodyPr>
          <a:lstStyle/>
          <a:p>
            <a:pPr marL="10860">
              <a:spcBef>
                <a:spcPts val="94"/>
              </a:spcBef>
            </a:pPr>
            <a:r>
              <a:rPr sz="727" dirty="0">
                <a:solidFill>
                  <a:srgbClr val="3F3F3F"/>
                </a:solidFill>
                <a:latin typeface="Calibri"/>
                <a:cs typeface="Calibri"/>
              </a:rPr>
              <a:t>19</a:t>
            </a:r>
            <a:r>
              <a:rPr sz="727" spc="205" dirty="0">
                <a:solidFill>
                  <a:srgbClr val="3F3F3F"/>
                </a:solidFill>
                <a:latin typeface="Calibri"/>
                <a:cs typeface="Calibri"/>
              </a:rPr>
              <a:t>  </a:t>
            </a:r>
            <a:r>
              <a:rPr sz="727" spc="-21" dirty="0">
                <a:solidFill>
                  <a:srgbClr val="3F3F3F"/>
                </a:solidFill>
                <a:latin typeface="Calibri"/>
                <a:cs typeface="Calibri"/>
              </a:rPr>
              <a:t>19</a:t>
            </a:r>
            <a:endParaRPr sz="727">
              <a:latin typeface="Calibri"/>
              <a:cs typeface="Calibri"/>
            </a:endParaRPr>
          </a:p>
        </p:txBody>
      </p:sp>
      <p:sp>
        <p:nvSpPr>
          <p:cNvPr id="277" name="object 277"/>
          <p:cNvSpPr/>
          <p:nvPr/>
        </p:nvSpPr>
        <p:spPr>
          <a:xfrm>
            <a:off x="2283176" y="5233583"/>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278" name="object 278"/>
          <p:cNvSpPr txBox="1"/>
          <p:nvPr/>
        </p:nvSpPr>
        <p:spPr>
          <a:xfrm>
            <a:off x="2272317" y="521881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1</a:t>
            </a:r>
            <a:endParaRPr sz="727">
              <a:latin typeface="Calibri"/>
              <a:cs typeface="Calibri"/>
            </a:endParaRPr>
          </a:p>
        </p:txBody>
      </p:sp>
      <p:sp>
        <p:nvSpPr>
          <p:cNvPr id="279" name="object 279"/>
          <p:cNvSpPr/>
          <p:nvPr/>
        </p:nvSpPr>
        <p:spPr>
          <a:xfrm>
            <a:off x="2472137" y="5197093"/>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80" name="object 280"/>
          <p:cNvSpPr txBox="1"/>
          <p:nvPr/>
        </p:nvSpPr>
        <p:spPr>
          <a:xfrm>
            <a:off x="2461277" y="518232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3</a:t>
            </a:r>
            <a:endParaRPr sz="727">
              <a:latin typeface="Calibri"/>
              <a:cs typeface="Calibri"/>
            </a:endParaRPr>
          </a:p>
        </p:txBody>
      </p:sp>
      <p:sp>
        <p:nvSpPr>
          <p:cNvPr id="281" name="object 281"/>
          <p:cNvSpPr/>
          <p:nvPr/>
        </p:nvSpPr>
        <p:spPr>
          <a:xfrm>
            <a:off x="2661098" y="5181455"/>
            <a:ext cx="95567" cy="113486"/>
          </a:xfrm>
          <a:custGeom>
            <a:avLst/>
            <a:gdLst/>
            <a:ahLst/>
            <a:cxnLst/>
            <a:rect l="l" t="t" r="r" b="b"/>
            <a:pathLst>
              <a:path w="111760" h="132714">
                <a:moveTo>
                  <a:pt x="111251" y="0"/>
                </a:moveTo>
                <a:lnTo>
                  <a:pt x="0" y="0"/>
                </a:lnTo>
                <a:lnTo>
                  <a:pt x="0" y="132588"/>
                </a:lnTo>
                <a:lnTo>
                  <a:pt x="111251" y="132588"/>
                </a:lnTo>
                <a:lnTo>
                  <a:pt x="111251" y="0"/>
                </a:lnTo>
                <a:close/>
              </a:path>
            </a:pathLst>
          </a:custGeom>
          <a:solidFill>
            <a:srgbClr val="FFFFFF"/>
          </a:solidFill>
        </p:spPr>
        <p:txBody>
          <a:bodyPr wrap="square" lIns="0" tIns="0" rIns="0" bIns="0" rtlCol="0"/>
          <a:lstStyle/>
          <a:p>
            <a:endParaRPr sz="1539"/>
          </a:p>
        </p:txBody>
      </p:sp>
      <p:sp>
        <p:nvSpPr>
          <p:cNvPr id="282" name="object 282"/>
          <p:cNvSpPr txBox="1"/>
          <p:nvPr/>
        </p:nvSpPr>
        <p:spPr>
          <a:xfrm>
            <a:off x="2650239" y="516538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3</a:t>
            </a:r>
            <a:endParaRPr sz="727">
              <a:latin typeface="Calibri"/>
              <a:cs typeface="Calibri"/>
            </a:endParaRPr>
          </a:p>
        </p:txBody>
      </p:sp>
      <p:sp>
        <p:nvSpPr>
          <p:cNvPr id="283" name="object 283"/>
          <p:cNvSpPr/>
          <p:nvPr/>
        </p:nvSpPr>
        <p:spPr>
          <a:xfrm>
            <a:off x="2850061" y="5161908"/>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84" name="object 284"/>
          <p:cNvSpPr txBox="1"/>
          <p:nvPr/>
        </p:nvSpPr>
        <p:spPr>
          <a:xfrm>
            <a:off x="2839201" y="514713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4</a:t>
            </a:r>
            <a:endParaRPr sz="727">
              <a:latin typeface="Calibri"/>
              <a:cs typeface="Calibri"/>
            </a:endParaRPr>
          </a:p>
        </p:txBody>
      </p:sp>
      <p:sp>
        <p:nvSpPr>
          <p:cNvPr id="285" name="object 285"/>
          <p:cNvSpPr/>
          <p:nvPr/>
        </p:nvSpPr>
        <p:spPr>
          <a:xfrm>
            <a:off x="3037719" y="5131934"/>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86" name="object 286"/>
          <p:cNvSpPr txBox="1"/>
          <p:nvPr/>
        </p:nvSpPr>
        <p:spPr>
          <a:xfrm>
            <a:off x="3028162" y="511716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6</a:t>
            </a:r>
            <a:endParaRPr sz="727">
              <a:latin typeface="Calibri"/>
              <a:cs typeface="Calibri"/>
            </a:endParaRPr>
          </a:p>
        </p:txBody>
      </p:sp>
      <p:sp>
        <p:nvSpPr>
          <p:cNvPr id="287" name="object 287"/>
          <p:cNvSpPr/>
          <p:nvPr/>
        </p:nvSpPr>
        <p:spPr>
          <a:xfrm>
            <a:off x="3226680" y="5071988"/>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88" name="object 288"/>
          <p:cNvSpPr txBox="1"/>
          <p:nvPr/>
        </p:nvSpPr>
        <p:spPr>
          <a:xfrm>
            <a:off x="3217124" y="505721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9</a:t>
            </a:r>
            <a:endParaRPr sz="727">
              <a:latin typeface="Calibri"/>
              <a:cs typeface="Calibri"/>
            </a:endParaRPr>
          </a:p>
        </p:txBody>
      </p:sp>
      <p:sp>
        <p:nvSpPr>
          <p:cNvPr id="289" name="object 289"/>
          <p:cNvSpPr/>
          <p:nvPr/>
        </p:nvSpPr>
        <p:spPr>
          <a:xfrm>
            <a:off x="3415641" y="4996403"/>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90" name="object 290"/>
          <p:cNvSpPr txBox="1"/>
          <p:nvPr/>
        </p:nvSpPr>
        <p:spPr>
          <a:xfrm>
            <a:off x="3406086" y="498163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2</a:t>
            </a:r>
            <a:endParaRPr sz="727">
              <a:latin typeface="Calibri"/>
              <a:cs typeface="Calibri"/>
            </a:endParaRPr>
          </a:p>
        </p:txBody>
      </p:sp>
      <p:sp>
        <p:nvSpPr>
          <p:cNvPr id="291" name="object 291"/>
          <p:cNvSpPr/>
          <p:nvPr/>
        </p:nvSpPr>
        <p:spPr>
          <a:xfrm>
            <a:off x="3604604" y="4958611"/>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92" name="object 292"/>
          <p:cNvSpPr txBox="1"/>
          <p:nvPr/>
        </p:nvSpPr>
        <p:spPr>
          <a:xfrm>
            <a:off x="3595047" y="494384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4</a:t>
            </a:r>
            <a:endParaRPr sz="727">
              <a:latin typeface="Calibri"/>
              <a:cs typeface="Calibri"/>
            </a:endParaRPr>
          </a:p>
        </p:txBody>
      </p:sp>
      <p:sp>
        <p:nvSpPr>
          <p:cNvPr id="293" name="object 293"/>
          <p:cNvSpPr/>
          <p:nvPr/>
        </p:nvSpPr>
        <p:spPr>
          <a:xfrm>
            <a:off x="3793565" y="4978158"/>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294" name="object 294"/>
          <p:cNvSpPr txBox="1"/>
          <p:nvPr/>
        </p:nvSpPr>
        <p:spPr>
          <a:xfrm>
            <a:off x="3782706" y="496339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3</a:t>
            </a:r>
            <a:endParaRPr sz="727">
              <a:latin typeface="Calibri"/>
              <a:cs typeface="Calibri"/>
            </a:endParaRPr>
          </a:p>
        </p:txBody>
      </p:sp>
      <p:sp>
        <p:nvSpPr>
          <p:cNvPr id="295" name="object 295"/>
          <p:cNvSpPr/>
          <p:nvPr/>
        </p:nvSpPr>
        <p:spPr>
          <a:xfrm>
            <a:off x="3982527" y="4937759"/>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96" name="object 296"/>
          <p:cNvSpPr txBox="1"/>
          <p:nvPr/>
        </p:nvSpPr>
        <p:spPr>
          <a:xfrm>
            <a:off x="3971667" y="492299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5</a:t>
            </a:r>
            <a:endParaRPr sz="727">
              <a:latin typeface="Calibri"/>
              <a:cs typeface="Calibri"/>
            </a:endParaRPr>
          </a:p>
        </p:txBody>
      </p:sp>
      <p:sp>
        <p:nvSpPr>
          <p:cNvPr id="297" name="object 297"/>
          <p:cNvSpPr/>
          <p:nvPr/>
        </p:nvSpPr>
        <p:spPr>
          <a:xfrm>
            <a:off x="4171487" y="4950792"/>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298" name="object 298"/>
          <p:cNvSpPr txBox="1"/>
          <p:nvPr/>
        </p:nvSpPr>
        <p:spPr>
          <a:xfrm>
            <a:off x="4160628" y="493602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5</a:t>
            </a:r>
            <a:endParaRPr sz="727">
              <a:latin typeface="Calibri"/>
              <a:cs typeface="Calibri"/>
            </a:endParaRPr>
          </a:p>
        </p:txBody>
      </p:sp>
      <p:sp>
        <p:nvSpPr>
          <p:cNvPr id="299" name="object 299"/>
          <p:cNvSpPr/>
          <p:nvPr/>
        </p:nvSpPr>
        <p:spPr>
          <a:xfrm>
            <a:off x="4360449" y="4984675"/>
            <a:ext cx="95567" cy="113486"/>
          </a:xfrm>
          <a:custGeom>
            <a:avLst/>
            <a:gdLst/>
            <a:ahLst/>
            <a:cxnLst/>
            <a:rect l="l" t="t" r="r" b="b"/>
            <a:pathLst>
              <a:path w="111760" h="132714">
                <a:moveTo>
                  <a:pt x="111251" y="0"/>
                </a:moveTo>
                <a:lnTo>
                  <a:pt x="0" y="0"/>
                </a:lnTo>
                <a:lnTo>
                  <a:pt x="0" y="132587"/>
                </a:lnTo>
                <a:lnTo>
                  <a:pt x="111251" y="132587"/>
                </a:lnTo>
                <a:lnTo>
                  <a:pt x="111251" y="0"/>
                </a:lnTo>
                <a:close/>
              </a:path>
            </a:pathLst>
          </a:custGeom>
          <a:solidFill>
            <a:srgbClr val="FFFFFF"/>
          </a:solidFill>
        </p:spPr>
        <p:txBody>
          <a:bodyPr wrap="square" lIns="0" tIns="0" rIns="0" bIns="0" rtlCol="0"/>
          <a:lstStyle/>
          <a:p>
            <a:endParaRPr sz="1539"/>
          </a:p>
        </p:txBody>
      </p:sp>
      <p:sp>
        <p:nvSpPr>
          <p:cNvPr id="300" name="object 300"/>
          <p:cNvSpPr txBox="1"/>
          <p:nvPr/>
        </p:nvSpPr>
        <p:spPr>
          <a:xfrm>
            <a:off x="4349590" y="496860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3</a:t>
            </a:r>
            <a:endParaRPr sz="727">
              <a:latin typeface="Calibri"/>
              <a:cs typeface="Calibri"/>
            </a:endParaRPr>
          </a:p>
        </p:txBody>
      </p:sp>
      <p:sp>
        <p:nvSpPr>
          <p:cNvPr id="301" name="object 301"/>
          <p:cNvSpPr/>
          <p:nvPr/>
        </p:nvSpPr>
        <p:spPr>
          <a:xfrm>
            <a:off x="4549412" y="4962520"/>
            <a:ext cx="93938" cy="115114"/>
          </a:xfrm>
          <a:custGeom>
            <a:avLst/>
            <a:gdLst/>
            <a:ahLst/>
            <a:cxnLst/>
            <a:rect l="l" t="t" r="r" b="b"/>
            <a:pathLst>
              <a:path w="109854" h="134620">
                <a:moveTo>
                  <a:pt x="109727" y="0"/>
                </a:moveTo>
                <a:lnTo>
                  <a:pt x="0" y="0"/>
                </a:lnTo>
                <a:lnTo>
                  <a:pt x="0" y="134112"/>
                </a:lnTo>
                <a:lnTo>
                  <a:pt x="109727" y="134112"/>
                </a:lnTo>
                <a:lnTo>
                  <a:pt x="109727" y="0"/>
                </a:lnTo>
                <a:close/>
              </a:path>
            </a:pathLst>
          </a:custGeom>
          <a:solidFill>
            <a:srgbClr val="FFFFFF"/>
          </a:solidFill>
        </p:spPr>
        <p:txBody>
          <a:bodyPr wrap="square" lIns="0" tIns="0" rIns="0" bIns="0" rtlCol="0"/>
          <a:lstStyle/>
          <a:p>
            <a:endParaRPr sz="1539"/>
          </a:p>
        </p:txBody>
      </p:sp>
      <p:sp>
        <p:nvSpPr>
          <p:cNvPr id="302" name="object 302"/>
          <p:cNvSpPr txBox="1"/>
          <p:nvPr/>
        </p:nvSpPr>
        <p:spPr>
          <a:xfrm>
            <a:off x="4538552" y="494775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4</a:t>
            </a:r>
            <a:endParaRPr sz="727">
              <a:latin typeface="Calibri"/>
              <a:cs typeface="Calibri"/>
            </a:endParaRPr>
          </a:p>
        </p:txBody>
      </p:sp>
      <p:sp>
        <p:nvSpPr>
          <p:cNvPr id="303" name="object 303"/>
          <p:cNvSpPr/>
          <p:nvPr/>
        </p:nvSpPr>
        <p:spPr>
          <a:xfrm>
            <a:off x="4737070" y="5005526"/>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04" name="object 304"/>
          <p:cNvSpPr txBox="1"/>
          <p:nvPr/>
        </p:nvSpPr>
        <p:spPr>
          <a:xfrm>
            <a:off x="4727513" y="498945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2</a:t>
            </a:r>
            <a:endParaRPr sz="727">
              <a:latin typeface="Calibri"/>
              <a:cs typeface="Calibri"/>
            </a:endParaRPr>
          </a:p>
        </p:txBody>
      </p:sp>
      <p:sp>
        <p:nvSpPr>
          <p:cNvPr id="305" name="object 305"/>
          <p:cNvSpPr/>
          <p:nvPr/>
        </p:nvSpPr>
        <p:spPr>
          <a:xfrm>
            <a:off x="4926031" y="5045924"/>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306" name="object 306"/>
          <p:cNvSpPr txBox="1"/>
          <p:nvPr/>
        </p:nvSpPr>
        <p:spPr>
          <a:xfrm>
            <a:off x="4916475" y="502985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07" name="object 307"/>
          <p:cNvSpPr/>
          <p:nvPr/>
        </p:nvSpPr>
        <p:spPr>
          <a:xfrm>
            <a:off x="5114993" y="5082413"/>
            <a:ext cx="95567" cy="113486"/>
          </a:xfrm>
          <a:custGeom>
            <a:avLst/>
            <a:gdLst/>
            <a:ahLst/>
            <a:cxnLst/>
            <a:rect l="l" t="t" r="r" b="b"/>
            <a:pathLst>
              <a:path w="111760" h="132714">
                <a:moveTo>
                  <a:pt x="111251" y="0"/>
                </a:moveTo>
                <a:lnTo>
                  <a:pt x="0" y="0"/>
                </a:lnTo>
                <a:lnTo>
                  <a:pt x="0" y="132587"/>
                </a:lnTo>
                <a:lnTo>
                  <a:pt x="111251" y="132587"/>
                </a:lnTo>
                <a:lnTo>
                  <a:pt x="111251" y="0"/>
                </a:lnTo>
                <a:close/>
              </a:path>
            </a:pathLst>
          </a:custGeom>
          <a:solidFill>
            <a:srgbClr val="FFFFFF"/>
          </a:solidFill>
        </p:spPr>
        <p:txBody>
          <a:bodyPr wrap="square" lIns="0" tIns="0" rIns="0" bIns="0" rtlCol="0"/>
          <a:lstStyle/>
          <a:p>
            <a:endParaRPr sz="1539"/>
          </a:p>
        </p:txBody>
      </p:sp>
      <p:sp>
        <p:nvSpPr>
          <p:cNvPr id="308" name="object 308"/>
          <p:cNvSpPr txBox="1"/>
          <p:nvPr/>
        </p:nvSpPr>
        <p:spPr>
          <a:xfrm>
            <a:off x="5105436" y="506634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8</a:t>
            </a:r>
            <a:endParaRPr sz="727">
              <a:latin typeface="Calibri"/>
              <a:cs typeface="Calibri"/>
            </a:endParaRPr>
          </a:p>
        </p:txBody>
      </p:sp>
      <p:sp>
        <p:nvSpPr>
          <p:cNvPr id="309" name="object 309"/>
          <p:cNvSpPr/>
          <p:nvPr/>
        </p:nvSpPr>
        <p:spPr>
          <a:xfrm>
            <a:off x="5303953" y="5128025"/>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10" name="object 310"/>
          <p:cNvSpPr txBox="1"/>
          <p:nvPr/>
        </p:nvSpPr>
        <p:spPr>
          <a:xfrm>
            <a:off x="5294397" y="5113255"/>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6</a:t>
            </a:r>
            <a:endParaRPr sz="727">
              <a:latin typeface="Calibri"/>
              <a:cs typeface="Calibri"/>
            </a:endParaRPr>
          </a:p>
        </p:txBody>
      </p:sp>
      <p:sp>
        <p:nvSpPr>
          <p:cNvPr id="311" name="object 311"/>
          <p:cNvSpPr/>
          <p:nvPr/>
        </p:nvSpPr>
        <p:spPr>
          <a:xfrm>
            <a:off x="5492915" y="5178849"/>
            <a:ext cx="95567" cy="115114"/>
          </a:xfrm>
          <a:custGeom>
            <a:avLst/>
            <a:gdLst/>
            <a:ahLst/>
            <a:cxnLst/>
            <a:rect l="l" t="t" r="r" b="b"/>
            <a:pathLst>
              <a:path w="111759" h="134620">
                <a:moveTo>
                  <a:pt x="111252" y="0"/>
                </a:moveTo>
                <a:lnTo>
                  <a:pt x="0" y="0"/>
                </a:lnTo>
                <a:lnTo>
                  <a:pt x="0" y="134111"/>
                </a:lnTo>
                <a:lnTo>
                  <a:pt x="111252" y="134111"/>
                </a:lnTo>
                <a:lnTo>
                  <a:pt x="111252" y="0"/>
                </a:lnTo>
                <a:close/>
              </a:path>
            </a:pathLst>
          </a:custGeom>
          <a:solidFill>
            <a:srgbClr val="FFFFFF"/>
          </a:solidFill>
        </p:spPr>
        <p:txBody>
          <a:bodyPr wrap="square" lIns="0" tIns="0" rIns="0" bIns="0" rtlCol="0"/>
          <a:lstStyle/>
          <a:p>
            <a:endParaRPr sz="1539"/>
          </a:p>
        </p:txBody>
      </p:sp>
      <p:sp>
        <p:nvSpPr>
          <p:cNvPr id="312" name="object 312"/>
          <p:cNvSpPr txBox="1"/>
          <p:nvPr/>
        </p:nvSpPr>
        <p:spPr>
          <a:xfrm>
            <a:off x="5482055" y="5164079"/>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3</a:t>
            </a:r>
            <a:endParaRPr sz="727">
              <a:latin typeface="Calibri"/>
              <a:cs typeface="Calibri"/>
            </a:endParaRPr>
          </a:p>
        </p:txBody>
      </p:sp>
      <p:sp>
        <p:nvSpPr>
          <p:cNvPr id="313" name="object 313"/>
          <p:cNvSpPr/>
          <p:nvPr/>
        </p:nvSpPr>
        <p:spPr>
          <a:xfrm>
            <a:off x="5681877" y="5233583"/>
            <a:ext cx="95567" cy="113486"/>
          </a:xfrm>
          <a:custGeom>
            <a:avLst/>
            <a:gdLst/>
            <a:ahLst/>
            <a:cxnLst/>
            <a:rect l="l" t="t" r="r" b="b"/>
            <a:pathLst>
              <a:path w="111759" h="132714">
                <a:moveTo>
                  <a:pt x="111251" y="0"/>
                </a:moveTo>
                <a:lnTo>
                  <a:pt x="0" y="0"/>
                </a:lnTo>
                <a:lnTo>
                  <a:pt x="0" y="132587"/>
                </a:lnTo>
                <a:lnTo>
                  <a:pt x="111251" y="132587"/>
                </a:lnTo>
                <a:lnTo>
                  <a:pt x="111251" y="0"/>
                </a:lnTo>
                <a:close/>
              </a:path>
            </a:pathLst>
          </a:custGeom>
          <a:solidFill>
            <a:srgbClr val="FFFFFF"/>
          </a:solidFill>
        </p:spPr>
        <p:txBody>
          <a:bodyPr wrap="square" lIns="0" tIns="0" rIns="0" bIns="0" rtlCol="0"/>
          <a:lstStyle/>
          <a:p>
            <a:endParaRPr sz="1539"/>
          </a:p>
        </p:txBody>
      </p:sp>
      <p:sp>
        <p:nvSpPr>
          <p:cNvPr id="314" name="object 314"/>
          <p:cNvSpPr txBox="1"/>
          <p:nvPr/>
        </p:nvSpPr>
        <p:spPr>
          <a:xfrm>
            <a:off x="5671018" y="521751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1</a:t>
            </a:r>
            <a:endParaRPr sz="727">
              <a:latin typeface="Calibri"/>
              <a:cs typeface="Calibri"/>
            </a:endParaRPr>
          </a:p>
        </p:txBody>
      </p:sp>
      <p:sp>
        <p:nvSpPr>
          <p:cNvPr id="315" name="object 315"/>
          <p:cNvSpPr/>
          <p:nvPr/>
        </p:nvSpPr>
        <p:spPr>
          <a:xfrm>
            <a:off x="5870838" y="5271374"/>
            <a:ext cx="95567" cy="115114"/>
          </a:xfrm>
          <a:custGeom>
            <a:avLst/>
            <a:gdLst/>
            <a:ahLst/>
            <a:cxnLst/>
            <a:rect l="l" t="t" r="r" b="b"/>
            <a:pathLst>
              <a:path w="111759"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316" name="object 316"/>
          <p:cNvSpPr txBox="1"/>
          <p:nvPr/>
        </p:nvSpPr>
        <p:spPr>
          <a:xfrm>
            <a:off x="5859978" y="525530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19</a:t>
            </a:r>
            <a:endParaRPr sz="727">
              <a:latin typeface="Calibri"/>
              <a:cs typeface="Calibri"/>
            </a:endParaRPr>
          </a:p>
        </p:txBody>
      </p:sp>
      <p:sp>
        <p:nvSpPr>
          <p:cNvPr id="317" name="object 317"/>
          <p:cNvSpPr/>
          <p:nvPr/>
        </p:nvSpPr>
        <p:spPr>
          <a:xfrm>
            <a:off x="6059800" y="5294832"/>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18" name="object 318"/>
          <p:cNvSpPr txBox="1"/>
          <p:nvPr/>
        </p:nvSpPr>
        <p:spPr>
          <a:xfrm>
            <a:off x="6048941" y="5280063"/>
            <a:ext cx="116200" cy="124501"/>
          </a:xfrm>
          <a:prstGeom prst="rect">
            <a:avLst/>
          </a:prstGeom>
        </p:spPr>
        <p:txBody>
          <a:bodyPr vert="horz" wrap="square" lIns="0" tIns="12489" rIns="0" bIns="0" rtlCol="0">
            <a:spAutoFit/>
          </a:bodyPr>
          <a:lstStyle/>
          <a:p>
            <a:pPr marL="10860">
              <a:spcBef>
                <a:spcPts val="98"/>
              </a:spcBef>
            </a:pPr>
            <a:r>
              <a:rPr sz="727" spc="-21" dirty="0">
                <a:solidFill>
                  <a:srgbClr val="3F3F3F"/>
                </a:solidFill>
                <a:latin typeface="Calibri"/>
                <a:cs typeface="Calibri"/>
              </a:rPr>
              <a:t>18</a:t>
            </a:r>
            <a:endParaRPr sz="727">
              <a:latin typeface="Calibri"/>
              <a:cs typeface="Calibri"/>
            </a:endParaRPr>
          </a:p>
        </p:txBody>
      </p:sp>
      <p:sp>
        <p:nvSpPr>
          <p:cNvPr id="319" name="object 319"/>
          <p:cNvSpPr/>
          <p:nvPr/>
        </p:nvSpPr>
        <p:spPr>
          <a:xfrm>
            <a:off x="6247459" y="5313076"/>
            <a:ext cx="284528" cy="118915"/>
          </a:xfrm>
          <a:custGeom>
            <a:avLst/>
            <a:gdLst/>
            <a:ahLst/>
            <a:cxnLst/>
            <a:rect l="l" t="t" r="r" b="b"/>
            <a:pathLst>
              <a:path w="332740" h="139064">
                <a:moveTo>
                  <a:pt x="111252" y="0"/>
                </a:moveTo>
                <a:lnTo>
                  <a:pt x="0" y="0"/>
                </a:lnTo>
                <a:lnTo>
                  <a:pt x="0" y="132588"/>
                </a:lnTo>
                <a:lnTo>
                  <a:pt x="111252" y="132588"/>
                </a:lnTo>
                <a:lnTo>
                  <a:pt x="111252" y="0"/>
                </a:lnTo>
                <a:close/>
              </a:path>
              <a:path w="332740" h="139064">
                <a:moveTo>
                  <a:pt x="332219" y="4572"/>
                </a:moveTo>
                <a:lnTo>
                  <a:pt x="220980" y="4572"/>
                </a:lnTo>
                <a:lnTo>
                  <a:pt x="220980" y="138684"/>
                </a:lnTo>
                <a:lnTo>
                  <a:pt x="332219" y="138684"/>
                </a:lnTo>
                <a:lnTo>
                  <a:pt x="332219" y="4572"/>
                </a:lnTo>
                <a:close/>
              </a:path>
            </a:pathLst>
          </a:custGeom>
          <a:solidFill>
            <a:srgbClr val="FFFFFF"/>
          </a:solidFill>
        </p:spPr>
        <p:txBody>
          <a:bodyPr wrap="square" lIns="0" tIns="0" rIns="0" bIns="0" rtlCol="0"/>
          <a:lstStyle/>
          <a:p>
            <a:endParaRPr sz="1539"/>
          </a:p>
        </p:txBody>
      </p:sp>
      <p:sp>
        <p:nvSpPr>
          <p:cNvPr id="320" name="object 320"/>
          <p:cNvSpPr txBox="1"/>
          <p:nvPr/>
        </p:nvSpPr>
        <p:spPr>
          <a:xfrm>
            <a:off x="6237902" y="5302216"/>
            <a:ext cx="305162" cy="124501"/>
          </a:xfrm>
          <a:prstGeom prst="rect">
            <a:avLst/>
          </a:prstGeom>
        </p:spPr>
        <p:txBody>
          <a:bodyPr vert="horz" wrap="square" lIns="0" tIns="12489" rIns="0" bIns="0" rtlCol="0">
            <a:spAutoFit/>
          </a:bodyPr>
          <a:lstStyle/>
          <a:p>
            <a:pPr marL="10860">
              <a:spcBef>
                <a:spcPts val="98"/>
              </a:spcBef>
            </a:pPr>
            <a:r>
              <a:rPr sz="1090" baseline="3267" dirty="0">
                <a:solidFill>
                  <a:srgbClr val="3F3F3F"/>
                </a:solidFill>
                <a:latin typeface="Calibri"/>
                <a:cs typeface="Calibri"/>
              </a:rPr>
              <a:t>17</a:t>
            </a:r>
            <a:r>
              <a:rPr sz="1090" spc="307" baseline="3267" dirty="0">
                <a:solidFill>
                  <a:srgbClr val="3F3F3F"/>
                </a:solidFill>
                <a:latin typeface="Calibri"/>
                <a:cs typeface="Calibri"/>
              </a:rPr>
              <a:t>  </a:t>
            </a:r>
            <a:r>
              <a:rPr sz="727" spc="-21" dirty="0">
                <a:solidFill>
                  <a:srgbClr val="3F3F3F"/>
                </a:solidFill>
                <a:latin typeface="Calibri"/>
                <a:cs typeface="Calibri"/>
              </a:rPr>
              <a:t>17</a:t>
            </a:r>
            <a:endParaRPr sz="727">
              <a:latin typeface="Calibri"/>
              <a:cs typeface="Calibri"/>
            </a:endParaRPr>
          </a:p>
        </p:txBody>
      </p:sp>
      <p:sp>
        <p:nvSpPr>
          <p:cNvPr id="321" name="object 321"/>
          <p:cNvSpPr/>
          <p:nvPr/>
        </p:nvSpPr>
        <p:spPr>
          <a:xfrm>
            <a:off x="6625382" y="5290922"/>
            <a:ext cx="284528" cy="116200"/>
          </a:xfrm>
          <a:custGeom>
            <a:avLst/>
            <a:gdLst/>
            <a:ahLst/>
            <a:cxnLst/>
            <a:rect l="l" t="t" r="r" b="b"/>
            <a:pathLst>
              <a:path w="332740" h="135889">
                <a:moveTo>
                  <a:pt x="111252" y="1524"/>
                </a:moveTo>
                <a:lnTo>
                  <a:pt x="0" y="1524"/>
                </a:lnTo>
                <a:lnTo>
                  <a:pt x="0" y="135636"/>
                </a:lnTo>
                <a:lnTo>
                  <a:pt x="111252" y="135636"/>
                </a:lnTo>
                <a:lnTo>
                  <a:pt x="111252" y="1524"/>
                </a:lnTo>
                <a:close/>
              </a:path>
              <a:path w="332740" h="135889">
                <a:moveTo>
                  <a:pt x="332232" y="0"/>
                </a:moveTo>
                <a:lnTo>
                  <a:pt x="220980" y="0"/>
                </a:lnTo>
                <a:lnTo>
                  <a:pt x="220980" y="134112"/>
                </a:lnTo>
                <a:lnTo>
                  <a:pt x="332232" y="134112"/>
                </a:lnTo>
                <a:lnTo>
                  <a:pt x="332232" y="0"/>
                </a:lnTo>
                <a:close/>
              </a:path>
            </a:pathLst>
          </a:custGeom>
          <a:solidFill>
            <a:srgbClr val="FFFFFF"/>
          </a:solidFill>
        </p:spPr>
        <p:txBody>
          <a:bodyPr wrap="square" lIns="0" tIns="0" rIns="0" bIns="0" rtlCol="0"/>
          <a:lstStyle/>
          <a:p>
            <a:endParaRPr sz="1539"/>
          </a:p>
        </p:txBody>
      </p:sp>
      <p:sp>
        <p:nvSpPr>
          <p:cNvPr id="322" name="object 322"/>
          <p:cNvSpPr txBox="1"/>
          <p:nvPr/>
        </p:nvSpPr>
        <p:spPr>
          <a:xfrm>
            <a:off x="6615825" y="5277456"/>
            <a:ext cx="305162" cy="124501"/>
          </a:xfrm>
          <a:prstGeom prst="rect">
            <a:avLst/>
          </a:prstGeom>
        </p:spPr>
        <p:txBody>
          <a:bodyPr vert="horz" wrap="square" lIns="0" tIns="12489" rIns="0" bIns="0" rtlCol="0">
            <a:spAutoFit/>
          </a:bodyPr>
          <a:lstStyle/>
          <a:p>
            <a:pPr marL="10860">
              <a:spcBef>
                <a:spcPts val="98"/>
              </a:spcBef>
            </a:pPr>
            <a:r>
              <a:rPr sz="727" dirty="0">
                <a:solidFill>
                  <a:srgbClr val="3F3F3F"/>
                </a:solidFill>
                <a:latin typeface="Calibri"/>
                <a:cs typeface="Calibri"/>
              </a:rPr>
              <a:t>18</a:t>
            </a:r>
            <a:r>
              <a:rPr sz="727" spc="205" dirty="0">
                <a:solidFill>
                  <a:srgbClr val="3F3F3F"/>
                </a:solidFill>
                <a:latin typeface="Calibri"/>
                <a:cs typeface="Calibri"/>
              </a:rPr>
              <a:t>  </a:t>
            </a:r>
            <a:r>
              <a:rPr sz="727" spc="-21" dirty="0">
                <a:solidFill>
                  <a:srgbClr val="3F3F3F"/>
                </a:solidFill>
                <a:latin typeface="Calibri"/>
                <a:cs typeface="Calibri"/>
              </a:rPr>
              <a:t>18</a:t>
            </a:r>
            <a:endParaRPr sz="727">
              <a:latin typeface="Calibri"/>
              <a:cs typeface="Calibri"/>
            </a:endParaRPr>
          </a:p>
        </p:txBody>
      </p:sp>
      <p:sp>
        <p:nvSpPr>
          <p:cNvPr id="323" name="object 323"/>
          <p:cNvSpPr/>
          <p:nvPr/>
        </p:nvSpPr>
        <p:spPr>
          <a:xfrm>
            <a:off x="7003305" y="5277891"/>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24" name="object 324"/>
          <p:cNvSpPr txBox="1"/>
          <p:nvPr/>
        </p:nvSpPr>
        <p:spPr>
          <a:xfrm>
            <a:off x="6992445" y="526312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19</a:t>
            </a:r>
            <a:endParaRPr sz="727">
              <a:latin typeface="Calibri"/>
              <a:cs typeface="Calibri"/>
            </a:endParaRPr>
          </a:p>
        </p:txBody>
      </p:sp>
      <p:sp>
        <p:nvSpPr>
          <p:cNvPr id="325" name="object 325"/>
          <p:cNvSpPr/>
          <p:nvPr/>
        </p:nvSpPr>
        <p:spPr>
          <a:xfrm>
            <a:off x="7192266" y="5255736"/>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26" name="object 326"/>
          <p:cNvSpPr txBox="1"/>
          <p:nvPr/>
        </p:nvSpPr>
        <p:spPr>
          <a:xfrm>
            <a:off x="7181407" y="524096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0</a:t>
            </a:r>
            <a:endParaRPr sz="727">
              <a:latin typeface="Calibri"/>
              <a:cs typeface="Calibri"/>
            </a:endParaRPr>
          </a:p>
        </p:txBody>
      </p:sp>
      <p:sp>
        <p:nvSpPr>
          <p:cNvPr id="327" name="object 327"/>
          <p:cNvSpPr/>
          <p:nvPr/>
        </p:nvSpPr>
        <p:spPr>
          <a:xfrm>
            <a:off x="7381227" y="5197093"/>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28" name="object 328"/>
          <p:cNvSpPr txBox="1"/>
          <p:nvPr/>
        </p:nvSpPr>
        <p:spPr>
          <a:xfrm>
            <a:off x="7370367" y="518232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3</a:t>
            </a:r>
            <a:endParaRPr sz="727">
              <a:latin typeface="Calibri"/>
              <a:cs typeface="Calibri"/>
            </a:endParaRPr>
          </a:p>
        </p:txBody>
      </p:sp>
      <p:sp>
        <p:nvSpPr>
          <p:cNvPr id="329" name="object 329"/>
          <p:cNvSpPr/>
          <p:nvPr/>
        </p:nvSpPr>
        <p:spPr>
          <a:xfrm>
            <a:off x="7570189" y="5189274"/>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30" name="object 330"/>
          <p:cNvSpPr txBox="1"/>
          <p:nvPr/>
        </p:nvSpPr>
        <p:spPr>
          <a:xfrm>
            <a:off x="7559330" y="5174505"/>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3</a:t>
            </a:r>
            <a:endParaRPr sz="727">
              <a:latin typeface="Calibri"/>
              <a:cs typeface="Calibri"/>
            </a:endParaRPr>
          </a:p>
        </p:txBody>
      </p:sp>
      <p:sp>
        <p:nvSpPr>
          <p:cNvPr id="331" name="object 331"/>
          <p:cNvSpPr/>
          <p:nvPr/>
        </p:nvSpPr>
        <p:spPr>
          <a:xfrm>
            <a:off x="7757848" y="5214035"/>
            <a:ext cx="285614" cy="118915"/>
          </a:xfrm>
          <a:custGeom>
            <a:avLst/>
            <a:gdLst/>
            <a:ahLst/>
            <a:cxnLst/>
            <a:rect l="l" t="t" r="r" b="b"/>
            <a:pathLst>
              <a:path w="334009" h="139064">
                <a:moveTo>
                  <a:pt x="111252" y="4572"/>
                </a:moveTo>
                <a:lnTo>
                  <a:pt x="0" y="4572"/>
                </a:lnTo>
                <a:lnTo>
                  <a:pt x="0" y="138684"/>
                </a:lnTo>
                <a:lnTo>
                  <a:pt x="111252" y="138684"/>
                </a:lnTo>
                <a:lnTo>
                  <a:pt x="111252" y="4572"/>
                </a:lnTo>
                <a:close/>
              </a:path>
              <a:path w="334009" h="139064">
                <a:moveTo>
                  <a:pt x="333756" y="0"/>
                </a:moveTo>
                <a:lnTo>
                  <a:pt x="220980" y="0"/>
                </a:lnTo>
                <a:lnTo>
                  <a:pt x="220980" y="135636"/>
                </a:lnTo>
                <a:lnTo>
                  <a:pt x="333756" y="135636"/>
                </a:lnTo>
                <a:lnTo>
                  <a:pt x="333756" y="0"/>
                </a:lnTo>
                <a:close/>
              </a:path>
            </a:pathLst>
          </a:custGeom>
          <a:solidFill>
            <a:srgbClr val="FFFFFF"/>
          </a:solidFill>
        </p:spPr>
        <p:txBody>
          <a:bodyPr wrap="square" lIns="0" tIns="0" rIns="0" bIns="0" rtlCol="0"/>
          <a:lstStyle/>
          <a:p>
            <a:endParaRPr sz="1539"/>
          </a:p>
        </p:txBody>
      </p:sp>
      <p:sp>
        <p:nvSpPr>
          <p:cNvPr id="332" name="object 332"/>
          <p:cNvSpPr txBox="1"/>
          <p:nvPr/>
        </p:nvSpPr>
        <p:spPr>
          <a:xfrm>
            <a:off x="7748290" y="5203174"/>
            <a:ext cx="305162" cy="123953"/>
          </a:xfrm>
          <a:prstGeom prst="rect">
            <a:avLst/>
          </a:prstGeom>
        </p:spPr>
        <p:txBody>
          <a:bodyPr vert="horz" wrap="square" lIns="0" tIns="11946" rIns="0" bIns="0" rtlCol="0">
            <a:spAutoFit/>
          </a:bodyPr>
          <a:lstStyle/>
          <a:p>
            <a:pPr marL="10860">
              <a:spcBef>
                <a:spcPts val="94"/>
              </a:spcBef>
            </a:pPr>
            <a:r>
              <a:rPr sz="727" dirty="0">
                <a:solidFill>
                  <a:srgbClr val="3F3F3F"/>
                </a:solidFill>
                <a:latin typeface="Calibri"/>
                <a:cs typeface="Calibri"/>
              </a:rPr>
              <a:t>22</a:t>
            </a:r>
            <a:r>
              <a:rPr sz="727" spc="201" dirty="0">
                <a:solidFill>
                  <a:srgbClr val="3F3F3F"/>
                </a:solidFill>
                <a:latin typeface="Calibri"/>
                <a:cs typeface="Calibri"/>
              </a:rPr>
              <a:t>  </a:t>
            </a:r>
            <a:r>
              <a:rPr sz="1090" spc="-32" baseline="3267" dirty="0">
                <a:solidFill>
                  <a:srgbClr val="3F3F3F"/>
                </a:solidFill>
                <a:latin typeface="Calibri"/>
                <a:cs typeface="Calibri"/>
              </a:rPr>
              <a:t>22</a:t>
            </a:r>
            <a:endParaRPr sz="1090" baseline="3267">
              <a:latin typeface="Calibri"/>
              <a:cs typeface="Calibri"/>
            </a:endParaRPr>
          </a:p>
        </p:txBody>
      </p:sp>
      <p:sp>
        <p:nvSpPr>
          <p:cNvPr id="333" name="object 333"/>
          <p:cNvSpPr/>
          <p:nvPr/>
        </p:nvSpPr>
        <p:spPr>
          <a:xfrm>
            <a:off x="394864" y="4708399"/>
            <a:ext cx="95567" cy="115114"/>
          </a:xfrm>
          <a:custGeom>
            <a:avLst/>
            <a:gdLst/>
            <a:ahLst/>
            <a:cxnLst/>
            <a:rect l="l" t="t" r="r" b="b"/>
            <a:pathLst>
              <a:path w="111759"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34" name="object 334"/>
          <p:cNvSpPr txBox="1"/>
          <p:nvPr/>
        </p:nvSpPr>
        <p:spPr>
          <a:xfrm>
            <a:off x="385307" y="469363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2</a:t>
            </a:r>
            <a:endParaRPr sz="727">
              <a:latin typeface="Calibri"/>
              <a:cs typeface="Calibri"/>
            </a:endParaRPr>
          </a:p>
        </p:txBody>
      </p:sp>
      <p:sp>
        <p:nvSpPr>
          <p:cNvPr id="335" name="object 335"/>
          <p:cNvSpPr/>
          <p:nvPr/>
        </p:nvSpPr>
        <p:spPr>
          <a:xfrm>
            <a:off x="583825" y="4555927"/>
            <a:ext cx="95567" cy="115114"/>
          </a:xfrm>
          <a:custGeom>
            <a:avLst/>
            <a:gdLst/>
            <a:ahLst/>
            <a:cxnLst/>
            <a:rect l="l" t="t" r="r" b="b"/>
            <a:pathLst>
              <a:path w="111759"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336" name="object 336"/>
          <p:cNvSpPr txBox="1"/>
          <p:nvPr/>
        </p:nvSpPr>
        <p:spPr>
          <a:xfrm>
            <a:off x="574270" y="454115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4</a:t>
            </a:r>
            <a:endParaRPr sz="727">
              <a:latin typeface="Calibri"/>
              <a:cs typeface="Calibri"/>
            </a:endParaRPr>
          </a:p>
        </p:txBody>
      </p:sp>
      <p:sp>
        <p:nvSpPr>
          <p:cNvPr id="337" name="object 337"/>
          <p:cNvSpPr/>
          <p:nvPr/>
        </p:nvSpPr>
        <p:spPr>
          <a:xfrm>
            <a:off x="772787" y="4424305"/>
            <a:ext cx="95567" cy="115114"/>
          </a:xfrm>
          <a:custGeom>
            <a:avLst/>
            <a:gdLst/>
            <a:ahLst/>
            <a:cxnLst/>
            <a:rect l="l" t="t" r="r" b="b"/>
            <a:pathLst>
              <a:path w="111759" h="134620">
                <a:moveTo>
                  <a:pt x="111252" y="0"/>
                </a:moveTo>
                <a:lnTo>
                  <a:pt x="0" y="0"/>
                </a:lnTo>
                <a:lnTo>
                  <a:pt x="0" y="134111"/>
                </a:lnTo>
                <a:lnTo>
                  <a:pt x="111252" y="134111"/>
                </a:lnTo>
                <a:lnTo>
                  <a:pt x="111252" y="0"/>
                </a:lnTo>
                <a:close/>
              </a:path>
            </a:pathLst>
          </a:custGeom>
          <a:solidFill>
            <a:srgbClr val="FFFFFF"/>
          </a:solidFill>
        </p:spPr>
        <p:txBody>
          <a:bodyPr wrap="square" lIns="0" tIns="0" rIns="0" bIns="0" rtlCol="0"/>
          <a:lstStyle/>
          <a:p>
            <a:endParaRPr sz="1539"/>
          </a:p>
        </p:txBody>
      </p:sp>
      <p:sp>
        <p:nvSpPr>
          <p:cNvPr id="338" name="object 338"/>
          <p:cNvSpPr txBox="1"/>
          <p:nvPr/>
        </p:nvSpPr>
        <p:spPr>
          <a:xfrm>
            <a:off x="761928" y="4409537"/>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5</a:t>
            </a:r>
            <a:endParaRPr sz="727">
              <a:latin typeface="Calibri"/>
              <a:cs typeface="Calibri"/>
            </a:endParaRPr>
          </a:p>
        </p:txBody>
      </p:sp>
      <p:sp>
        <p:nvSpPr>
          <p:cNvPr id="339" name="object 339"/>
          <p:cNvSpPr/>
          <p:nvPr/>
        </p:nvSpPr>
        <p:spPr>
          <a:xfrm>
            <a:off x="961748" y="4292684"/>
            <a:ext cx="95567" cy="115114"/>
          </a:xfrm>
          <a:custGeom>
            <a:avLst/>
            <a:gdLst/>
            <a:ahLst/>
            <a:cxnLst/>
            <a:rect l="l" t="t" r="r" b="b"/>
            <a:pathLst>
              <a:path w="111759" h="134620">
                <a:moveTo>
                  <a:pt x="111252" y="0"/>
                </a:moveTo>
                <a:lnTo>
                  <a:pt x="0" y="0"/>
                </a:lnTo>
                <a:lnTo>
                  <a:pt x="0" y="134111"/>
                </a:lnTo>
                <a:lnTo>
                  <a:pt x="111252" y="134111"/>
                </a:lnTo>
                <a:lnTo>
                  <a:pt x="111252" y="0"/>
                </a:lnTo>
                <a:close/>
              </a:path>
            </a:pathLst>
          </a:custGeom>
          <a:solidFill>
            <a:srgbClr val="FFFFFF"/>
          </a:solidFill>
        </p:spPr>
        <p:txBody>
          <a:bodyPr wrap="square" lIns="0" tIns="0" rIns="0" bIns="0" rtlCol="0"/>
          <a:lstStyle/>
          <a:p>
            <a:endParaRPr sz="1539"/>
          </a:p>
        </p:txBody>
      </p:sp>
      <p:sp>
        <p:nvSpPr>
          <p:cNvPr id="340" name="object 340"/>
          <p:cNvSpPr txBox="1"/>
          <p:nvPr/>
        </p:nvSpPr>
        <p:spPr>
          <a:xfrm>
            <a:off x="950889" y="427661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9</a:t>
            </a:r>
            <a:endParaRPr sz="727">
              <a:latin typeface="Calibri"/>
              <a:cs typeface="Calibri"/>
            </a:endParaRPr>
          </a:p>
        </p:txBody>
      </p:sp>
      <p:sp>
        <p:nvSpPr>
          <p:cNvPr id="341" name="object 341"/>
          <p:cNvSpPr/>
          <p:nvPr/>
        </p:nvSpPr>
        <p:spPr>
          <a:xfrm>
            <a:off x="1150710" y="4243164"/>
            <a:ext cx="95567" cy="115114"/>
          </a:xfrm>
          <a:custGeom>
            <a:avLst/>
            <a:gdLst/>
            <a:ahLst/>
            <a:cxnLst/>
            <a:rect l="l" t="t" r="r" b="b"/>
            <a:pathLst>
              <a:path w="111759" h="134620">
                <a:moveTo>
                  <a:pt x="111252" y="0"/>
                </a:moveTo>
                <a:lnTo>
                  <a:pt x="0" y="0"/>
                </a:lnTo>
                <a:lnTo>
                  <a:pt x="0" y="134112"/>
                </a:lnTo>
                <a:lnTo>
                  <a:pt x="111252" y="134112"/>
                </a:lnTo>
                <a:lnTo>
                  <a:pt x="111252" y="0"/>
                </a:lnTo>
                <a:close/>
              </a:path>
            </a:pathLst>
          </a:custGeom>
          <a:solidFill>
            <a:srgbClr val="FFFFFF"/>
          </a:solidFill>
        </p:spPr>
        <p:txBody>
          <a:bodyPr wrap="square" lIns="0" tIns="0" rIns="0" bIns="0" rtlCol="0"/>
          <a:lstStyle/>
          <a:p>
            <a:endParaRPr sz="1539"/>
          </a:p>
        </p:txBody>
      </p:sp>
      <p:sp>
        <p:nvSpPr>
          <p:cNvPr id="342" name="object 342"/>
          <p:cNvSpPr txBox="1"/>
          <p:nvPr/>
        </p:nvSpPr>
        <p:spPr>
          <a:xfrm>
            <a:off x="1139850" y="422839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43" name="object 343"/>
          <p:cNvSpPr/>
          <p:nvPr/>
        </p:nvSpPr>
        <p:spPr>
          <a:xfrm>
            <a:off x="1339672" y="4214493"/>
            <a:ext cx="95567" cy="113486"/>
          </a:xfrm>
          <a:custGeom>
            <a:avLst/>
            <a:gdLst/>
            <a:ahLst/>
            <a:cxnLst/>
            <a:rect l="l" t="t" r="r" b="b"/>
            <a:pathLst>
              <a:path w="111760" h="132714">
                <a:moveTo>
                  <a:pt x="111252" y="0"/>
                </a:moveTo>
                <a:lnTo>
                  <a:pt x="0" y="0"/>
                </a:lnTo>
                <a:lnTo>
                  <a:pt x="0" y="132588"/>
                </a:lnTo>
                <a:lnTo>
                  <a:pt x="111252" y="132588"/>
                </a:lnTo>
                <a:lnTo>
                  <a:pt x="111252" y="0"/>
                </a:lnTo>
                <a:close/>
              </a:path>
            </a:pathLst>
          </a:custGeom>
          <a:solidFill>
            <a:srgbClr val="FFFFFF"/>
          </a:solidFill>
        </p:spPr>
        <p:txBody>
          <a:bodyPr wrap="square" lIns="0" tIns="0" rIns="0" bIns="0" rtlCol="0"/>
          <a:lstStyle/>
          <a:p>
            <a:endParaRPr sz="1539"/>
          </a:p>
        </p:txBody>
      </p:sp>
      <p:sp>
        <p:nvSpPr>
          <p:cNvPr id="344" name="object 344"/>
          <p:cNvSpPr txBox="1"/>
          <p:nvPr/>
        </p:nvSpPr>
        <p:spPr>
          <a:xfrm>
            <a:off x="1328812" y="419842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45" name="object 345"/>
          <p:cNvSpPr/>
          <p:nvPr/>
        </p:nvSpPr>
        <p:spPr>
          <a:xfrm>
            <a:off x="1527329" y="4217100"/>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46" name="object 346"/>
          <p:cNvSpPr txBox="1"/>
          <p:nvPr/>
        </p:nvSpPr>
        <p:spPr>
          <a:xfrm>
            <a:off x="1517773" y="420233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47" name="object 347"/>
          <p:cNvSpPr/>
          <p:nvPr/>
        </p:nvSpPr>
        <p:spPr>
          <a:xfrm>
            <a:off x="1716291" y="4275743"/>
            <a:ext cx="95567" cy="115114"/>
          </a:xfrm>
          <a:custGeom>
            <a:avLst/>
            <a:gdLst/>
            <a:ahLst/>
            <a:cxnLst/>
            <a:rect l="l" t="t" r="r" b="b"/>
            <a:pathLst>
              <a:path w="111760" h="134620">
                <a:moveTo>
                  <a:pt x="111251" y="0"/>
                </a:moveTo>
                <a:lnTo>
                  <a:pt x="0" y="0"/>
                </a:lnTo>
                <a:lnTo>
                  <a:pt x="0" y="134112"/>
                </a:lnTo>
                <a:lnTo>
                  <a:pt x="111251" y="134112"/>
                </a:lnTo>
                <a:lnTo>
                  <a:pt x="111251" y="0"/>
                </a:lnTo>
                <a:close/>
              </a:path>
            </a:pathLst>
          </a:custGeom>
          <a:solidFill>
            <a:srgbClr val="FFFFFF"/>
          </a:solidFill>
        </p:spPr>
        <p:txBody>
          <a:bodyPr wrap="square" lIns="0" tIns="0" rIns="0" bIns="0" rtlCol="0"/>
          <a:lstStyle/>
          <a:p>
            <a:endParaRPr sz="1539"/>
          </a:p>
        </p:txBody>
      </p:sp>
      <p:sp>
        <p:nvSpPr>
          <p:cNvPr id="348" name="object 348"/>
          <p:cNvSpPr txBox="1"/>
          <p:nvPr/>
        </p:nvSpPr>
        <p:spPr>
          <a:xfrm>
            <a:off x="1706735" y="426097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8</a:t>
            </a:r>
            <a:endParaRPr sz="727">
              <a:latin typeface="Calibri"/>
              <a:cs typeface="Calibri"/>
            </a:endParaRPr>
          </a:p>
        </p:txBody>
      </p:sp>
      <p:sp>
        <p:nvSpPr>
          <p:cNvPr id="349" name="object 349"/>
          <p:cNvSpPr/>
          <p:nvPr/>
        </p:nvSpPr>
        <p:spPr>
          <a:xfrm>
            <a:off x="1905253" y="4265318"/>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350" name="object 350"/>
          <p:cNvSpPr txBox="1"/>
          <p:nvPr/>
        </p:nvSpPr>
        <p:spPr>
          <a:xfrm>
            <a:off x="1895696" y="425054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9</a:t>
            </a:r>
            <a:endParaRPr sz="727">
              <a:latin typeface="Calibri"/>
              <a:cs typeface="Calibri"/>
            </a:endParaRPr>
          </a:p>
        </p:txBody>
      </p:sp>
      <p:sp>
        <p:nvSpPr>
          <p:cNvPr id="351" name="object 351"/>
          <p:cNvSpPr/>
          <p:nvPr/>
        </p:nvSpPr>
        <p:spPr>
          <a:xfrm>
            <a:off x="2094214" y="4239254"/>
            <a:ext cx="95567" cy="113486"/>
          </a:xfrm>
          <a:custGeom>
            <a:avLst/>
            <a:gdLst/>
            <a:ahLst/>
            <a:cxnLst/>
            <a:rect l="l" t="t" r="r" b="b"/>
            <a:pathLst>
              <a:path w="111760" h="132714">
                <a:moveTo>
                  <a:pt x="111251" y="0"/>
                </a:moveTo>
                <a:lnTo>
                  <a:pt x="0" y="0"/>
                </a:lnTo>
                <a:lnTo>
                  <a:pt x="0" y="132587"/>
                </a:lnTo>
                <a:lnTo>
                  <a:pt x="111251" y="132587"/>
                </a:lnTo>
                <a:lnTo>
                  <a:pt x="111251" y="0"/>
                </a:lnTo>
                <a:close/>
              </a:path>
            </a:pathLst>
          </a:custGeom>
          <a:solidFill>
            <a:srgbClr val="FFFFFF"/>
          </a:solidFill>
        </p:spPr>
        <p:txBody>
          <a:bodyPr wrap="square" lIns="0" tIns="0" rIns="0" bIns="0" rtlCol="0"/>
          <a:lstStyle/>
          <a:p>
            <a:endParaRPr sz="1539"/>
          </a:p>
        </p:txBody>
      </p:sp>
      <p:sp>
        <p:nvSpPr>
          <p:cNvPr id="352" name="object 352"/>
          <p:cNvSpPr txBox="1"/>
          <p:nvPr/>
        </p:nvSpPr>
        <p:spPr>
          <a:xfrm>
            <a:off x="2084658" y="422318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1</a:t>
            </a:r>
            <a:endParaRPr sz="727">
              <a:latin typeface="Calibri"/>
              <a:cs typeface="Calibri"/>
            </a:endParaRPr>
          </a:p>
        </p:txBody>
      </p:sp>
      <p:sp>
        <p:nvSpPr>
          <p:cNvPr id="353" name="object 353"/>
          <p:cNvSpPr/>
          <p:nvPr/>
        </p:nvSpPr>
        <p:spPr>
          <a:xfrm>
            <a:off x="2283176" y="4135000"/>
            <a:ext cx="95567" cy="115114"/>
          </a:xfrm>
          <a:custGeom>
            <a:avLst/>
            <a:gdLst/>
            <a:ahLst/>
            <a:cxnLst/>
            <a:rect l="l" t="t" r="r" b="b"/>
            <a:pathLst>
              <a:path w="111760" h="134620">
                <a:moveTo>
                  <a:pt x="111251" y="0"/>
                </a:moveTo>
                <a:lnTo>
                  <a:pt x="0" y="0"/>
                </a:lnTo>
                <a:lnTo>
                  <a:pt x="0" y="134111"/>
                </a:lnTo>
                <a:lnTo>
                  <a:pt x="111251" y="134111"/>
                </a:lnTo>
                <a:lnTo>
                  <a:pt x="111251" y="0"/>
                </a:lnTo>
                <a:close/>
              </a:path>
            </a:pathLst>
          </a:custGeom>
          <a:solidFill>
            <a:srgbClr val="FFFFFF"/>
          </a:solidFill>
        </p:spPr>
        <p:txBody>
          <a:bodyPr wrap="square" lIns="0" tIns="0" rIns="0" bIns="0" rtlCol="0"/>
          <a:lstStyle/>
          <a:p>
            <a:endParaRPr sz="1539"/>
          </a:p>
        </p:txBody>
      </p:sp>
      <p:sp>
        <p:nvSpPr>
          <p:cNvPr id="354" name="object 354"/>
          <p:cNvSpPr txBox="1"/>
          <p:nvPr/>
        </p:nvSpPr>
        <p:spPr>
          <a:xfrm>
            <a:off x="2272317" y="4120229"/>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3</a:t>
            </a:r>
            <a:endParaRPr sz="727">
              <a:latin typeface="Calibri"/>
              <a:cs typeface="Calibri"/>
            </a:endParaRPr>
          </a:p>
        </p:txBody>
      </p:sp>
      <p:sp>
        <p:nvSpPr>
          <p:cNvPr id="355" name="object 355"/>
          <p:cNvSpPr txBox="1"/>
          <p:nvPr/>
        </p:nvSpPr>
        <p:spPr>
          <a:xfrm>
            <a:off x="2461277" y="3919539"/>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9</a:t>
            </a:r>
            <a:endParaRPr sz="727">
              <a:latin typeface="Calibri"/>
              <a:cs typeface="Calibri"/>
            </a:endParaRPr>
          </a:p>
        </p:txBody>
      </p:sp>
      <p:sp>
        <p:nvSpPr>
          <p:cNvPr id="356" name="object 356"/>
          <p:cNvSpPr txBox="1"/>
          <p:nvPr/>
        </p:nvSpPr>
        <p:spPr>
          <a:xfrm>
            <a:off x="2650239" y="379834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3</a:t>
            </a:r>
            <a:endParaRPr sz="727">
              <a:latin typeface="Calibri"/>
              <a:cs typeface="Calibri"/>
            </a:endParaRPr>
          </a:p>
        </p:txBody>
      </p:sp>
      <p:sp>
        <p:nvSpPr>
          <p:cNvPr id="357" name="object 357"/>
          <p:cNvSpPr txBox="1"/>
          <p:nvPr/>
        </p:nvSpPr>
        <p:spPr>
          <a:xfrm>
            <a:off x="2839201" y="364717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9</a:t>
            </a:r>
            <a:endParaRPr sz="727">
              <a:latin typeface="Calibri"/>
              <a:cs typeface="Calibri"/>
            </a:endParaRPr>
          </a:p>
        </p:txBody>
      </p:sp>
      <p:sp>
        <p:nvSpPr>
          <p:cNvPr id="358" name="object 358"/>
          <p:cNvSpPr txBox="1"/>
          <p:nvPr/>
        </p:nvSpPr>
        <p:spPr>
          <a:xfrm>
            <a:off x="3026860" y="2979944"/>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56</a:t>
            </a:r>
            <a:endParaRPr sz="727">
              <a:latin typeface="Calibri"/>
              <a:cs typeface="Calibri"/>
            </a:endParaRPr>
          </a:p>
        </p:txBody>
      </p:sp>
      <p:sp>
        <p:nvSpPr>
          <p:cNvPr id="359" name="object 359"/>
          <p:cNvSpPr txBox="1"/>
          <p:nvPr/>
        </p:nvSpPr>
        <p:spPr>
          <a:xfrm>
            <a:off x="3215821" y="2925212"/>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54</a:t>
            </a:r>
            <a:endParaRPr sz="727">
              <a:latin typeface="Calibri"/>
              <a:cs typeface="Calibri"/>
            </a:endParaRPr>
          </a:p>
        </p:txBody>
      </p:sp>
      <p:sp>
        <p:nvSpPr>
          <p:cNvPr id="360" name="object 360"/>
          <p:cNvSpPr txBox="1"/>
          <p:nvPr/>
        </p:nvSpPr>
        <p:spPr>
          <a:xfrm>
            <a:off x="3404782" y="2905664"/>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52</a:t>
            </a:r>
            <a:endParaRPr sz="727">
              <a:latin typeface="Calibri"/>
              <a:cs typeface="Calibri"/>
            </a:endParaRPr>
          </a:p>
        </p:txBody>
      </p:sp>
      <p:sp>
        <p:nvSpPr>
          <p:cNvPr id="361" name="object 361"/>
          <p:cNvSpPr txBox="1"/>
          <p:nvPr/>
        </p:nvSpPr>
        <p:spPr>
          <a:xfrm>
            <a:off x="3593745" y="3217124"/>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7</a:t>
            </a:r>
            <a:endParaRPr sz="727">
              <a:latin typeface="Calibri"/>
              <a:cs typeface="Calibri"/>
            </a:endParaRPr>
          </a:p>
        </p:txBody>
      </p:sp>
      <p:sp>
        <p:nvSpPr>
          <p:cNvPr id="362" name="object 362"/>
          <p:cNvSpPr txBox="1"/>
          <p:nvPr/>
        </p:nvSpPr>
        <p:spPr>
          <a:xfrm>
            <a:off x="3781403" y="3158480"/>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5</a:t>
            </a:r>
            <a:endParaRPr sz="727">
              <a:latin typeface="Calibri"/>
              <a:cs typeface="Calibri"/>
            </a:endParaRPr>
          </a:p>
        </p:txBody>
      </p:sp>
      <p:sp>
        <p:nvSpPr>
          <p:cNvPr id="363" name="object 363"/>
          <p:cNvSpPr txBox="1"/>
          <p:nvPr/>
        </p:nvSpPr>
        <p:spPr>
          <a:xfrm>
            <a:off x="3970365" y="3125901"/>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4</a:t>
            </a:r>
            <a:endParaRPr sz="727">
              <a:latin typeface="Calibri"/>
              <a:cs typeface="Calibri"/>
            </a:endParaRPr>
          </a:p>
        </p:txBody>
      </p:sp>
      <p:sp>
        <p:nvSpPr>
          <p:cNvPr id="364" name="object 364"/>
          <p:cNvSpPr txBox="1"/>
          <p:nvPr/>
        </p:nvSpPr>
        <p:spPr>
          <a:xfrm>
            <a:off x="4159326" y="3086805"/>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8</a:t>
            </a:r>
            <a:endParaRPr sz="727">
              <a:latin typeface="Calibri"/>
              <a:cs typeface="Calibri"/>
            </a:endParaRPr>
          </a:p>
        </p:txBody>
      </p:sp>
      <p:sp>
        <p:nvSpPr>
          <p:cNvPr id="365" name="object 365"/>
          <p:cNvSpPr txBox="1"/>
          <p:nvPr/>
        </p:nvSpPr>
        <p:spPr>
          <a:xfrm>
            <a:off x="4349590" y="3426936"/>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42</a:t>
            </a:r>
            <a:endParaRPr sz="727">
              <a:latin typeface="Calibri"/>
              <a:cs typeface="Calibri"/>
            </a:endParaRPr>
          </a:p>
        </p:txBody>
      </p:sp>
      <p:sp>
        <p:nvSpPr>
          <p:cNvPr id="366" name="object 366"/>
          <p:cNvSpPr txBox="1"/>
          <p:nvPr/>
        </p:nvSpPr>
        <p:spPr>
          <a:xfrm>
            <a:off x="4538552" y="348297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7</a:t>
            </a:r>
            <a:endParaRPr sz="727">
              <a:latin typeface="Calibri"/>
              <a:cs typeface="Calibri"/>
            </a:endParaRPr>
          </a:p>
        </p:txBody>
      </p:sp>
      <p:sp>
        <p:nvSpPr>
          <p:cNvPr id="367" name="object 367"/>
          <p:cNvSpPr txBox="1"/>
          <p:nvPr/>
        </p:nvSpPr>
        <p:spPr>
          <a:xfrm>
            <a:off x="4726211" y="3747519"/>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7</a:t>
            </a:r>
            <a:endParaRPr sz="727">
              <a:latin typeface="Calibri"/>
              <a:cs typeface="Calibri"/>
            </a:endParaRPr>
          </a:p>
        </p:txBody>
      </p:sp>
      <p:sp>
        <p:nvSpPr>
          <p:cNvPr id="368" name="object 368"/>
          <p:cNvSpPr txBox="1"/>
          <p:nvPr/>
        </p:nvSpPr>
        <p:spPr>
          <a:xfrm>
            <a:off x="4915172" y="3772280"/>
            <a:ext cx="117829"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6</a:t>
            </a:r>
            <a:endParaRPr sz="727">
              <a:latin typeface="Calibri"/>
              <a:cs typeface="Calibri"/>
            </a:endParaRPr>
          </a:p>
        </p:txBody>
      </p:sp>
      <p:sp>
        <p:nvSpPr>
          <p:cNvPr id="369" name="object 369"/>
          <p:cNvSpPr txBox="1"/>
          <p:nvPr/>
        </p:nvSpPr>
        <p:spPr>
          <a:xfrm>
            <a:off x="5105436" y="381007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3</a:t>
            </a:r>
            <a:endParaRPr sz="727">
              <a:latin typeface="Calibri"/>
              <a:cs typeface="Calibri"/>
            </a:endParaRPr>
          </a:p>
        </p:txBody>
      </p:sp>
      <p:sp>
        <p:nvSpPr>
          <p:cNvPr id="370" name="object 370"/>
          <p:cNvSpPr txBox="1"/>
          <p:nvPr/>
        </p:nvSpPr>
        <p:spPr>
          <a:xfrm>
            <a:off x="5294397" y="3948209"/>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1</a:t>
            </a:r>
            <a:endParaRPr sz="727">
              <a:latin typeface="Calibri"/>
              <a:cs typeface="Calibri"/>
            </a:endParaRPr>
          </a:p>
        </p:txBody>
      </p:sp>
      <p:sp>
        <p:nvSpPr>
          <p:cNvPr id="371" name="object 371"/>
          <p:cNvSpPr txBox="1"/>
          <p:nvPr/>
        </p:nvSpPr>
        <p:spPr>
          <a:xfrm>
            <a:off x="5482055" y="4062889"/>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72" name="object 372"/>
          <p:cNvSpPr txBox="1"/>
          <p:nvPr/>
        </p:nvSpPr>
        <p:spPr>
          <a:xfrm>
            <a:off x="5671018" y="4134565"/>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2</a:t>
            </a:r>
            <a:endParaRPr sz="727">
              <a:latin typeface="Calibri"/>
              <a:cs typeface="Calibri"/>
            </a:endParaRPr>
          </a:p>
        </p:txBody>
      </p:sp>
      <p:sp>
        <p:nvSpPr>
          <p:cNvPr id="373" name="object 373"/>
          <p:cNvSpPr txBox="1"/>
          <p:nvPr/>
        </p:nvSpPr>
        <p:spPr>
          <a:xfrm>
            <a:off x="5859978" y="419842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3</a:t>
            </a:r>
            <a:endParaRPr sz="727">
              <a:latin typeface="Calibri"/>
              <a:cs typeface="Calibri"/>
            </a:endParaRPr>
          </a:p>
        </p:txBody>
      </p:sp>
      <p:sp>
        <p:nvSpPr>
          <p:cNvPr id="374" name="object 374"/>
          <p:cNvSpPr txBox="1"/>
          <p:nvPr/>
        </p:nvSpPr>
        <p:spPr>
          <a:xfrm>
            <a:off x="6048941" y="4227090"/>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4</a:t>
            </a:r>
            <a:endParaRPr sz="727">
              <a:latin typeface="Calibri"/>
              <a:cs typeface="Calibri"/>
            </a:endParaRPr>
          </a:p>
        </p:txBody>
      </p:sp>
      <p:sp>
        <p:nvSpPr>
          <p:cNvPr id="375" name="object 375"/>
          <p:cNvSpPr txBox="1"/>
          <p:nvPr/>
        </p:nvSpPr>
        <p:spPr>
          <a:xfrm>
            <a:off x="6237902" y="4319616"/>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1</a:t>
            </a:r>
            <a:endParaRPr sz="727">
              <a:latin typeface="Calibri"/>
              <a:cs typeface="Calibri"/>
            </a:endParaRPr>
          </a:p>
        </p:txBody>
      </p:sp>
      <p:sp>
        <p:nvSpPr>
          <p:cNvPr id="376" name="object 376"/>
          <p:cNvSpPr txBox="1"/>
          <p:nvPr/>
        </p:nvSpPr>
        <p:spPr>
          <a:xfrm>
            <a:off x="6426863" y="431440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1</a:t>
            </a:r>
            <a:endParaRPr sz="727">
              <a:latin typeface="Calibri"/>
              <a:cs typeface="Calibri"/>
            </a:endParaRPr>
          </a:p>
        </p:txBody>
      </p:sp>
      <p:sp>
        <p:nvSpPr>
          <p:cNvPr id="377" name="object 377"/>
          <p:cNvSpPr txBox="1"/>
          <p:nvPr/>
        </p:nvSpPr>
        <p:spPr>
          <a:xfrm>
            <a:off x="6615825" y="4396504"/>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5</a:t>
            </a:r>
            <a:endParaRPr sz="727">
              <a:latin typeface="Calibri"/>
              <a:cs typeface="Calibri"/>
            </a:endParaRPr>
          </a:p>
        </p:txBody>
      </p:sp>
      <p:sp>
        <p:nvSpPr>
          <p:cNvPr id="378" name="object 378"/>
          <p:cNvSpPr txBox="1"/>
          <p:nvPr/>
        </p:nvSpPr>
        <p:spPr>
          <a:xfrm>
            <a:off x="6804786" y="4416052"/>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4</a:t>
            </a:r>
            <a:endParaRPr sz="727">
              <a:latin typeface="Calibri"/>
              <a:cs typeface="Calibri"/>
            </a:endParaRPr>
          </a:p>
        </p:txBody>
      </p:sp>
      <p:sp>
        <p:nvSpPr>
          <p:cNvPr id="379" name="object 379"/>
          <p:cNvSpPr txBox="1"/>
          <p:nvPr/>
        </p:nvSpPr>
        <p:spPr>
          <a:xfrm>
            <a:off x="6992445" y="437565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5</a:t>
            </a:r>
            <a:endParaRPr sz="727">
              <a:latin typeface="Calibri"/>
              <a:cs typeface="Calibri"/>
            </a:endParaRPr>
          </a:p>
        </p:txBody>
      </p:sp>
      <p:sp>
        <p:nvSpPr>
          <p:cNvPr id="380" name="object 380"/>
          <p:cNvSpPr txBox="1"/>
          <p:nvPr/>
        </p:nvSpPr>
        <p:spPr>
          <a:xfrm>
            <a:off x="7181407" y="4311798"/>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6</a:t>
            </a:r>
            <a:endParaRPr sz="727">
              <a:latin typeface="Calibri"/>
              <a:cs typeface="Calibri"/>
            </a:endParaRPr>
          </a:p>
        </p:txBody>
      </p:sp>
      <p:sp>
        <p:nvSpPr>
          <p:cNvPr id="381" name="object 381"/>
          <p:cNvSpPr txBox="1"/>
          <p:nvPr/>
        </p:nvSpPr>
        <p:spPr>
          <a:xfrm>
            <a:off x="7370367" y="4130655"/>
            <a:ext cx="305162" cy="123953"/>
          </a:xfrm>
          <a:prstGeom prst="rect">
            <a:avLst/>
          </a:prstGeom>
        </p:spPr>
        <p:txBody>
          <a:bodyPr vert="horz" wrap="square" lIns="0" tIns="11946" rIns="0" bIns="0" rtlCol="0">
            <a:spAutoFit/>
          </a:bodyPr>
          <a:lstStyle/>
          <a:p>
            <a:pPr marL="10860">
              <a:spcBef>
                <a:spcPts val="94"/>
              </a:spcBef>
            </a:pPr>
            <a:r>
              <a:rPr sz="727" dirty="0">
                <a:solidFill>
                  <a:srgbClr val="3F3F3F"/>
                </a:solidFill>
                <a:latin typeface="Calibri"/>
                <a:cs typeface="Calibri"/>
              </a:rPr>
              <a:t>29</a:t>
            </a:r>
            <a:r>
              <a:rPr sz="727" spc="205" dirty="0">
                <a:solidFill>
                  <a:srgbClr val="3F3F3F"/>
                </a:solidFill>
                <a:latin typeface="Calibri"/>
                <a:cs typeface="Calibri"/>
              </a:rPr>
              <a:t>  </a:t>
            </a:r>
            <a:r>
              <a:rPr sz="1090" spc="-32" baseline="3267" dirty="0">
                <a:solidFill>
                  <a:srgbClr val="3F3F3F"/>
                </a:solidFill>
                <a:latin typeface="Calibri"/>
                <a:cs typeface="Calibri"/>
              </a:rPr>
              <a:t>28</a:t>
            </a:r>
            <a:endParaRPr sz="1090" baseline="3267">
              <a:latin typeface="Calibri"/>
              <a:cs typeface="Calibri"/>
            </a:endParaRPr>
          </a:p>
        </p:txBody>
      </p:sp>
      <p:sp>
        <p:nvSpPr>
          <p:cNvPr id="382" name="object 382"/>
          <p:cNvSpPr txBox="1"/>
          <p:nvPr/>
        </p:nvSpPr>
        <p:spPr>
          <a:xfrm>
            <a:off x="7748290" y="4158023"/>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29</a:t>
            </a:r>
            <a:endParaRPr sz="727">
              <a:latin typeface="Calibri"/>
              <a:cs typeface="Calibri"/>
            </a:endParaRPr>
          </a:p>
        </p:txBody>
      </p:sp>
      <p:sp>
        <p:nvSpPr>
          <p:cNvPr id="383" name="object 383"/>
          <p:cNvSpPr txBox="1"/>
          <p:nvPr/>
        </p:nvSpPr>
        <p:spPr>
          <a:xfrm>
            <a:off x="7937253" y="4137171"/>
            <a:ext cx="116200" cy="123953"/>
          </a:xfrm>
          <a:prstGeom prst="rect">
            <a:avLst/>
          </a:prstGeom>
        </p:spPr>
        <p:txBody>
          <a:bodyPr vert="horz" wrap="square" lIns="0" tIns="11946" rIns="0" bIns="0" rtlCol="0">
            <a:spAutoFit/>
          </a:bodyPr>
          <a:lstStyle/>
          <a:p>
            <a:pPr marL="10860">
              <a:spcBef>
                <a:spcPts val="94"/>
              </a:spcBef>
            </a:pPr>
            <a:r>
              <a:rPr sz="727" spc="-21" dirty="0">
                <a:solidFill>
                  <a:srgbClr val="3F3F3F"/>
                </a:solidFill>
                <a:latin typeface="Calibri"/>
                <a:cs typeface="Calibri"/>
              </a:rPr>
              <a:t>30</a:t>
            </a:r>
            <a:endParaRPr sz="727">
              <a:latin typeface="Calibri"/>
              <a:cs typeface="Calibri"/>
            </a:endParaRPr>
          </a:p>
        </p:txBody>
      </p:sp>
      <p:sp>
        <p:nvSpPr>
          <p:cNvPr id="384" name="object 384"/>
          <p:cNvSpPr txBox="1"/>
          <p:nvPr/>
        </p:nvSpPr>
        <p:spPr>
          <a:xfrm>
            <a:off x="8190070" y="5618894"/>
            <a:ext cx="86336" cy="166064"/>
          </a:xfrm>
          <a:prstGeom prst="rect">
            <a:avLst/>
          </a:prstGeom>
        </p:spPr>
        <p:txBody>
          <a:bodyPr vert="horz" wrap="square" lIns="0" tIns="14661" rIns="0" bIns="0" rtlCol="0">
            <a:spAutoFit/>
          </a:bodyPr>
          <a:lstStyle/>
          <a:p>
            <a:pPr marL="10860">
              <a:spcBef>
                <a:spcPts val="115"/>
              </a:spcBef>
            </a:pPr>
            <a:r>
              <a:rPr sz="983" spc="-43" dirty="0">
                <a:latin typeface="ＭＳ Ｐゴシック"/>
                <a:cs typeface="ＭＳ Ｐゴシック"/>
              </a:rPr>
              <a:t>0</a:t>
            </a:r>
            <a:endParaRPr sz="983">
              <a:latin typeface="ＭＳ Ｐゴシック"/>
              <a:cs typeface="ＭＳ Ｐゴシック"/>
            </a:endParaRPr>
          </a:p>
        </p:txBody>
      </p:sp>
      <p:sp>
        <p:nvSpPr>
          <p:cNvPr id="385" name="object 385"/>
          <p:cNvSpPr txBox="1"/>
          <p:nvPr/>
        </p:nvSpPr>
        <p:spPr>
          <a:xfrm>
            <a:off x="8190070" y="5209691"/>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100</a:t>
            </a:r>
            <a:endParaRPr sz="983">
              <a:latin typeface="ＭＳ Ｐゴシック"/>
              <a:cs typeface="ＭＳ Ｐゴシック"/>
            </a:endParaRPr>
          </a:p>
        </p:txBody>
      </p:sp>
      <p:sp>
        <p:nvSpPr>
          <p:cNvPr id="386" name="object 386"/>
          <p:cNvSpPr txBox="1"/>
          <p:nvPr/>
        </p:nvSpPr>
        <p:spPr>
          <a:xfrm>
            <a:off x="8190070" y="4799188"/>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200</a:t>
            </a:r>
            <a:endParaRPr sz="983">
              <a:latin typeface="ＭＳ Ｐゴシック"/>
              <a:cs typeface="ＭＳ Ｐゴシック"/>
            </a:endParaRPr>
          </a:p>
        </p:txBody>
      </p:sp>
      <p:sp>
        <p:nvSpPr>
          <p:cNvPr id="387" name="object 387"/>
          <p:cNvSpPr txBox="1"/>
          <p:nvPr/>
        </p:nvSpPr>
        <p:spPr>
          <a:xfrm>
            <a:off x="8190070" y="4388685"/>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300</a:t>
            </a:r>
            <a:endParaRPr sz="983">
              <a:latin typeface="ＭＳ Ｐゴシック"/>
              <a:cs typeface="ＭＳ Ｐゴシック"/>
            </a:endParaRPr>
          </a:p>
        </p:txBody>
      </p:sp>
      <p:sp>
        <p:nvSpPr>
          <p:cNvPr id="388" name="object 388"/>
          <p:cNvSpPr txBox="1"/>
          <p:nvPr/>
        </p:nvSpPr>
        <p:spPr>
          <a:xfrm>
            <a:off x="8190070" y="3979486"/>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400</a:t>
            </a:r>
            <a:endParaRPr sz="983">
              <a:latin typeface="ＭＳ Ｐゴシック"/>
              <a:cs typeface="ＭＳ Ｐゴシック"/>
            </a:endParaRPr>
          </a:p>
        </p:txBody>
      </p:sp>
      <p:sp>
        <p:nvSpPr>
          <p:cNvPr id="389" name="object 389"/>
          <p:cNvSpPr txBox="1"/>
          <p:nvPr/>
        </p:nvSpPr>
        <p:spPr>
          <a:xfrm>
            <a:off x="8190070" y="3568983"/>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500</a:t>
            </a:r>
            <a:endParaRPr sz="983">
              <a:latin typeface="ＭＳ Ｐゴシック"/>
              <a:cs typeface="ＭＳ Ｐゴシック"/>
            </a:endParaRPr>
          </a:p>
        </p:txBody>
      </p:sp>
      <p:sp>
        <p:nvSpPr>
          <p:cNvPr id="390" name="object 390"/>
          <p:cNvSpPr txBox="1"/>
          <p:nvPr/>
        </p:nvSpPr>
        <p:spPr>
          <a:xfrm>
            <a:off x="8190070" y="3158480"/>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600</a:t>
            </a:r>
            <a:endParaRPr sz="983">
              <a:latin typeface="ＭＳ Ｐゴシック"/>
              <a:cs typeface="ＭＳ Ｐゴシック"/>
            </a:endParaRPr>
          </a:p>
        </p:txBody>
      </p:sp>
      <p:sp>
        <p:nvSpPr>
          <p:cNvPr id="391" name="object 391"/>
          <p:cNvSpPr txBox="1"/>
          <p:nvPr/>
        </p:nvSpPr>
        <p:spPr>
          <a:xfrm>
            <a:off x="8190070" y="2749282"/>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700</a:t>
            </a:r>
            <a:endParaRPr sz="983">
              <a:latin typeface="ＭＳ Ｐゴシック"/>
              <a:cs typeface="ＭＳ Ｐゴシック"/>
            </a:endParaRPr>
          </a:p>
        </p:txBody>
      </p:sp>
      <p:sp>
        <p:nvSpPr>
          <p:cNvPr id="392" name="object 392"/>
          <p:cNvSpPr txBox="1"/>
          <p:nvPr/>
        </p:nvSpPr>
        <p:spPr>
          <a:xfrm>
            <a:off x="8190070" y="2338778"/>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800</a:t>
            </a:r>
            <a:endParaRPr sz="983">
              <a:latin typeface="ＭＳ Ｐゴシック"/>
              <a:cs typeface="ＭＳ Ｐゴシック"/>
            </a:endParaRPr>
          </a:p>
        </p:txBody>
      </p:sp>
      <p:sp>
        <p:nvSpPr>
          <p:cNvPr id="393" name="object 393"/>
          <p:cNvSpPr txBox="1"/>
          <p:nvPr/>
        </p:nvSpPr>
        <p:spPr>
          <a:xfrm>
            <a:off x="8190070" y="1928275"/>
            <a:ext cx="215568"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900</a:t>
            </a:r>
            <a:endParaRPr sz="983">
              <a:latin typeface="ＭＳ Ｐゴシック"/>
              <a:cs typeface="ＭＳ Ｐゴシック"/>
            </a:endParaRPr>
          </a:p>
        </p:txBody>
      </p:sp>
      <p:sp>
        <p:nvSpPr>
          <p:cNvPr id="394" name="object 394"/>
          <p:cNvSpPr txBox="1"/>
          <p:nvPr/>
        </p:nvSpPr>
        <p:spPr>
          <a:xfrm>
            <a:off x="123367" y="5618894"/>
            <a:ext cx="86336" cy="166064"/>
          </a:xfrm>
          <a:prstGeom prst="rect">
            <a:avLst/>
          </a:prstGeom>
        </p:spPr>
        <p:txBody>
          <a:bodyPr vert="horz" wrap="square" lIns="0" tIns="14661" rIns="0" bIns="0" rtlCol="0">
            <a:spAutoFit/>
          </a:bodyPr>
          <a:lstStyle/>
          <a:p>
            <a:pPr marL="10860">
              <a:spcBef>
                <a:spcPts val="115"/>
              </a:spcBef>
            </a:pPr>
            <a:r>
              <a:rPr sz="983" spc="-43" dirty="0">
                <a:latin typeface="ＭＳ Ｐゴシック"/>
                <a:cs typeface="ＭＳ Ｐゴシック"/>
              </a:rPr>
              <a:t>0</a:t>
            </a:r>
            <a:endParaRPr sz="983">
              <a:latin typeface="ＭＳ Ｐゴシック"/>
              <a:cs typeface="ＭＳ Ｐゴシック"/>
            </a:endParaRPr>
          </a:p>
        </p:txBody>
      </p:sp>
      <p:sp>
        <p:nvSpPr>
          <p:cNvPr id="395" name="object 395"/>
          <p:cNvSpPr txBox="1"/>
          <p:nvPr/>
        </p:nvSpPr>
        <p:spPr>
          <a:xfrm>
            <a:off x="58209" y="5209691"/>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10</a:t>
            </a:r>
            <a:endParaRPr sz="983">
              <a:latin typeface="ＭＳ Ｐゴシック"/>
              <a:cs typeface="ＭＳ Ｐゴシック"/>
            </a:endParaRPr>
          </a:p>
        </p:txBody>
      </p:sp>
      <p:sp>
        <p:nvSpPr>
          <p:cNvPr id="396" name="object 396"/>
          <p:cNvSpPr txBox="1"/>
          <p:nvPr/>
        </p:nvSpPr>
        <p:spPr>
          <a:xfrm>
            <a:off x="58209" y="4799188"/>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20</a:t>
            </a:r>
            <a:endParaRPr sz="983">
              <a:latin typeface="ＭＳ Ｐゴシック"/>
              <a:cs typeface="ＭＳ Ｐゴシック"/>
            </a:endParaRPr>
          </a:p>
        </p:txBody>
      </p:sp>
      <p:sp>
        <p:nvSpPr>
          <p:cNvPr id="397" name="object 397"/>
          <p:cNvSpPr txBox="1"/>
          <p:nvPr/>
        </p:nvSpPr>
        <p:spPr>
          <a:xfrm>
            <a:off x="58209" y="4388685"/>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30</a:t>
            </a:r>
            <a:endParaRPr sz="983">
              <a:latin typeface="ＭＳ Ｐゴシック"/>
              <a:cs typeface="ＭＳ Ｐゴシック"/>
            </a:endParaRPr>
          </a:p>
        </p:txBody>
      </p:sp>
      <p:sp>
        <p:nvSpPr>
          <p:cNvPr id="398" name="object 398"/>
          <p:cNvSpPr txBox="1"/>
          <p:nvPr/>
        </p:nvSpPr>
        <p:spPr>
          <a:xfrm>
            <a:off x="58209" y="3979486"/>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40</a:t>
            </a:r>
            <a:endParaRPr sz="983">
              <a:latin typeface="ＭＳ Ｐゴシック"/>
              <a:cs typeface="ＭＳ Ｐゴシック"/>
            </a:endParaRPr>
          </a:p>
        </p:txBody>
      </p:sp>
      <p:sp>
        <p:nvSpPr>
          <p:cNvPr id="399" name="object 399"/>
          <p:cNvSpPr txBox="1"/>
          <p:nvPr/>
        </p:nvSpPr>
        <p:spPr>
          <a:xfrm>
            <a:off x="58209" y="3568983"/>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50</a:t>
            </a:r>
            <a:endParaRPr sz="983">
              <a:latin typeface="ＭＳ Ｐゴシック"/>
              <a:cs typeface="ＭＳ Ｐゴシック"/>
            </a:endParaRPr>
          </a:p>
        </p:txBody>
      </p:sp>
      <p:sp>
        <p:nvSpPr>
          <p:cNvPr id="400" name="object 400"/>
          <p:cNvSpPr txBox="1"/>
          <p:nvPr/>
        </p:nvSpPr>
        <p:spPr>
          <a:xfrm>
            <a:off x="58209" y="3158480"/>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60</a:t>
            </a:r>
            <a:endParaRPr sz="983">
              <a:latin typeface="ＭＳ Ｐゴシック"/>
              <a:cs typeface="ＭＳ Ｐゴシック"/>
            </a:endParaRPr>
          </a:p>
        </p:txBody>
      </p:sp>
      <p:sp>
        <p:nvSpPr>
          <p:cNvPr id="401" name="object 401"/>
          <p:cNvSpPr txBox="1"/>
          <p:nvPr/>
        </p:nvSpPr>
        <p:spPr>
          <a:xfrm>
            <a:off x="58209" y="2749282"/>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70</a:t>
            </a:r>
            <a:endParaRPr sz="983">
              <a:latin typeface="ＭＳ Ｐゴシック"/>
              <a:cs typeface="ＭＳ Ｐゴシック"/>
            </a:endParaRPr>
          </a:p>
        </p:txBody>
      </p:sp>
      <p:sp>
        <p:nvSpPr>
          <p:cNvPr id="402" name="object 402"/>
          <p:cNvSpPr txBox="1"/>
          <p:nvPr/>
        </p:nvSpPr>
        <p:spPr>
          <a:xfrm>
            <a:off x="58209" y="2338778"/>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80</a:t>
            </a:r>
            <a:endParaRPr sz="983">
              <a:latin typeface="ＭＳ Ｐゴシック"/>
              <a:cs typeface="ＭＳ Ｐゴシック"/>
            </a:endParaRPr>
          </a:p>
        </p:txBody>
      </p:sp>
      <p:sp>
        <p:nvSpPr>
          <p:cNvPr id="403" name="object 403"/>
          <p:cNvSpPr txBox="1"/>
          <p:nvPr/>
        </p:nvSpPr>
        <p:spPr>
          <a:xfrm>
            <a:off x="58209" y="1928275"/>
            <a:ext cx="150409" cy="166064"/>
          </a:xfrm>
          <a:prstGeom prst="rect">
            <a:avLst/>
          </a:prstGeom>
        </p:spPr>
        <p:txBody>
          <a:bodyPr vert="horz" wrap="square" lIns="0" tIns="14661" rIns="0" bIns="0" rtlCol="0">
            <a:spAutoFit/>
          </a:bodyPr>
          <a:lstStyle/>
          <a:p>
            <a:pPr marL="10860">
              <a:spcBef>
                <a:spcPts val="115"/>
              </a:spcBef>
            </a:pPr>
            <a:r>
              <a:rPr sz="983" spc="-21" dirty="0">
                <a:latin typeface="ＭＳ Ｐゴシック"/>
                <a:cs typeface="ＭＳ Ｐゴシック"/>
              </a:rPr>
              <a:t>90</a:t>
            </a:r>
            <a:endParaRPr sz="983">
              <a:latin typeface="ＭＳ Ｐゴシック"/>
              <a:cs typeface="ＭＳ Ｐゴシック"/>
            </a:endParaRPr>
          </a:p>
        </p:txBody>
      </p:sp>
      <p:sp>
        <p:nvSpPr>
          <p:cNvPr id="404" name="object 404"/>
          <p:cNvSpPr txBox="1"/>
          <p:nvPr/>
        </p:nvSpPr>
        <p:spPr>
          <a:xfrm>
            <a:off x="253251" y="5771366"/>
            <a:ext cx="7845161" cy="181555"/>
          </a:xfrm>
          <a:prstGeom prst="rect">
            <a:avLst/>
          </a:prstGeom>
        </p:spPr>
        <p:txBody>
          <a:bodyPr vert="horz" wrap="square" lIns="0" tIns="10317" rIns="0" bIns="0" rtlCol="0">
            <a:spAutoFit/>
          </a:bodyPr>
          <a:lstStyle/>
          <a:p>
            <a:pPr marL="119457">
              <a:spcBef>
                <a:spcPts val="81"/>
              </a:spcBef>
              <a:tabLst>
                <a:tab pos="2965260" algn="l"/>
                <a:tab pos="3154220" algn="l"/>
                <a:tab pos="3343180" algn="l"/>
                <a:tab pos="3532140" algn="l"/>
                <a:tab pos="3741734" algn="l"/>
                <a:tab pos="3930694" algn="l"/>
                <a:tab pos="4119654" algn="l"/>
              </a:tabLst>
            </a:pPr>
            <a:r>
              <a:rPr sz="1112" dirty="0">
                <a:latin typeface="ＭＳ Ｐゴシック"/>
                <a:cs typeface="ＭＳ Ｐゴシック"/>
              </a:rPr>
              <a:t>51</a:t>
            </a:r>
            <a:r>
              <a:rPr sz="1112" spc="21" dirty="0">
                <a:latin typeface="ＭＳ Ｐゴシック"/>
                <a:cs typeface="ＭＳ Ｐゴシック"/>
              </a:rPr>
              <a:t> </a:t>
            </a:r>
            <a:r>
              <a:rPr sz="1112" dirty="0">
                <a:latin typeface="ＭＳ Ｐゴシック"/>
                <a:cs typeface="ＭＳ Ｐゴシック"/>
              </a:rPr>
              <a:t>52</a:t>
            </a:r>
            <a:r>
              <a:rPr sz="1112" spc="30" dirty="0">
                <a:latin typeface="ＭＳ Ｐゴシック"/>
                <a:cs typeface="ＭＳ Ｐゴシック"/>
              </a:rPr>
              <a:t> </a:t>
            </a:r>
            <a:r>
              <a:rPr sz="1112" dirty="0">
                <a:latin typeface="ＭＳ Ｐゴシック"/>
                <a:cs typeface="ＭＳ Ｐゴシック"/>
              </a:rPr>
              <a:t>53</a:t>
            </a:r>
            <a:r>
              <a:rPr sz="1112" spc="26" dirty="0">
                <a:latin typeface="ＭＳ Ｐゴシック"/>
                <a:cs typeface="ＭＳ Ｐゴシック"/>
              </a:rPr>
              <a:t> </a:t>
            </a:r>
            <a:r>
              <a:rPr sz="1112" dirty="0">
                <a:latin typeface="ＭＳ Ｐゴシック"/>
                <a:cs typeface="ＭＳ Ｐゴシック"/>
              </a:rPr>
              <a:t>54</a:t>
            </a:r>
            <a:r>
              <a:rPr sz="1112" spc="30" dirty="0">
                <a:latin typeface="ＭＳ Ｐゴシック"/>
                <a:cs typeface="ＭＳ Ｐゴシック"/>
              </a:rPr>
              <a:t> </a:t>
            </a:r>
            <a:r>
              <a:rPr sz="1112" dirty="0">
                <a:latin typeface="ＭＳ Ｐゴシック"/>
                <a:cs typeface="ＭＳ Ｐゴシック"/>
              </a:rPr>
              <a:t>55</a:t>
            </a:r>
            <a:r>
              <a:rPr sz="1112" spc="30" dirty="0">
                <a:latin typeface="ＭＳ Ｐゴシック"/>
                <a:cs typeface="ＭＳ Ｐゴシック"/>
              </a:rPr>
              <a:t> </a:t>
            </a:r>
            <a:r>
              <a:rPr sz="1112" dirty="0">
                <a:latin typeface="ＭＳ Ｐゴシック"/>
                <a:cs typeface="ＭＳ Ｐゴシック"/>
              </a:rPr>
              <a:t>56</a:t>
            </a:r>
            <a:r>
              <a:rPr sz="1112" spc="21" dirty="0">
                <a:latin typeface="ＭＳ Ｐゴシック"/>
                <a:cs typeface="ＭＳ Ｐゴシック"/>
              </a:rPr>
              <a:t> </a:t>
            </a:r>
            <a:r>
              <a:rPr sz="1112" dirty="0">
                <a:latin typeface="ＭＳ Ｐゴシック"/>
                <a:cs typeface="ＭＳ Ｐゴシック"/>
              </a:rPr>
              <a:t>57</a:t>
            </a:r>
            <a:r>
              <a:rPr sz="1112" spc="26" dirty="0">
                <a:latin typeface="ＭＳ Ｐゴシック"/>
                <a:cs typeface="ＭＳ Ｐゴシック"/>
              </a:rPr>
              <a:t> </a:t>
            </a:r>
            <a:r>
              <a:rPr sz="1112" dirty="0">
                <a:latin typeface="ＭＳ Ｐゴシック"/>
                <a:cs typeface="ＭＳ Ｐゴシック"/>
              </a:rPr>
              <a:t>58</a:t>
            </a:r>
            <a:r>
              <a:rPr sz="1112" spc="30" dirty="0">
                <a:latin typeface="ＭＳ Ｐゴシック"/>
                <a:cs typeface="ＭＳ Ｐゴシック"/>
              </a:rPr>
              <a:t> </a:t>
            </a:r>
            <a:r>
              <a:rPr sz="1112" dirty="0">
                <a:latin typeface="ＭＳ Ｐゴシック"/>
                <a:cs typeface="ＭＳ Ｐゴシック"/>
              </a:rPr>
              <a:t>59</a:t>
            </a:r>
            <a:r>
              <a:rPr sz="1112" spc="30" dirty="0">
                <a:latin typeface="ＭＳ Ｐゴシック"/>
                <a:cs typeface="ＭＳ Ｐゴシック"/>
              </a:rPr>
              <a:t> </a:t>
            </a:r>
            <a:r>
              <a:rPr sz="1112" dirty="0">
                <a:latin typeface="ＭＳ Ｐゴシック"/>
                <a:cs typeface="ＭＳ Ｐゴシック"/>
              </a:rPr>
              <a:t>60</a:t>
            </a:r>
            <a:r>
              <a:rPr sz="1112" spc="30" dirty="0">
                <a:latin typeface="ＭＳ Ｐゴシック"/>
                <a:cs typeface="ＭＳ Ｐゴシック"/>
              </a:rPr>
              <a:t> </a:t>
            </a:r>
            <a:r>
              <a:rPr sz="1112" dirty="0">
                <a:latin typeface="ＭＳ Ｐゴシック"/>
                <a:cs typeface="ＭＳ Ｐゴシック"/>
              </a:rPr>
              <a:t>61</a:t>
            </a:r>
            <a:r>
              <a:rPr sz="1112" spc="26" dirty="0">
                <a:latin typeface="ＭＳ Ｐゴシック"/>
                <a:cs typeface="ＭＳ Ｐゴシック"/>
              </a:rPr>
              <a:t> </a:t>
            </a:r>
            <a:r>
              <a:rPr sz="1112" spc="-9" dirty="0">
                <a:latin typeface="ＭＳ Ｐゴシック"/>
                <a:cs typeface="ＭＳ Ｐゴシック"/>
              </a:rPr>
              <a:t>62</a:t>
            </a:r>
            <a:r>
              <a:rPr sz="1112" spc="-137" dirty="0">
                <a:latin typeface="ＭＳ Ｐゴシック"/>
                <a:cs typeface="ＭＳ Ｐゴシック"/>
              </a:rPr>
              <a:t> </a:t>
            </a:r>
            <a:r>
              <a:rPr sz="1112" dirty="0">
                <a:latin typeface="ＭＳ Ｐゴシック"/>
                <a:cs typeface="ＭＳ Ｐゴシック"/>
              </a:rPr>
              <a:t>63</a:t>
            </a:r>
            <a:r>
              <a:rPr sz="1112" spc="192" dirty="0">
                <a:latin typeface="ＭＳ Ｐゴシック"/>
                <a:cs typeface="ＭＳ Ｐゴシック"/>
              </a:rPr>
              <a:t> </a:t>
            </a:r>
            <a:r>
              <a:rPr sz="1667" baseline="-8547" dirty="0">
                <a:latin typeface="ＭＳ Ｐゴシック"/>
                <a:cs typeface="ＭＳ Ｐゴシック"/>
              </a:rPr>
              <a:t>元</a:t>
            </a:r>
            <a:r>
              <a:rPr sz="1667" spc="205" baseline="-8547" dirty="0">
                <a:latin typeface="ＭＳ Ｐゴシック"/>
                <a:cs typeface="ＭＳ Ｐゴシック"/>
              </a:rPr>
              <a:t> </a:t>
            </a:r>
            <a:r>
              <a:rPr sz="1112" spc="-43" dirty="0">
                <a:latin typeface="ＭＳ Ｐゴシック"/>
                <a:cs typeface="ＭＳ Ｐゴシック"/>
              </a:rPr>
              <a:t>2</a:t>
            </a:r>
            <a:r>
              <a:rPr sz="1112" dirty="0">
                <a:latin typeface="ＭＳ Ｐゴシック"/>
                <a:cs typeface="ＭＳ Ｐゴシック"/>
              </a:rPr>
              <a:t>	</a:t>
            </a:r>
            <a:r>
              <a:rPr sz="1112" spc="-43" dirty="0">
                <a:latin typeface="ＭＳ Ｐゴシック"/>
                <a:cs typeface="ＭＳ Ｐゴシック"/>
              </a:rPr>
              <a:t>3</a:t>
            </a:r>
            <a:r>
              <a:rPr sz="1112" dirty="0">
                <a:latin typeface="ＭＳ Ｐゴシック"/>
                <a:cs typeface="ＭＳ Ｐゴシック"/>
              </a:rPr>
              <a:t>	</a:t>
            </a:r>
            <a:r>
              <a:rPr sz="1112" spc="-43" dirty="0">
                <a:latin typeface="ＭＳ Ｐゴシック"/>
                <a:cs typeface="ＭＳ Ｐゴシック"/>
              </a:rPr>
              <a:t>4</a:t>
            </a:r>
            <a:r>
              <a:rPr sz="1112" dirty="0">
                <a:latin typeface="ＭＳ Ｐゴシック"/>
                <a:cs typeface="ＭＳ Ｐゴシック"/>
              </a:rPr>
              <a:t>	</a:t>
            </a:r>
            <a:r>
              <a:rPr sz="1112" spc="-43" dirty="0">
                <a:latin typeface="ＭＳ Ｐゴシック"/>
                <a:cs typeface="ＭＳ Ｐゴシック"/>
              </a:rPr>
              <a:t>5</a:t>
            </a:r>
            <a:r>
              <a:rPr sz="1112" dirty="0">
                <a:latin typeface="ＭＳ Ｐゴシック"/>
                <a:cs typeface="ＭＳ Ｐゴシック"/>
              </a:rPr>
              <a:t>	</a:t>
            </a:r>
            <a:r>
              <a:rPr sz="1112" spc="-43" dirty="0">
                <a:latin typeface="ＭＳ Ｐゴシック"/>
                <a:cs typeface="ＭＳ Ｐゴシック"/>
              </a:rPr>
              <a:t>6</a:t>
            </a:r>
            <a:r>
              <a:rPr sz="1112" dirty="0">
                <a:latin typeface="ＭＳ Ｐゴシック"/>
                <a:cs typeface="ＭＳ Ｐゴシック"/>
              </a:rPr>
              <a:t>	</a:t>
            </a:r>
            <a:r>
              <a:rPr sz="1112" spc="-43" dirty="0">
                <a:latin typeface="ＭＳ Ｐゴシック"/>
                <a:cs typeface="ＭＳ Ｐゴシック"/>
              </a:rPr>
              <a:t>7</a:t>
            </a:r>
            <a:r>
              <a:rPr sz="1112" dirty="0">
                <a:latin typeface="ＭＳ Ｐゴシック"/>
                <a:cs typeface="ＭＳ Ｐゴシック"/>
              </a:rPr>
              <a:t>	</a:t>
            </a:r>
            <a:r>
              <a:rPr sz="1112" spc="-43" dirty="0">
                <a:latin typeface="ＭＳ Ｐゴシック"/>
                <a:cs typeface="ＭＳ Ｐゴシック"/>
              </a:rPr>
              <a:t>8</a:t>
            </a:r>
            <a:r>
              <a:rPr sz="1112" dirty="0">
                <a:latin typeface="ＭＳ Ｐゴシック"/>
                <a:cs typeface="ＭＳ Ｐゴシック"/>
              </a:rPr>
              <a:t>	9</a:t>
            </a:r>
            <a:r>
              <a:rPr sz="1112" spc="299" dirty="0">
                <a:latin typeface="ＭＳ Ｐゴシック"/>
                <a:cs typeface="ＭＳ Ｐゴシック"/>
              </a:rPr>
              <a:t> </a:t>
            </a:r>
            <a:r>
              <a:rPr sz="1112" dirty="0">
                <a:latin typeface="ＭＳ Ｐゴシック"/>
                <a:cs typeface="ＭＳ Ｐゴシック"/>
              </a:rPr>
              <a:t>10</a:t>
            </a:r>
            <a:r>
              <a:rPr sz="1112" spc="21" dirty="0">
                <a:latin typeface="ＭＳ Ｐゴシック"/>
                <a:cs typeface="ＭＳ Ｐゴシック"/>
              </a:rPr>
              <a:t> </a:t>
            </a:r>
            <a:r>
              <a:rPr sz="1112" dirty="0">
                <a:latin typeface="ＭＳ Ｐゴシック"/>
                <a:cs typeface="ＭＳ Ｐゴシック"/>
              </a:rPr>
              <a:t>11</a:t>
            </a:r>
            <a:r>
              <a:rPr sz="1112" spc="26" dirty="0">
                <a:latin typeface="ＭＳ Ｐゴシック"/>
                <a:cs typeface="ＭＳ Ｐゴシック"/>
              </a:rPr>
              <a:t> </a:t>
            </a:r>
            <a:r>
              <a:rPr sz="1112" dirty="0">
                <a:latin typeface="ＭＳ Ｐゴシック"/>
                <a:cs typeface="ＭＳ Ｐゴシック"/>
              </a:rPr>
              <a:t>12</a:t>
            </a:r>
            <a:r>
              <a:rPr sz="1112" spc="30" dirty="0">
                <a:latin typeface="ＭＳ Ｐゴシック"/>
                <a:cs typeface="ＭＳ Ｐゴシック"/>
              </a:rPr>
              <a:t> </a:t>
            </a:r>
            <a:r>
              <a:rPr sz="1112" dirty="0">
                <a:latin typeface="ＭＳ Ｐゴシック"/>
                <a:cs typeface="ＭＳ Ｐゴシック"/>
              </a:rPr>
              <a:t>13</a:t>
            </a:r>
            <a:r>
              <a:rPr sz="1112" spc="30" dirty="0">
                <a:latin typeface="ＭＳ Ｐゴシック"/>
                <a:cs typeface="ＭＳ Ｐゴシック"/>
              </a:rPr>
              <a:t> </a:t>
            </a:r>
            <a:r>
              <a:rPr sz="1112" dirty="0">
                <a:latin typeface="ＭＳ Ｐゴシック"/>
                <a:cs typeface="ＭＳ Ｐゴシック"/>
              </a:rPr>
              <a:t>14</a:t>
            </a:r>
            <a:r>
              <a:rPr sz="1112" spc="26" dirty="0">
                <a:latin typeface="ＭＳ Ｐゴシック"/>
                <a:cs typeface="ＭＳ Ｐゴシック"/>
              </a:rPr>
              <a:t> </a:t>
            </a:r>
            <a:r>
              <a:rPr sz="1112" dirty="0">
                <a:latin typeface="ＭＳ Ｐゴシック"/>
                <a:cs typeface="ＭＳ Ｐゴシック"/>
              </a:rPr>
              <a:t>15</a:t>
            </a:r>
            <a:r>
              <a:rPr sz="1112" spc="30" dirty="0">
                <a:latin typeface="ＭＳ Ｐゴシック"/>
                <a:cs typeface="ＭＳ Ｐゴシック"/>
              </a:rPr>
              <a:t> </a:t>
            </a:r>
            <a:r>
              <a:rPr sz="1112" dirty="0">
                <a:latin typeface="ＭＳ Ｐゴシック"/>
                <a:cs typeface="ＭＳ Ｐゴシック"/>
              </a:rPr>
              <a:t>16</a:t>
            </a:r>
            <a:r>
              <a:rPr sz="1112" spc="26" dirty="0">
                <a:latin typeface="ＭＳ Ｐゴシック"/>
                <a:cs typeface="ＭＳ Ｐゴシック"/>
              </a:rPr>
              <a:t> </a:t>
            </a:r>
            <a:r>
              <a:rPr sz="1112" dirty="0">
                <a:latin typeface="ＭＳ Ｐゴシック"/>
                <a:cs typeface="ＭＳ Ｐゴシック"/>
              </a:rPr>
              <a:t>17</a:t>
            </a:r>
            <a:r>
              <a:rPr sz="1112" spc="30" dirty="0">
                <a:latin typeface="ＭＳ Ｐゴシック"/>
                <a:cs typeface="ＭＳ Ｐゴシック"/>
              </a:rPr>
              <a:t> </a:t>
            </a:r>
            <a:r>
              <a:rPr sz="1112" dirty="0">
                <a:latin typeface="ＭＳ Ｐゴシック"/>
                <a:cs typeface="ＭＳ Ｐゴシック"/>
              </a:rPr>
              <a:t>18</a:t>
            </a:r>
            <a:r>
              <a:rPr sz="1112" spc="17" dirty="0">
                <a:latin typeface="ＭＳ Ｐゴシック"/>
                <a:cs typeface="ＭＳ Ｐゴシック"/>
              </a:rPr>
              <a:t> </a:t>
            </a:r>
            <a:r>
              <a:rPr sz="1112" dirty="0">
                <a:latin typeface="ＭＳ Ｐゴシック"/>
                <a:cs typeface="ＭＳ Ｐゴシック"/>
              </a:rPr>
              <a:t>19</a:t>
            </a:r>
            <a:r>
              <a:rPr sz="1112" spc="30" dirty="0">
                <a:latin typeface="ＭＳ Ｐゴシック"/>
                <a:cs typeface="ＭＳ Ｐゴシック"/>
              </a:rPr>
              <a:t> </a:t>
            </a:r>
            <a:r>
              <a:rPr sz="1112" dirty="0">
                <a:latin typeface="ＭＳ Ｐゴシック"/>
                <a:cs typeface="ＭＳ Ｐゴシック"/>
              </a:rPr>
              <a:t>20</a:t>
            </a:r>
            <a:r>
              <a:rPr sz="1112" spc="26" dirty="0">
                <a:latin typeface="ＭＳ Ｐゴシック"/>
                <a:cs typeface="ＭＳ Ｐゴシック"/>
              </a:rPr>
              <a:t> </a:t>
            </a:r>
            <a:r>
              <a:rPr sz="1112" dirty="0">
                <a:latin typeface="ＭＳ Ｐゴシック"/>
                <a:cs typeface="ＭＳ Ｐゴシック"/>
              </a:rPr>
              <a:t>21</a:t>
            </a:r>
            <a:r>
              <a:rPr sz="1112" spc="30" dirty="0">
                <a:latin typeface="ＭＳ Ｐゴシック"/>
                <a:cs typeface="ＭＳ Ｐゴシック"/>
              </a:rPr>
              <a:t> </a:t>
            </a:r>
            <a:r>
              <a:rPr sz="1112" dirty="0">
                <a:latin typeface="ＭＳ Ｐゴシック"/>
                <a:cs typeface="ＭＳ Ｐゴシック"/>
              </a:rPr>
              <a:t>22</a:t>
            </a:r>
            <a:r>
              <a:rPr sz="1112" spc="30" dirty="0">
                <a:latin typeface="ＭＳ Ｐゴシック"/>
                <a:cs typeface="ＭＳ Ｐゴシック"/>
              </a:rPr>
              <a:t> </a:t>
            </a:r>
            <a:r>
              <a:rPr sz="1112" dirty="0">
                <a:latin typeface="ＭＳ Ｐゴシック"/>
                <a:cs typeface="ＭＳ Ｐゴシック"/>
              </a:rPr>
              <a:t>23</a:t>
            </a:r>
            <a:r>
              <a:rPr sz="1112" spc="26" dirty="0">
                <a:latin typeface="ＭＳ Ｐゴシック"/>
                <a:cs typeface="ＭＳ Ｐゴシック"/>
              </a:rPr>
              <a:t> </a:t>
            </a:r>
            <a:r>
              <a:rPr sz="1112" dirty="0">
                <a:latin typeface="ＭＳ Ｐゴシック"/>
                <a:cs typeface="ＭＳ Ｐゴシック"/>
              </a:rPr>
              <a:t>24</a:t>
            </a:r>
            <a:r>
              <a:rPr sz="1112" spc="30" dirty="0">
                <a:latin typeface="ＭＳ Ｐゴシック"/>
                <a:cs typeface="ＭＳ Ｐゴシック"/>
              </a:rPr>
              <a:t> </a:t>
            </a:r>
            <a:r>
              <a:rPr sz="1112" dirty="0">
                <a:latin typeface="ＭＳ Ｐゴシック"/>
                <a:cs typeface="ＭＳ Ｐゴシック"/>
              </a:rPr>
              <a:t>25</a:t>
            </a:r>
            <a:r>
              <a:rPr sz="1112" spc="26" dirty="0">
                <a:latin typeface="ＭＳ Ｐゴシック"/>
                <a:cs typeface="ＭＳ Ｐゴシック"/>
              </a:rPr>
              <a:t> </a:t>
            </a:r>
            <a:r>
              <a:rPr sz="1112" dirty="0">
                <a:latin typeface="ＭＳ Ｐゴシック"/>
                <a:cs typeface="ＭＳ Ｐゴシック"/>
              </a:rPr>
              <a:t>26</a:t>
            </a:r>
            <a:r>
              <a:rPr sz="1112" spc="21" dirty="0">
                <a:latin typeface="ＭＳ Ｐゴシック"/>
                <a:cs typeface="ＭＳ Ｐゴシック"/>
              </a:rPr>
              <a:t> </a:t>
            </a:r>
            <a:r>
              <a:rPr sz="1112" dirty="0">
                <a:latin typeface="ＭＳ Ｐゴシック"/>
                <a:cs typeface="ＭＳ Ｐゴシック"/>
              </a:rPr>
              <a:t>27</a:t>
            </a:r>
            <a:r>
              <a:rPr sz="1112" spc="26" dirty="0">
                <a:latin typeface="ＭＳ Ｐゴシック"/>
                <a:cs typeface="ＭＳ Ｐゴシック"/>
              </a:rPr>
              <a:t> </a:t>
            </a:r>
            <a:r>
              <a:rPr sz="1112" spc="-21" dirty="0">
                <a:latin typeface="ＭＳ Ｐゴシック"/>
                <a:cs typeface="ＭＳ Ｐゴシック"/>
              </a:rPr>
              <a:t>28</a:t>
            </a:r>
            <a:endParaRPr sz="1112">
              <a:latin typeface="ＭＳ Ｐゴシック"/>
              <a:cs typeface="ＭＳ Ｐゴシック"/>
            </a:endParaRPr>
          </a:p>
        </p:txBody>
      </p:sp>
      <p:sp>
        <p:nvSpPr>
          <p:cNvPr id="405" name="object 405"/>
          <p:cNvSpPr txBox="1"/>
          <p:nvPr/>
        </p:nvSpPr>
        <p:spPr>
          <a:xfrm>
            <a:off x="776263" y="2076840"/>
            <a:ext cx="1077298" cy="152435"/>
          </a:xfrm>
          <a:prstGeom prst="rect">
            <a:avLst/>
          </a:prstGeom>
        </p:spPr>
        <p:txBody>
          <a:bodyPr vert="horz" wrap="square" lIns="0" tIns="14118" rIns="0" bIns="0" rtlCol="0">
            <a:spAutoFit/>
          </a:bodyPr>
          <a:lstStyle/>
          <a:p>
            <a:pPr marL="10860">
              <a:spcBef>
                <a:spcPts val="111"/>
              </a:spcBef>
            </a:pPr>
            <a:r>
              <a:rPr sz="898" dirty="0">
                <a:latin typeface="SimSun"/>
                <a:cs typeface="SimSun"/>
              </a:rPr>
              <a:t>民間投資額（兆円</a:t>
            </a:r>
            <a:r>
              <a:rPr sz="898" spc="-43" dirty="0">
                <a:latin typeface="SimSun"/>
                <a:cs typeface="SimSun"/>
              </a:rPr>
              <a:t>）</a:t>
            </a:r>
            <a:endParaRPr sz="898">
              <a:latin typeface="SimSun"/>
              <a:cs typeface="SimSun"/>
            </a:endParaRPr>
          </a:p>
        </p:txBody>
      </p:sp>
      <p:sp>
        <p:nvSpPr>
          <p:cNvPr id="406" name="object 406"/>
          <p:cNvSpPr txBox="1"/>
          <p:nvPr/>
        </p:nvSpPr>
        <p:spPr>
          <a:xfrm>
            <a:off x="776263" y="2380480"/>
            <a:ext cx="1077298" cy="152435"/>
          </a:xfrm>
          <a:prstGeom prst="rect">
            <a:avLst/>
          </a:prstGeom>
        </p:spPr>
        <p:txBody>
          <a:bodyPr vert="horz" wrap="square" lIns="0" tIns="14118" rIns="0" bIns="0" rtlCol="0">
            <a:spAutoFit/>
          </a:bodyPr>
          <a:lstStyle/>
          <a:p>
            <a:pPr marL="10860">
              <a:spcBef>
                <a:spcPts val="111"/>
              </a:spcBef>
            </a:pPr>
            <a:r>
              <a:rPr sz="898" dirty="0">
                <a:latin typeface="SimSun"/>
                <a:cs typeface="SimSun"/>
              </a:rPr>
              <a:t>政府投資額（兆円</a:t>
            </a:r>
            <a:r>
              <a:rPr sz="898" spc="-43" dirty="0">
                <a:latin typeface="SimSun"/>
                <a:cs typeface="SimSun"/>
              </a:rPr>
              <a:t>）</a:t>
            </a:r>
            <a:endParaRPr sz="898">
              <a:latin typeface="SimSun"/>
              <a:cs typeface="SimSun"/>
            </a:endParaRPr>
          </a:p>
        </p:txBody>
      </p:sp>
      <p:sp>
        <p:nvSpPr>
          <p:cNvPr id="407" name="object 407"/>
          <p:cNvSpPr txBox="1"/>
          <p:nvPr/>
        </p:nvSpPr>
        <p:spPr>
          <a:xfrm>
            <a:off x="776263" y="2691941"/>
            <a:ext cx="842724" cy="152435"/>
          </a:xfrm>
          <a:prstGeom prst="rect">
            <a:avLst/>
          </a:prstGeom>
        </p:spPr>
        <p:txBody>
          <a:bodyPr vert="horz" wrap="square" lIns="0" tIns="14118" rIns="0" bIns="0" rtlCol="0">
            <a:spAutoFit/>
          </a:bodyPr>
          <a:lstStyle/>
          <a:p>
            <a:pPr marL="10860">
              <a:spcBef>
                <a:spcPts val="111"/>
              </a:spcBef>
            </a:pPr>
            <a:r>
              <a:rPr sz="898" dirty="0">
                <a:latin typeface="ＭＳ Ｐゴシック"/>
                <a:cs typeface="ＭＳ Ｐゴシック"/>
              </a:rPr>
              <a:t>就業者数（万人</a:t>
            </a:r>
            <a:r>
              <a:rPr sz="898" spc="-43" dirty="0">
                <a:latin typeface="ＭＳ Ｐゴシック"/>
                <a:cs typeface="ＭＳ Ｐゴシック"/>
              </a:rPr>
              <a:t>）</a:t>
            </a:r>
            <a:endParaRPr sz="898">
              <a:latin typeface="ＭＳ Ｐゴシック"/>
              <a:cs typeface="ＭＳ Ｐゴシック"/>
            </a:endParaRPr>
          </a:p>
        </p:txBody>
      </p:sp>
      <p:grpSp>
        <p:nvGrpSpPr>
          <p:cNvPr id="408" name="object 408"/>
          <p:cNvGrpSpPr/>
          <p:nvPr/>
        </p:nvGrpSpPr>
        <p:grpSpPr>
          <a:xfrm>
            <a:off x="43005" y="1881795"/>
            <a:ext cx="8412046" cy="4168013"/>
            <a:chOff x="50292" y="1972055"/>
            <a:chExt cx="9837420" cy="4874260"/>
          </a:xfrm>
        </p:grpSpPr>
        <p:sp>
          <p:nvSpPr>
            <p:cNvPr id="409" name="object 409"/>
            <p:cNvSpPr/>
            <p:nvPr/>
          </p:nvSpPr>
          <p:spPr>
            <a:xfrm>
              <a:off x="50292" y="1972055"/>
              <a:ext cx="9837420" cy="4874260"/>
            </a:xfrm>
            <a:custGeom>
              <a:avLst/>
              <a:gdLst/>
              <a:ahLst/>
              <a:cxnLst/>
              <a:rect l="l" t="t" r="r" b="b"/>
              <a:pathLst>
                <a:path w="9837420" h="4874259">
                  <a:moveTo>
                    <a:pt x="9834372" y="0"/>
                  </a:moveTo>
                  <a:lnTo>
                    <a:pt x="1524" y="0"/>
                  </a:lnTo>
                  <a:lnTo>
                    <a:pt x="0" y="1524"/>
                  </a:lnTo>
                  <a:lnTo>
                    <a:pt x="0" y="4872233"/>
                  </a:lnTo>
                  <a:lnTo>
                    <a:pt x="1524" y="4873757"/>
                  </a:lnTo>
                  <a:lnTo>
                    <a:pt x="9834372" y="4873757"/>
                  </a:lnTo>
                  <a:lnTo>
                    <a:pt x="9837419" y="4872233"/>
                  </a:lnTo>
                  <a:lnTo>
                    <a:pt x="9837419" y="4869185"/>
                  </a:lnTo>
                  <a:lnTo>
                    <a:pt x="10667" y="4869185"/>
                  </a:lnTo>
                  <a:lnTo>
                    <a:pt x="4572" y="4863089"/>
                  </a:lnTo>
                  <a:lnTo>
                    <a:pt x="10667" y="4863089"/>
                  </a:lnTo>
                  <a:lnTo>
                    <a:pt x="10667" y="9144"/>
                  </a:lnTo>
                  <a:lnTo>
                    <a:pt x="4571" y="9144"/>
                  </a:lnTo>
                  <a:lnTo>
                    <a:pt x="10667" y="4571"/>
                  </a:lnTo>
                  <a:lnTo>
                    <a:pt x="9837419" y="4571"/>
                  </a:lnTo>
                  <a:lnTo>
                    <a:pt x="9837419" y="1524"/>
                  </a:lnTo>
                  <a:lnTo>
                    <a:pt x="9834372" y="0"/>
                  </a:lnTo>
                  <a:close/>
                </a:path>
                <a:path w="9837420" h="4874259">
                  <a:moveTo>
                    <a:pt x="10667" y="4863089"/>
                  </a:moveTo>
                  <a:lnTo>
                    <a:pt x="4572" y="4863089"/>
                  </a:lnTo>
                  <a:lnTo>
                    <a:pt x="10667" y="4869185"/>
                  </a:lnTo>
                  <a:lnTo>
                    <a:pt x="10667" y="4863089"/>
                  </a:lnTo>
                  <a:close/>
                </a:path>
                <a:path w="9837420" h="4874259">
                  <a:moveTo>
                    <a:pt x="9826752" y="4863089"/>
                  </a:moveTo>
                  <a:lnTo>
                    <a:pt x="10667" y="4863089"/>
                  </a:lnTo>
                  <a:lnTo>
                    <a:pt x="10667" y="4869185"/>
                  </a:lnTo>
                  <a:lnTo>
                    <a:pt x="9826752" y="4869185"/>
                  </a:lnTo>
                  <a:lnTo>
                    <a:pt x="9826752" y="4863089"/>
                  </a:lnTo>
                  <a:close/>
                </a:path>
                <a:path w="9837420" h="4874259">
                  <a:moveTo>
                    <a:pt x="9826752" y="4571"/>
                  </a:moveTo>
                  <a:lnTo>
                    <a:pt x="9826752" y="4869185"/>
                  </a:lnTo>
                  <a:lnTo>
                    <a:pt x="9831324" y="4863089"/>
                  </a:lnTo>
                  <a:lnTo>
                    <a:pt x="9837419" y="4863089"/>
                  </a:lnTo>
                  <a:lnTo>
                    <a:pt x="9837419" y="9144"/>
                  </a:lnTo>
                  <a:lnTo>
                    <a:pt x="9831324" y="9144"/>
                  </a:lnTo>
                  <a:lnTo>
                    <a:pt x="9826752" y="4571"/>
                  </a:lnTo>
                  <a:close/>
                </a:path>
                <a:path w="9837420" h="4874259">
                  <a:moveTo>
                    <a:pt x="9837419" y="4863089"/>
                  </a:moveTo>
                  <a:lnTo>
                    <a:pt x="9831324" y="4863089"/>
                  </a:lnTo>
                  <a:lnTo>
                    <a:pt x="9826752" y="4869185"/>
                  </a:lnTo>
                  <a:lnTo>
                    <a:pt x="9837419" y="4869185"/>
                  </a:lnTo>
                  <a:lnTo>
                    <a:pt x="9837419" y="4863089"/>
                  </a:lnTo>
                  <a:close/>
                </a:path>
                <a:path w="9837420" h="4874259">
                  <a:moveTo>
                    <a:pt x="10667" y="4571"/>
                  </a:moveTo>
                  <a:lnTo>
                    <a:pt x="4571" y="9144"/>
                  </a:lnTo>
                  <a:lnTo>
                    <a:pt x="10667" y="9144"/>
                  </a:lnTo>
                  <a:lnTo>
                    <a:pt x="10667" y="4571"/>
                  </a:lnTo>
                  <a:close/>
                </a:path>
                <a:path w="9837420" h="4874259">
                  <a:moveTo>
                    <a:pt x="9826752" y="4571"/>
                  </a:moveTo>
                  <a:lnTo>
                    <a:pt x="10667" y="4571"/>
                  </a:lnTo>
                  <a:lnTo>
                    <a:pt x="10667" y="9144"/>
                  </a:lnTo>
                  <a:lnTo>
                    <a:pt x="9826752" y="9144"/>
                  </a:lnTo>
                  <a:lnTo>
                    <a:pt x="9826752" y="4571"/>
                  </a:lnTo>
                  <a:close/>
                </a:path>
                <a:path w="9837420" h="4874259">
                  <a:moveTo>
                    <a:pt x="9837419" y="4571"/>
                  </a:moveTo>
                  <a:lnTo>
                    <a:pt x="9826752" y="4571"/>
                  </a:lnTo>
                  <a:lnTo>
                    <a:pt x="9831324" y="9144"/>
                  </a:lnTo>
                  <a:lnTo>
                    <a:pt x="9837419" y="9144"/>
                  </a:lnTo>
                  <a:lnTo>
                    <a:pt x="9837419" y="4571"/>
                  </a:lnTo>
                  <a:close/>
                </a:path>
              </a:pathLst>
            </a:custGeom>
            <a:solidFill>
              <a:srgbClr val="D8D8D8"/>
            </a:solidFill>
          </p:spPr>
          <p:txBody>
            <a:bodyPr wrap="square" lIns="0" tIns="0" rIns="0" bIns="0" rtlCol="0"/>
            <a:lstStyle/>
            <a:p>
              <a:endParaRPr sz="1539"/>
            </a:p>
          </p:txBody>
        </p:sp>
        <p:sp>
          <p:nvSpPr>
            <p:cNvPr id="410" name="object 410"/>
            <p:cNvSpPr/>
            <p:nvPr/>
          </p:nvSpPr>
          <p:spPr>
            <a:xfrm>
              <a:off x="5222747" y="2871216"/>
              <a:ext cx="1257300" cy="266700"/>
            </a:xfrm>
            <a:custGeom>
              <a:avLst/>
              <a:gdLst/>
              <a:ahLst/>
              <a:cxnLst/>
              <a:rect l="l" t="t" r="r" b="b"/>
              <a:pathLst>
                <a:path w="1257300" h="266700">
                  <a:moveTo>
                    <a:pt x="73151" y="185928"/>
                  </a:moveTo>
                  <a:lnTo>
                    <a:pt x="0" y="240792"/>
                  </a:lnTo>
                  <a:lnTo>
                    <a:pt x="88391" y="266700"/>
                  </a:lnTo>
                  <a:lnTo>
                    <a:pt x="82065" y="233172"/>
                  </a:lnTo>
                  <a:lnTo>
                    <a:pt x="67055" y="233172"/>
                  </a:lnTo>
                  <a:lnTo>
                    <a:pt x="65531" y="222504"/>
                  </a:lnTo>
                  <a:lnTo>
                    <a:pt x="79558" y="219881"/>
                  </a:lnTo>
                  <a:lnTo>
                    <a:pt x="73151" y="185928"/>
                  </a:lnTo>
                  <a:close/>
                </a:path>
                <a:path w="1257300" h="266700">
                  <a:moveTo>
                    <a:pt x="79558" y="219881"/>
                  </a:moveTo>
                  <a:lnTo>
                    <a:pt x="65531" y="222504"/>
                  </a:lnTo>
                  <a:lnTo>
                    <a:pt x="67055" y="233172"/>
                  </a:lnTo>
                  <a:lnTo>
                    <a:pt x="81554" y="230461"/>
                  </a:lnTo>
                  <a:lnTo>
                    <a:pt x="79558" y="219881"/>
                  </a:lnTo>
                  <a:close/>
                </a:path>
                <a:path w="1257300" h="266700">
                  <a:moveTo>
                    <a:pt x="81554" y="230461"/>
                  </a:moveTo>
                  <a:lnTo>
                    <a:pt x="67055" y="233172"/>
                  </a:lnTo>
                  <a:lnTo>
                    <a:pt x="82065" y="233172"/>
                  </a:lnTo>
                  <a:lnTo>
                    <a:pt x="81554" y="230461"/>
                  </a:lnTo>
                  <a:close/>
                </a:path>
                <a:path w="1257300" h="266700">
                  <a:moveTo>
                    <a:pt x="1255776" y="0"/>
                  </a:moveTo>
                  <a:lnTo>
                    <a:pt x="79558" y="219881"/>
                  </a:lnTo>
                  <a:lnTo>
                    <a:pt x="81554" y="230461"/>
                  </a:lnTo>
                  <a:lnTo>
                    <a:pt x="1257300" y="10668"/>
                  </a:lnTo>
                  <a:lnTo>
                    <a:pt x="1255776" y="0"/>
                  </a:lnTo>
                  <a:close/>
                </a:path>
              </a:pathLst>
            </a:custGeom>
            <a:solidFill>
              <a:srgbClr val="000000"/>
            </a:solidFill>
          </p:spPr>
          <p:txBody>
            <a:bodyPr wrap="square" lIns="0" tIns="0" rIns="0" bIns="0" rtlCol="0"/>
            <a:lstStyle/>
            <a:p>
              <a:endParaRPr sz="1539"/>
            </a:p>
          </p:txBody>
        </p:sp>
        <p:sp>
          <p:nvSpPr>
            <p:cNvPr id="411" name="object 411"/>
            <p:cNvSpPr/>
            <p:nvPr/>
          </p:nvSpPr>
          <p:spPr>
            <a:xfrm>
              <a:off x="6437376" y="2708147"/>
              <a:ext cx="1073150" cy="295910"/>
            </a:xfrm>
            <a:custGeom>
              <a:avLst/>
              <a:gdLst/>
              <a:ahLst/>
              <a:cxnLst/>
              <a:rect l="l" t="t" r="r" b="b"/>
              <a:pathLst>
                <a:path w="1073150" h="295910">
                  <a:moveTo>
                    <a:pt x="1022603" y="0"/>
                  </a:moveTo>
                  <a:lnTo>
                    <a:pt x="48768" y="0"/>
                  </a:lnTo>
                  <a:lnTo>
                    <a:pt x="30218" y="3976"/>
                  </a:lnTo>
                  <a:lnTo>
                    <a:pt x="14668" y="14668"/>
                  </a:lnTo>
                  <a:lnTo>
                    <a:pt x="3976" y="30218"/>
                  </a:lnTo>
                  <a:lnTo>
                    <a:pt x="0" y="48767"/>
                  </a:lnTo>
                  <a:lnTo>
                    <a:pt x="0" y="246887"/>
                  </a:lnTo>
                  <a:lnTo>
                    <a:pt x="3976" y="266080"/>
                  </a:lnTo>
                  <a:lnTo>
                    <a:pt x="14668" y="281559"/>
                  </a:lnTo>
                  <a:lnTo>
                    <a:pt x="30218" y="291893"/>
                  </a:lnTo>
                  <a:lnTo>
                    <a:pt x="48768" y="295656"/>
                  </a:lnTo>
                  <a:lnTo>
                    <a:pt x="1022603" y="295656"/>
                  </a:lnTo>
                  <a:lnTo>
                    <a:pt x="1042034" y="291893"/>
                  </a:lnTo>
                  <a:lnTo>
                    <a:pt x="1058036" y="281559"/>
                  </a:lnTo>
                  <a:lnTo>
                    <a:pt x="1068895" y="266080"/>
                  </a:lnTo>
                  <a:lnTo>
                    <a:pt x="1072896" y="246887"/>
                  </a:lnTo>
                  <a:lnTo>
                    <a:pt x="1072896" y="48767"/>
                  </a:lnTo>
                  <a:lnTo>
                    <a:pt x="1068895" y="30218"/>
                  </a:lnTo>
                  <a:lnTo>
                    <a:pt x="1058036" y="14668"/>
                  </a:lnTo>
                  <a:lnTo>
                    <a:pt x="1042034" y="3976"/>
                  </a:lnTo>
                  <a:lnTo>
                    <a:pt x="1022603" y="0"/>
                  </a:lnTo>
                  <a:close/>
                </a:path>
              </a:pathLst>
            </a:custGeom>
            <a:solidFill>
              <a:srgbClr val="CCFFFF"/>
            </a:solidFill>
          </p:spPr>
          <p:txBody>
            <a:bodyPr wrap="square" lIns="0" tIns="0" rIns="0" bIns="0" rtlCol="0"/>
            <a:lstStyle/>
            <a:p>
              <a:endParaRPr sz="1539"/>
            </a:p>
          </p:txBody>
        </p:sp>
        <p:sp>
          <p:nvSpPr>
            <p:cNvPr id="412" name="object 412"/>
            <p:cNvSpPr/>
            <p:nvPr/>
          </p:nvSpPr>
          <p:spPr>
            <a:xfrm>
              <a:off x="6432803" y="2703575"/>
              <a:ext cx="1082040" cy="304800"/>
            </a:xfrm>
            <a:custGeom>
              <a:avLst/>
              <a:gdLst/>
              <a:ahLst/>
              <a:cxnLst/>
              <a:rect l="l" t="t" r="r" b="b"/>
              <a:pathLst>
                <a:path w="1082040" h="304800">
                  <a:moveTo>
                    <a:pt x="1057655" y="295656"/>
                  </a:moveTo>
                  <a:lnTo>
                    <a:pt x="24384" y="295656"/>
                  </a:lnTo>
                  <a:lnTo>
                    <a:pt x="24384" y="297180"/>
                  </a:lnTo>
                  <a:lnTo>
                    <a:pt x="32004" y="300228"/>
                  </a:lnTo>
                  <a:lnTo>
                    <a:pt x="33528" y="301751"/>
                  </a:lnTo>
                  <a:lnTo>
                    <a:pt x="42672" y="304800"/>
                  </a:lnTo>
                  <a:lnTo>
                    <a:pt x="1039368" y="304800"/>
                  </a:lnTo>
                  <a:lnTo>
                    <a:pt x="1048512" y="301751"/>
                  </a:lnTo>
                  <a:lnTo>
                    <a:pt x="1048512" y="300228"/>
                  </a:lnTo>
                  <a:lnTo>
                    <a:pt x="1057655" y="297180"/>
                  </a:lnTo>
                  <a:lnTo>
                    <a:pt x="1057655" y="295656"/>
                  </a:lnTo>
                  <a:close/>
                </a:path>
                <a:path w="1082040" h="304800">
                  <a:moveTo>
                    <a:pt x="1059179" y="9144"/>
                  </a:moveTo>
                  <a:lnTo>
                    <a:pt x="22860" y="9144"/>
                  </a:lnTo>
                  <a:lnTo>
                    <a:pt x="15240" y="15239"/>
                  </a:lnTo>
                  <a:lnTo>
                    <a:pt x="9144" y="22860"/>
                  </a:lnTo>
                  <a:lnTo>
                    <a:pt x="9144" y="24384"/>
                  </a:lnTo>
                  <a:lnTo>
                    <a:pt x="4572" y="32004"/>
                  </a:lnTo>
                  <a:lnTo>
                    <a:pt x="4572" y="33528"/>
                  </a:lnTo>
                  <a:lnTo>
                    <a:pt x="1524" y="42672"/>
                  </a:lnTo>
                  <a:lnTo>
                    <a:pt x="0" y="44196"/>
                  </a:lnTo>
                  <a:lnTo>
                    <a:pt x="0" y="262128"/>
                  </a:lnTo>
                  <a:lnTo>
                    <a:pt x="1524" y="262128"/>
                  </a:lnTo>
                  <a:lnTo>
                    <a:pt x="4572" y="271272"/>
                  </a:lnTo>
                  <a:lnTo>
                    <a:pt x="4572" y="272796"/>
                  </a:lnTo>
                  <a:lnTo>
                    <a:pt x="9144" y="280416"/>
                  </a:lnTo>
                  <a:lnTo>
                    <a:pt x="9144" y="281939"/>
                  </a:lnTo>
                  <a:lnTo>
                    <a:pt x="15240" y="289560"/>
                  </a:lnTo>
                  <a:lnTo>
                    <a:pt x="16763" y="289560"/>
                  </a:lnTo>
                  <a:lnTo>
                    <a:pt x="22860" y="295656"/>
                  </a:lnTo>
                  <a:lnTo>
                    <a:pt x="53340" y="295656"/>
                  </a:lnTo>
                  <a:lnTo>
                    <a:pt x="44196" y="294132"/>
                  </a:lnTo>
                  <a:lnTo>
                    <a:pt x="45720" y="294132"/>
                  </a:lnTo>
                  <a:lnTo>
                    <a:pt x="41148" y="292608"/>
                  </a:lnTo>
                  <a:lnTo>
                    <a:pt x="38100" y="292608"/>
                  </a:lnTo>
                  <a:lnTo>
                    <a:pt x="28956" y="288036"/>
                  </a:lnTo>
                  <a:lnTo>
                    <a:pt x="30480" y="288036"/>
                  </a:lnTo>
                  <a:lnTo>
                    <a:pt x="22860" y="281939"/>
                  </a:lnTo>
                  <a:lnTo>
                    <a:pt x="16763" y="275844"/>
                  </a:lnTo>
                  <a:lnTo>
                    <a:pt x="18287" y="275844"/>
                  </a:lnTo>
                  <a:lnTo>
                    <a:pt x="13716" y="268224"/>
                  </a:lnTo>
                  <a:lnTo>
                    <a:pt x="11176" y="260604"/>
                  </a:lnTo>
                  <a:lnTo>
                    <a:pt x="10668" y="260604"/>
                  </a:lnTo>
                  <a:lnTo>
                    <a:pt x="10668" y="44196"/>
                  </a:lnTo>
                  <a:lnTo>
                    <a:pt x="11176" y="44196"/>
                  </a:lnTo>
                  <a:lnTo>
                    <a:pt x="13716" y="36575"/>
                  </a:lnTo>
                  <a:lnTo>
                    <a:pt x="14478" y="36575"/>
                  </a:lnTo>
                  <a:lnTo>
                    <a:pt x="17525" y="30480"/>
                  </a:lnTo>
                  <a:lnTo>
                    <a:pt x="16763" y="30480"/>
                  </a:lnTo>
                  <a:lnTo>
                    <a:pt x="22860" y="22860"/>
                  </a:lnTo>
                  <a:lnTo>
                    <a:pt x="30480" y="16763"/>
                  </a:lnTo>
                  <a:lnTo>
                    <a:pt x="32004" y="16763"/>
                  </a:lnTo>
                  <a:lnTo>
                    <a:pt x="38100" y="13716"/>
                  </a:lnTo>
                  <a:lnTo>
                    <a:pt x="36575" y="13716"/>
                  </a:lnTo>
                  <a:lnTo>
                    <a:pt x="45720" y="10668"/>
                  </a:lnTo>
                  <a:lnTo>
                    <a:pt x="1060703" y="10668"/>
                  </a:lnTo>
                  <a:lnTo>
                    <a:pt x="1059179" y="9144"/>
                  </a:lnTo>
                  <a:close/>
                </a:path>
                <a:path w="1082040" h="304800">
                  <a:moveTo>
                    <a:pt x="1045464" y="291084"/>
                  </a:moveTo>
                  <a:lnTo>
                    <a:pt x="1036320" y="294132"/>
                  </a:lnTo>
                  <a:lnTo>
                    <a:pt x="1027176" y="295656"/>
                  </a:lnTo>
                  <a:lnTo>
                    <a:pt x="1059179" y="295656"/>
                  </a:lnTo>
                  <a:lnTo>
                    <a:pt x="1062227" y="292608"/>
                  </a:lnTo>
                  <a:lnTo>
                    <a:pt x="1043940" y="292608"/>
                  </a:lnTo>
                  <a:lnTo>
                    <a:pt x="1045464" y="291084"/>
                  </a:lnTo>
                  <a:close/>
                </a:path>
                <a:path w="1082040" h="304800">
                  <a:moveTo>
                    <a:pt x="36575" y="291084"/>
                  </a:moveTo>
                  <a:lnTo>
                    <a:pt x="38100" y="292608"/>
                  </a:lnTo>
                  <a:lnTo>
                    <a:pt x="41148" y="292608"/>
                  </a:lnTo>
                  <a:lnTo>
                    <a:pt x="36575" y="291084"/>
                  </a:lnTo>
                  <a:close/>
                </a:path>
                <a:path w="1082040" h="304800">
                  <a:moveTo>
                    <a:pt x="1071372" y="259080"/>
                  </a:moveTo>
                  <a:lnTo>
                    <a:pt x="1068324" y="268224"/>
                  </a:lnTo>
                  <a:lnTo>
                    <a:pt x="1063752" y="275844"/>
                  </a:lnTo>
                  <a:lnTo>
                    <a:pt x="1065276" y="275844"/>
                  </a:lnTo>
                  <a:lnTo>
                    <a:pt x="1059179" y="281939"/>
                  </a:lnTo>
                  <a:lnTo>
                    <a:pt x="1051560" y="288036"/>
                  </a:lnTo>
                  <a:lnTo>
                    <a:pt x="1053084" y="288036"/>
                  </a:lnTo>
                  <a:lnTo>
                    <a:pt x="1043940" y="292608"/>
                  </a:lnTo>
                  <a:lnTo>
                    <a:pt x="1062227" y="292608"/>
                  </a:lnTo>
                  <a:lnTo>
                    <a:pt x="1065276" y="289560"/>
                  </a:lnTo>
                  <a:lnTo>
                    <a:pt x="1066800" y="289560"/>
                  </a:lnTo>
                  <a:lnTo>
                    <a:pt x="1072896" y="281939"/>
                  </a:lnTo>
                  <a:lnTo>
                    <a:pt x="1072896" y="280416"/>
                  </a:lnTo>
                  <a:lnTo>
                    <a:pt x="1077468" y="272796"/>
                  </a:lnTo>
                  <a:lnTo>
                    <a:pt x="1077468" y="271272"/>
                  </a:lnTo>
                  <a:lnTo>
                    <a:pt x="1080516" y="262128"/>
                  </a:lnTo>
                  <a:lnTo>
                    <a:pt x="1080733" y="260604"/>
                  </a:lnTo>
                  <a:lnTo>
                    <a:pt x="1071372" y="260604"/>
                  </a:lnTo>
                  <a:lnTo>
                    <a:pt x="1071372" y="259080"/>
                  </a:lnTo>
                  <a:close/>
                </a:path>
                <a:path w="1082040" h="304800">
                  <a:moveTo>
                    <a:pt x="10668" y="259080"/>
                  </a:moveTo>
                  <a:lnTo>
                    <a:pt x="10668" y="260604"/>
                  </a:lnTo>
                  <a:lnTo>
                    <a:pt x="11176" y="260604"/>
                  </a:lnTo>
                  <a:lnTo>
                    <a:pt x="10668" y="259080"/>
                  </a:lnTo>
                  <a:close/>
                </a:path>
                <a:path w="1082040" h="304800">
                  <a:moveTo>
                    <a:pt x="1080516" y="44196"/>
                  </a:moveTo>
                  <a:lnTo>
                    <a:pt x="1071372" y="44196"/>
                  </a:lnTo>
                  <a:lnTo>
                    <a:pt x="1071372" y="260604"/>
                  </a:lnTo>
                  <a:lnTo>
                    <a:pt x="1080733" y="260604"/>
                  </a:lnTo>
                  <a:lnTo>
                    <a:pt x="1082040" y="251460"/>
                  </a:lnTo>
                  <a:lnTo>
                    <a:pt x="1082040" y="53339"/>
                  </a:lnTo>
                  <a:lnTo>
                    <a:pt x="1080516" y="44196"/>
                  </a:lnTo>
                  <a:close/>
                </a:path>
                <a:path w="1082040" h="304800">
                  <a:moveTo>
                    <a:pt x="11176" y="44196"/>
                  </a:moveTo>
                  <a:lnTo>
                    <a:pt x="10668" y="44196"/>
                  </a:lnTo>
                  <a:lnTo>
                    <a:pt x="10668" y="45720"/>
                  </a:lnTo>
                  <a:lnTo>
                    <a:pt x="11176" y="44196"/>
                  </a:lnTo>
                  <a:close/>
                </a:path>
                <a:path w="1082040" h="304800">
                  <a:moveTo>
                    <a:pt x="1078484" y="36575"/>
                  </a:moveTo>
                  <a:lnTo>
                    <a:pt x="1068324" y="36575"/>
                  </a:lnTo>
                  <a:lnTo>
                    <a:pt x="1071372" y="45720"/>
                  </a:lnTo>
                  <a:lnTo>
                    <a:pt x="1071372" y="44196"/>
                  </a:lnTo>
                  <a:lnTo>
                    <a:pt x="1080516" y="44196"/>
                  </a:lnTo>
                  <a:lnTo>
                    <a:pt x="1080516" y="42672"/>
                  </a:lnTo>
                  <a:lnTo>
                    <a:pt x="1078484" y="36575"/>
                  </a:lnTo>
                  <a:close/>
                </a:path>
                <a:path w="1082040" h="304800">
                  <a:moveTo>
                    <a:pt x="14478" y="36575"/>
                  </a:moveTo>
                  <a:lnTo>
                    <a:pt x="13716" y="36575"/>
                  </a:lnTo>
                  <a:lnTo>
                    <a:pt x="13716" y="38100"/>
                  </a:lnTo>
                  <a:lnTo>
                    <a:pt x="14478" y="36575"/>
                  </a:lnTo>
                  <a:close/>
                </a:path>
                <a:path w="1082040" h="304800">
                  <a:moveTo>
                    <a:pt x="1063752" y="28956"/>
                  </a:moveTo>
                  <a:lnTo>
                    <a:pt x="1068324" y="38100"/>
                  </a:lnTo>
                  <a:lnTo>
                    <a:pt x="1068324" y="36575"/>
                  </a:lnTo>
                  <a:lnTo>
                    <a:pt x="1078484" y="36575"/>
                  </a:lnTo>
                  <a:lnTo>
                    <a:pt x="1077468" y="33528"/>
                  </a:lnTo>
                  <a:lnTo>
                    <a:pt x="1077468" y="32004"/>
                  </a:lnTo>
                  <a:lnTo>
                    <a:pt x="1076553" y="30480"/>
                  </a:lnTo>
                  <a:lnTo>
                    <a:pt x="1065276" y="30480"/>
                  </a:lnTo>
                  <a:lnTo>
                    <a:pt x="1063752" y="28956"/>
                  </a:lnTo>
                  <a:close/>
                </a:path>
                <a:path w="1082040" h="304800">
                  <a:moveTo>
                    <a:pt x="18287" y="28956"/>
                  </a:moveTo>
                  <a:lnTo>
                    <a:pt x="16763" y="30480"/>
                  </a:lnTo>
                  <a:lnTo>
                    <a:pt x="17525" y="30480"/>
                  </a:lnTo>
                  <a:lnTo>
                    <a:pt x="18287" y="28956"/>
                  </a:lnTo>
                  <a:close/>
                </a:path>
                <a:path w="1082040" h="304800">
                  <a:moveTo>
                    <a:pt x="1068019" y="16763"/>
                  </a:moveTo>
                  <a:lnTo>
                    <a:pt x="1051560" y="16763"/>
                  </a:lnTo>
                  <a:lnTo>
                    <a:pt x="1059179" y="22860"/>
                  </a:lnTo>
                  <a:lnTo>
                    <a:pt x="1065276" y="30480"/>
                  </a:lnTo>
                  <a:lnTo>
                    <a:pt x="1076553" y="30480"/>
                  </a:lnTo>
                  <a:lnTo>
                    <a:pt x="1072896" y="24384"/>
                  </a:lnTo>
                  <a:lnTo>
                    <a:pt x="1072896" y="22860"/>
                  </a:lnTo>
                  <a:lnTo>
                    <a:pt x="1068019" y="16763"/>
                  </a:lnTo>
                  <a:close/>
                </a:path>
                <a:path w="1082040" h="304800">
                  <a:moveTo>
                    <a:pt x="32004" y="16763"/>
                  </a:moveTo>
                  <a:lnTo>
                    <a:pt x="30480" y="16763"/>
                  </a:lnTo>
                  <a:lnTo>
                    <a:pt x="28956" y="18287"/>
                  </a:lnTo>
                  <a:lnTo>
                    <a:pt x="32004" y="16763"/>
                  </a:lnTo>
                  <a:close/>
                </a:path>
                <a:path w="1082040" h="304800">
                  <a:moveTo>
                    <a:pt x="1060703" y="10668"/>
                  </a:moveTo>
                  <a:lnTo>
                    <a:pt x="1036320" y="10668"/>
                  </a:lnTo>
                  <a:lnTo>
                    <a:pt x="1045464" y="13716"/>
                  </a:lnTo>
                  <a:lnTo>
                    <a:pt x="1043940" y="13716"/>
                  </a:lnTo>
                  <a:lnTo>
                    <a:pt x="1053084" y="18287"/>
                  </a:lnTo>
                  <a:lnTo>
                    <a:pt x="1051560" y="16763"/>
                  </a:lnTo>
                  <a:lnTo>
                    <a:pt x="1068019" y="16763"/>
                  </a:lnTo>
                  <a:lnTo>
                    <a:pt x="1066800" y="15239"/>
                  </a:lnTo>
                  <a:lnTo>
                    <a:pt x="1065276" y="15239"/>
                  </a:lnTo>
                  <a:lnTo>
                    <a:pt x="1060703" y="10668"/>
                  </a:lnTo>
                  <a:close/>
                </a:path>
                <a:path w="1082040" h="304800">
                  <a:moveTo>
                    <a:pt x="1039368" y="1524"/>
                  </a:moveTo>
                  <a:lnTo>
                    <a:pt x="42672" y="1524"/>
                  </a:lnTo>
                  <a:lnTo>
                    <a:pt x="33528" y="4572"/>
                  </a:lnTo>
                  <a:lnTo>
                    <a:pt x="32004" y="4572"/>
                  </a:lnTo>
                  <a:lnTo>
                    <a:pt x="24384" y="9144"/>
                  </a:lnTo>
                  <a:lnTo>
                    <a:pt x="1057655" y="9144"/>
                  </a:lnTo>
                  <a:lnTo>
                    <a:pt x="1048512" y="4572"/>
                  </a:lnTo>
                  <a:lnTo>
                    <a:pt x="1039368" y="1524"/>
                  </a:lnTo>
                  <a:close/>
                </a:path>
                <a:path w="1082040" h="304800">
                  <a:moveTo>
                    <a:pt x="1027176" y="0"/>
                  </a:moveTo>
                  <a:lnTo>
                    <a:pt x="53340" y="0"/>
                  </a:lnTo>
                  <a:lnTo>
                    <a:pt x="44196" y="1524"/>
                  </a:lnTo>
                  <a:lnTo>
                    <a:pt x="1037844" y="1524"/>
                  </a:lnTo>
                  <a:lnTo>
                    <a:pt x="1027176" y="0"/>
                  </a:lnTo>
                  <a:close/>
                </a:path>
              </a:pathLst>
            </a:custGeom>
            <a:solidFill>
              <a:srgbClr val="000000"/>
            </a:solidFill>
          </p:spPr>
          <p:txBody>
            <a:bodyPr wrap="square" lIns="0" tIns="0" rIns="0" bIns="0" rtlCol="0"/>
            <a:lstStyle/>
            <a:p>
              <a:endParaRPr sz="1539"/>
            </a:p>
          </p:txBody>
        </p:sp>
      </p:grpSp>
      <p:sp>
        <p:nvSpPr>
          <p:cNvPr id="413" name="object 413"/>
          <p:cNvSpPr txBox="1"/>
          <p:nvPr/>
        </p:nvSpPr>
        <p:spPr>
          <a:xfrm>
            <a:off x="57340" y="1713251"/>
            <a:ext cx="351859" cy="152435"/>
          </a:xfrm>
          <a:prstGeom prst="rect">
            <a:avLst/>
          </a:prstGeom>
        </p:spPr>
        <p:txBody>
          <a:bodyPr vert="horz" wrap="square" lIns="0" tIns="14118" rIns="0" bIns="0" rtlCol="0">
            <a:spAutoFit/>
          </a:bodyPr>
          <a:lstStyle/>
          <a:p>
            <a:pPr>
              <a:spcBef>
                <a:spcPts val="111"/>
              </a:spcBef>
            </a:pPr>
            <a:r>
              <a:rPr sz="898" dirty="0">
                <a:latin typeface="ＭＳ Ｐゴシック"/>
                <a:cs typeface="ＭＳ Ｐゴシック"/>
              </a:rPr>
              <a:t>（兆円</a:t>
            </a:r>
            <a:r>
              <a:rPr sz="898" spc="-43" dirty="0">
                <a:latin typeface="ＭＳ Ｐゴシック"/>
                <a:cs typeface="ＭＳ Ｐゴシック"/>
              </a:rPr>
              <a:t>）</a:t>
            </a:r>
            <a:endParaRPr sz="898">
              <a:latin typeface="ＭＳ Ｐゴシック"/>
              <a:cs typeface="ＭＳ Ｐゴシック"/>
            </a:endParaRPr>
          </a:p>
        </p:txBody>
      </p:sp>
      <p:sp>
        <p:nvSpPr>
          <p:cNvPr id="414" name="object 414"/>
          <p:cNvSpPr txBox="1"/>
          <p:nvPr/>
        </p:nvSpPr>
        <p:spPr>
          <a:xfrm>
            <a:off x="7827785" y="1713251"/>
            <a:ext cx="803629" cy="152435"/>
          </a:xfrm>
          <a:prstGeom prst="rect">
            <a:avLst/>
          </a:prstGeom>
        </p:spPr>
        <p:txBody>
          <a:bodyPr vert="horz" wrap="square" lIns="0" tIns="14118" rIns="0" bIns="0" rtlCol="0">
            <a:spAutoFit/>
          </a:bodyPr>
          <a:lstStyle/>
          <a:p>
            <a:pPr marL="10860">
              <a:spcBef>
                <a:spcPts val="111"/>
              </a:spcBef>
            </a:pPr>
            <a:r>
              <a:rPr sz="898" dirty="0">
                <a:latin typeface="ＭＳ Ｐゴシック"/>
                <a:cs typeface="ＭＳ Ｐゴシック"/>
              </a:rPr>
              <a:t>（千業者、万人</a:t>
            </a:r>
            <a:r>
              <a:rPr sz="898" spc="-43" dirty="0">
                <a:latin typeface="ＭＳ Ｐゴシック"/>
                <a:cs typeface="ＭＳ Ｐゴシック"/>
              </a:rPr>
              <a:t>）</a:t>
            </a:r>
            <a:endParaRPr sz="898">
              <a:latin typeface="ＭＳ Ｐゴシック"/>
              <a:cs typeface="ＭＳ Ｐゴシック"/>
            </a:endParaRPr>
          </a:p>
        </p:txBody>
      </p:sp>
      <p:sp>
        <p:nvSpPr>
          <p:cNvPr id="415" name="object 415"/>
          <p:cNvSpPr txBox="1"/>
          <p:nvPr/>
        </p:nvSpPr>
        <p:spPr>
          <a:xfrm>
            <a:off x="5561550" y="2512101"/>
            <a:ext cx="805258" cy="235842"/>
          </a:xfrm>
          <a:prstGeom prst="rect">
            <a:avLst/>
          </a:prstGeom>
        </p:spPr>
        <p:txBody>
          <a:bodyPr vert="horz" wrap="square" lIns="0" tIns="11946" rIns="0" bIns="0" rtlCol="0">
            <a:spAutoFit/>
          </a:bodyPr>
          <a:lstStyle/>
          <a:p>
            <a:pPr marL="44524">
              <a:spcBef>
                <a:spcPts val="94"/>
              </a:spcBef>
            </a:pPr>
            <a:r>
              <a:rPr sz="727" spc="-9" dirty="0">
                <a:solidFill>
                  <a:srgbClr val="000066"/>
                </a:solidFill>
                <a:latin typeface="ＭＳ Ｐゴシック"/>
                <a:cs typeface="ＭＳ Ｐゴシック"/>
              </a:rPr>
              <a:t>就業者数のピーク</a:t>
            </a:r>
            <a:endParaRPr sz="727">
              <a:latin typeface="ＭＳ Ｐゴシック"/>
              <a:cs typeface="ＭＳ Ｐゴシック"/>
            </a:endParaRPr>
          </a:p>
          <a:p>
            <a:pPr marL="10860">
              <a:spcBef>
                <a:spcPts val="13"/>
              </a:spcBef>
            </a:pPr>
            <a:r>
              <a:rPr sz="727" spc="-9" dirty="0">
                <a:solidFill>
                  <a:srgbClr val="000066"/>
                </a:solidFill>
                <a:latin typeface="Arial"/>
                <a:cs typeface="Arial"/>
              </a:rPr>
              <a:t>685</a:t>
            </a:r>
            <a:r>
              <a:rPr sz="727" dirty="0">
                <a:solidFill>
                  <a:srgbClr val="000066"/>
                </a:solidFill>
                <a:latin typeface="ＭＳ Ｐゴシック"/>
                <a:cs typeface="ＭＳ Ｐゴシック"/>
              </a:rPr>
              <a:t>万人（９年平均</a:t>
            </a:r>
            <a:r>
              <a:rPr sz="727" spc="-43" dirty="0">
                <a:solidFill>
                  <a:srgbClr val="000066"/>
                </a:solidFill>
                <a:latin typeface="ＭＳ Ｐゴシック"/>
                <a:cs typeface="ＭＳ Ｐゴシック"/>
              </a:rPr>
              <a:t>）</a:t>
            </a:r>
            <a:endParaRPr sz="727">
              <a:latin typeface="ＭＳ Ｐゴシック"/>
              <a:cs typeface="ＭＳ Ｐゴシック"/>
            </a:endParaRPr>
          </a:p>
        </p:txBody>
      </p:sp>
      <p:grpSp>
        <p:nvGrpSpPr>
          <p:cNvPr id="416" name="object 416"/>
          <p:cNvGrpSpPr/>
          <p:nvPr/>
        </p:nvGrpSpPr>
        <p:grpSpPr>
          <a:xfrm>
            <a:off x="4846536" y="2547723"/>
            <a:ext cx="4285300" cy="1118565"/>
            <a:chOff x="5667755" y="2750820"/>
            <a:chExt cx="5011420" cy="1308100"/>
          </a:xfrm>
        </p:grpSpPr>
        <p:sp>
          <p:nvSpPr>
            <p:cNvPr id="417" name="object 417"/>
            <p:cNvSpPr/>
            <p:nvPr/>
          </p:nvSpPr>
          <p:spPr>
            <a:xfrm>
              <a:off x="5667756" y="3349751"/>
              <a:ext cx="4581525" cy="708660"/>
            </a:xfrm>
            <a:custGeom>
              <a:avLst/>
              <a:gdLst/>
              <a:ahLst/>
              <a:cxnLst/>
              <a:rect l="l" t="t" r="r" b="b"/>
              <a:pathLst>
                <a:path w="4581525" h="708660">
                  <a:moveTo>
                    <a:pt x="899160" y="35052"/>
                  </a:moveTo>
                  <a:lnTo>
                    <a:pt x="897636" y="24384"/>
                  </a:lnTo>
                  <a:lnTo>
                    <a:pt x="80772" y="153289"/>
                  </a:lnTo>
                  <a:lnTo>
                    <a:pt x="74676" y="117348"/>
                  </a:lnTo>
                  <a:lnTo>
                    <a:pt x="0" y="170688"/>
                  </a:lnTo>
                  <a:lnTo>
                    <a:pt x="88392" y="198120"/>
                  </a:lnTo>
                  <a:lnTo>
                    <a:pt x="82689" y="164592"/>
                  </a:lnTo>
                  <a:lnTo>
                    <a:pt x="82334" y="162458"/>
                  </a:lnTo>
                  <a:lnTo>
                    <a:pt x="899160" y="35052"/>
                  </a:lnTo>
                  <a:close/>
                </a:path>
                <a:path w="4581525" h="708660">
                  <a:moveTo>
                    <a:pt x="4581144" y="9144"/>
                  </a:moveTo>
                  <a:lnTo>
                    <a:pt x="4573524" y="0"/>
                  </a:lnTo>
                  <a:lnTo>
                    <a:pt x="3802646" y="651941"/>
                  </a:lnTo>
                  <a:lnTo>
                    <a:pt x="3779520" y="624840"/>
                  </a:lnTo>
                  <a:lnTo>
                    <a:pt x="3742944" y="708660"/>
                  </a:lnTo>
                  <a:lnTo>
                    <a:pt x="3832860" y="687324"/>
                  </a:lnTo>
                  <a:lnTo>
                    <a:pt x="3817239" y="669036"/>
                  </a:lnTo>
                  <a:lnTo>
                    <a:pt x="3809733" y="660247"/>
                  </a:lnTo>
                  <a:lnTo>
                    <a:pt x="4581144" y="9144"/>
                  </a:lnTo>
                  <a:close/>
                </a:path>
              </a:pathLst>
            </a:custGeom>
            <a:solidFill>
              <a:srgbClr val="000000"/>
            </a:solidFill>
          </p:spPr>
          <p:txBody>
            <a:bodyPr wrap="square" lIns="0" tIns="0" rIns="0" bIns="0" rtlCol="0"/>
            <a:lstStyle/>
            <a:p>
              <a:endParaRPr sz="1539"/>
            </a:p>
          </p:txBody>
        </p:sp>
        <p:sp>
          <p:nvSpPr>
            <p:cNvPr id="418" name="object 418"/>
            <p:cNvSpPr/>
            <p:nvPr/>
          </p:nvSpPr>
          <p:spPr>
            <a:xfrm>
              <a:off x="9896855" y="2755392"/>
              <a:ext cx="775970" cy="466725"/>
            </a:xfrm>
            <a:custGeom>
              <a:avLst/>
              <a:gdLst/>
              <a:ahLst/>
              <a:cxnLst/>
              <a:rect l="l" t="t" r="r" b="b"/>
              <a:pathLst>
                <a:path w="775970" h="466725">
                  <a:moveTo>
                    <a:pt x="697992" y="0"/>
                  </a:moveTo>
                  <a:lnTo>
                    <a:pt x="77724" y="0"/>
                  </a:lnTo>
                  <a:lnTo>
                    <a:pt x="46934" y="6143"/>
                  </a:lnTo>
                  <a:lnTo>
                    <a:pt x="22288" y="22860"/>
                  </a:lnTo>
                  <a:lnTo>
                    <a:pt x="5929" y="47577"/>
                  </a:lnTo>
                  <a:lnTo>
                    <a:pt x="0" y="77723"/>
                  </a:lnTo>
                  <a:lnTo>
                    <a:pt x="0" y="388619"/>
                  </a:lnTo>
                  <a:lnTo>
                    <a:pt x="5929" y="419409"/>
                  </a:lnTo>
                  <a:lnTo>
                    <a:pt x="22288" y="444055"/>
                  </a:lnTo>
                  <a:lnTo>
                    <a:pt x="46934" y="460414"/>
                  </a:lnTo>
                  <a:lnTo>
                    <a:pt x="77724" y="466343"/>
                  </a:lnTo>
                  <a:lnTo>
                    <a:pt x="697992" y="466343"/>
                  </a:lnTo>
                  <a:lnTo>
                    <a:pt x="728781" y="460414"/>
                  </a:lnTo>
                  <a:lnTo>
                    <a:pt x="753427" y="444055"/>
                  </a:lnTo>
                  <a:lnTo>
                    <a:pt x="769786" y="419409"/>
                  </a:lnTo>
                  <a:lnTo>
                    <a:pt x="775716" y="388619"/>
                  </a:lnTo>
                  <a:lnTo>
                    <a:pt x="775716" y="77723"/>
                  </a:lnTo>
                  <a:lnTo>
                    <a:pt x="769786" y="47577"/>
                  </a:lnTo>
                  <a:lnTo>
                    <a:pt x="753427" y="22859"/>
                  </a:lnTo>
                  <a:lnTo>
                    <a:pt x="728781" y="6143"/>
                  </a:lnTo>
                  <a:lnTo>
                    <a:pt x="697992" y="0"/>
                  </a:lnTo>
                  <a:close/>
                </a:path>
              </a:pathLst>
            </a:custGeom>
            <a:solidFill>
              <a:srgbClr val="CCFFCC"/>
            </a:solidFill>
          </p:spPr>
          <p:txBody>
            <a:bodyPr wrap="square" lIns="0" tIns="0" rIns="0" bIns="0" rtlCol="0"/>
            <a:lstStyle/>
            <a:p>
              <a:endParaRPr sz="1539"/>
            </a:p>
          </p:txBody>
        </p:sp>
        <p:sp>
          <p:nvSpPr>
            <p:cNvPr id="419" name="object 419"/>
            <p:cNvSpPr/>
            <p:nvPr/>
          </p:nvSpPr>
          <p:spPr>
            <a:xfrm>
              <a:off x="9890759" y="2750820"/>
              <a:ext cx="788035" cy="477520"/>
            </a:xfrm>
            <a:custGeom>
              <a:avLst/>
              <a:gdLst/>
              <a:ahLst/>
              <a:cxnLst/>
              <a:rect l="l" t="t" r="r" b="b"/>
              <a:pathLst>
                <a:path w="788034" h="477519">
                  <a:moveTo>
                    <a:pt x="713232" y="0"/>
                  </a:moveTo>
                  <a:lnTo>
                    <a:pt x="74675" y="0"/>
                  </a:lnTo>
                  <a:lnTo>
                    <a:pt x="65532" y="1524"/>
                  </a:lnTo>
                  <a:lnTo>
                    <a:pt x="57912" y="4572"/>
                  </a:lnTo>
                  <a:lnTo>
                    <a:pt x="50292" y="6095"/>
                  </a:lnTo>
                  <a:lnTo>
                    <a:pt x="42672" y="10667"/>
                  </a:lnTo>
                  <a:lnTo>
                    <a:pt x="36575" y="13715"/>
                  </a:lnTo>
                  <a:lnTo>
                    <a:pt x="30480" y="19812"/>
                  </a:lnTo>
                  <a:lnTo>
                    <a:pt x="24384" y="24384"/>
                  </a:lnTo>
                  <a:lnTo>
                    <a:pt x="19812" y="30479"/>
                  </a:lnTo>
                  <a:lnTo>
                    <a:pt x="13716" y="36575"/>
                  </a:lnTo>
                  <a:lnTo>
                    <a:pt x="10668" y="44195"/>
                  </a:lnTo>
                  <a:lnTo>
                    <a:pt x="6096" y="50291"/>
                  </a:lnTo>
                  <a:lnTo>
                    <a:pt x="4572" y="57912"/>
                  </a:lnTo>
                  <a:lnTo>
                    <a:pt x="1524" y="67055"/>
                  </a:lnTo>
                  <a:lnTo>
                    <a:pt x="0" y="74675"/>
                  </a:lnTo>
                  <a:lnTo>
                    <a:pt x="0" y="402336"/>
                  </a:lnTo>
                  <a:lnTo>
                    <a:pt x="1524" y="411479"/>
                  </a:lnTo>
                  <a:lnTo>
                    <a:pt x="10668" y="434339"/>
                  </a:lnTo>
                  <a:lnTo>
                    <a:pt x="24384" y="452627"/>
                  </a:lnTo>
                  <a:lnTo>
                    <a:pt x="30480" y="457200"/>
                  </a:lnTo>
                  <a:lnTo>
                    <a:pt x="36575" y="463295"/>
                  </a:lnTo>
                  <a:lnTo>
                    <a:pt x="44196" y="466343"/>
                  </a:lnTo>
                  <a:lnTo>
                    <a:pt x="51816" y="470915"/>
                  </a:lnTo>
                  <a:lnTo>
                    <a:pt x="59436" y="472439"/>
                  </a:lnTo>
                  <a:lnTo>
                    <a:pt x="67056" y="475488"/>
                  </a:lnTo>
                  <a:lnTo>
                    <a:pt x="74675" y="477012"/>
                  </a:lnTo>
                  <a:lnTo>
                    <a:pt x="713232" y="477012"/>
                  </a:lnTo>
                  <a:lnTo>
                    <a:pt x="722376" y="475488"/>
                  </a:lnTo>
                  <a:lnTo>
                    <a:pt x="745236" y="466343"/>
                  </a:lnTo>
                  <a:lnTo>
                    <a:pt x="76200" y="466343"/>
                  </a:lnTo>
                  <a:lnTo>
                    <a:pt x="60960" y="463295"/>
                  </a:lnTo>
                  <a:lnTo>
                    <a:pt x="27432" y="440436"/>
                  </a:lnTo>
                  <a:lnTo>
                    <a:pt x="10668" y="400812"/>
                  </a:lnTo>
                  <a:lnTo>
                    <a:pt x="10668" y="74675"/>
                  </a:lnTo>
                  <a:lnTo>
                    <a:pt x="12192" y="68579"/>
                  </a:lnTo>
                  <a:lnTo>
                    <a:pt x="13716" y="60960"/>
                  </a:lnTo>
                  <a:lnTo>
                    <a:pt x="36575" y="27431"/>
                  </a:lnTo>
                  <a:lnTo>
                    <a:pt x="62484" y="13715"/>
                  </a:lnTo>
                  <a:lnTo>
                    <a:pt x="68580" y="12191"/>
                  </a:lnTo>
                  <a:lnTo>
                    <a:pt x="76200" y="10667"/>
                  </a:lnTo>
                  <a:lnTo>
                    <a:pt x="743712" y="10667"/>
                  </a:lnTo>
                  <a:lnTo>
                    <a:pt x="736092" y="6095"/>
                  </a:lnTo>
                  <a:lnTo>
                    <a:pt x="728472" y="3048"/>
                  </a:lnTo>
                  <a:lnTo>
                    <a:pt x="713232" y="0"/>
                  </a:lnTo>
                  <a:close/>
                </a:path>
                <a:path w="788034" h="477519">
                  <a:moveTo>
                    <a:pt x="743712" y="10667"/>
                  </a:moveTo>
                  <a:lnTo>
                    <a:pt x="711708" y="10667"/>
                  </a:lnTo>
                  <a:lnTo>
                    <a:pt x="726948" y="13715"/>
                  </a:lnTo>
                  <a:lnTo>
                    <a:pt x="745236" y="22860"/>
                  </a:lnTo>
                  <a:lnTo>
                    <a:pt x="774192" y="60960"/>
                  </a:lnTo>
                  <a:lnTo>
                    <a:pt x="777240" y="76200"/>
                  </a:lnTo>
                  <a:lnTo>
                    <a:pt x="777240" y="400812"/>
                  </a:lnTo>
                  <a:lnTo>
                    <a:pt x="760476" y="440436"/>
                  </a:lnTo>
                  <a:lnTo>
                    <a:pt x="726948" y="463295"/>
                  </a:lnTo>
                  <a:lnTo>
                    <a:pt x="711708" y="466343"/>
                  </a:lnTo>
                  <a:lnTo>
                    <a:pt x="745236" y="466343"/>
                  </a:lnTo>
                  <a:lnTo>
                    <a:pt x="763524" y="452627"/>
                  </a:lnTo>
                  <a:lnTo>
                    <a:pt x="769620" y="446531"/>
                  </a:lnTo>
                  <a:lnTo>
                    <a:pt x="774192" y="440436"/>
                  </a:lnTo>
                  <a:lnTo>
                    <a:pt x="777240" y="432815"/>
                  </a:lnTo>
                  <a:lnTo>
                    <a:pt x="781812" y="425195"/>
                  </a:lnTo>
                  <a:lnTo>
                    <a:pt x="783336" y="417575"/>
                  </a:lnTo>
                  <a:lnTo>
                    <a:pt x="786384" y="409955"/>
                  </a:lnTo>
                  <a:lnTo>
                    <a:pt x="787908" y="402336"/>
                  </a:lnTo>
                  <a:lnTo>
                    <a:pt x="787908" y="74675"/>
                  </a:lnTo>
                  <a:lnTo>
                    <a:pt x="786384" y="65531"/>
                  </a:lnTo>
                  <a:lnTo>
                    <a:pt x="783336" y="57912"/>
                  </a:lnTo>
                  <a:lnTo>
                    <a:pt x="781812" y="50291"/>
                  </a:lnTo>
                  <a:lnTo>
                    <a:pt x="777240" y="42672"/>
                  </a:lnTo>
                  <a:lnTo>
                    <a:pt x="763524" y="24384"/>
                  </a:lnTo>
                  <a:lnTo>
                    <a:pt x="757428" y="18287"/>
                  </a:lnTo>
                  <a:lnTo>
                    <a:pt x="751332" y="13715"/>
                  </a:lnTo>
                  <a:lnTo>
                    <a:pt x="743712" y="10667"/>
                  </a:lnTo>
                  <a:close/>
                </a:path>
              </a:pathLst>
            </a:custGeom>
            <a:solidFill>
              <a:srgbClr val="003300"/>
            </a:solidFill>
          </p:spPr>
          <p:txBody>
            <a:bodyPr wrap="square" lIns="0" tIns="0" rIns="0" bIns="0" rtlCol="0"/>
            <a:lstStyle/>
            <a:p>
              <a:endParaRPr sz="1539"/>
            </a:p>
          </p:txBody>
        </p:sp>
      </p:grpSp>
      <p:sp>
        <p:nvSpPr>
          <p:cNvPr id="420" name="object 420"/>
          <p:cNvSpPr txBox="1"/>
          <p:nvPr/>
        </p:nvSpPr>
        <p:spPr>
          <a:xfrm>
            <a:off x="8566690" y="2570746"/>
            <a:ext cx="456114" cy="348815"/>
          </a:xfrm>
          <a:prstGeom prst="rect">
            <a:avLst/>
          </a:prstGeom>
        </p:spPr>
        <p:txBody>
          <a:bodyPr vert="horz" wrap="square" lIns="0" tIns="10860" rIns="0" bIns="0" rtlCol="0">
            <a:spAutoFit/>
          </a:bodyPr>
          <a:lstStyle/>
          <a:p>
            <a:pPr marL="10860" marR="4344" indent="29864">
              <a:lnSpc>
                <a:spcPct val="101200"/>
              </a:lnSpc>
              <a:spcBef>
                <a:spcPts val="86"/>
              </a:spcBef>
            </a:pPr>
            <a:r>
              <a:rPr sz="727" spc="-13" dirty="0">
                <a:solidFill>
                  <a:srgbClr val="003300"/>
                </a:solidFill>
                <a:latin typeface="ＭＳ Ｐゴシック"/>
                <a:cs typeface="ＭＳ Ｐゴシック"/>
              </a:rPr>
              <a:t>就業者数</a:t>
            </a:r>
            <a:r>
              <a:rPr sz="727" spc="-9" dirty="0">
                <a:solidFill>
                  <a:srgbClr val="003300"/>
                </a:solidFill>
                <a:latin typeface="ＭＳ Ｐゴシック"/>
                <a:cs typeface="ＭＳ Ｐゴシック"/>
              </a:rPr>
              <a:t>ピーク時比</a:t>
            </a:r>
            <a:endParaRPr sz="727">
              <a:latin typeface="ＭＳ Ｐゴシック"/>
              <a:cs typeface="ＭＳ Ｐゴシック"/>
            </a:endParaRPr>
          </a:p>
          <a:p>
            <a:pPr marL="22262">
              <a:spcBef>
                <a:spcPts val="21"/>
              </a:spcBef>
            </a:pPr>
            <a:r>
              <a:rPr sz="727" spc="-9" dirty="0">
                <a:solidFill>
                  <a:srgbClr val="003300"/>
                </a:solidFill>
                <a:latin typeface="ＭＳ Ｐゴシック"/>
                <a:cs typeface="ＭＳ Ｐゴシック"/>
              </a:rPr>
              <a:t>▲</a:t>
            </a:r>
            <a:r>
              <a:rPr sz="727" spc="-9" dirty="0">
                <a:solidFill>
                  <a:srgbClr val="003300"/>
                </a:solidFill>
                <a:latin typeface="Arial"/>
                <a:cs typeface="Arial"/>
              </a:rPr>
              <a:t>28.18%</a:t>
            </a:r>
            <a:endParaRPr sz="727">
              <a:latin typeface="Arial"/>
              <a:cs typeface="Arial"/>
            </a:endParaRPr>
          </a:p>
        </p:txBody>
      </p:sp>
      <p:grpSp>
        <p:nvGrpSpPr>
          <p:cNvPr id="421" name="object 421"/>
          <p:cNvGrpSpPr/>
          <p:nvPr/>
        </p:nvGrpSpPr>
        <p:grpSpPr>
          <a:xfrm>
            <a:off x="8457657" y="3007746"/>
            <a:ext cx="673854" cy="275297"/>
            <a:chOff x="9890759" y="3288791"/>
            <a:chExt cx="788035" cy="321945"/>
          </a:xfrm>
        </p:grpSpPr>
        <p:sp>
          <p:nvSpPr>
            <p:cNvPr id="422" name="object 422"/>
            <p:cNvSpPr/>
            <p:nvPr/>
          </p:nvSpPr>
          <p:spPr>
            <a:xfrm>
              <a:off x="9896855" y="3294887"/>
              <a:ext cx="775970" cy="311150"/>
            </a:xfrm>
            <a:custGeom>
              <a:avLst/>
              <a:gdLst/>
              <a:ahLst/>
              <a:cxnLst/>
              <a:rect l="l" t="t" r="r" b="b"/>
              <a:pathLst>
                <a:path w="775970" h="311150">
                  <a:moveTo>
                    <a:pt x="723900" y="0"/>
                  </a:moveTo>
                  <a:lnTo>
                    <a:pt x="51816" y="0"/>
                  </a:lnTo>
                  <a:lnTo>
                    <a:pt x="31503" y="4024"/>
                  </a:lnTo>
                  <a:lnTo>
                    <a:pt x="15049" y="15049"/>
                  </a:lnTo>
                  <a:lnTo>
                    <a:pt x="4024" y="31503"/>
                  </a:lnTo>
                  <a:lnTo>
                    <a:pt x="0" y="51816"/>
                  </a:lnTo>
                  <a:lnTo>
                    <a:pt x="0" y="259080"/>
                  </a:lnTo>
                  <a:lnTo>
                    <a:pt x="4024" y="279392"/>
                  </a:lnTo>
                  <a:lnTo>
                    <a:pt x="15049" y="295846"/>
                  </a:lnTo>
                  <a:lnTo>
                    <a:pt x="31503" y="306871"/>
                  </a:lnTo>
                  <a:lnTo>
                    <a:pt x="51816" y="310896"/>
                  </a:lnTo>
                  <a:lnTo>
                    <a:pt x="723900" y="310896"/>
                  </a:lnTo>
                  <a:lnTo>
                    <a:pt x="744212" y="306871"/>
                  </a:lnTo>
                  <a:lnTo>
                    <a:pt x="760666" y="295846"/>
                  </a:lnTo>
                  <a:lnTo>
                    <a:pt x="771691" y="279392"/>
                  </a:lnTo>
                  <a:lnTo>
                    <a:pt x="775716" y="259080"/>
                  </a:lnTo>
                  <a:lnTo>
                    <a:pt x="775716" y="51816"/>
                  </a:lnTo>
                  <a:lnTo>
                    <a:pt x="771691" y="31503"/>
                  </a:lnTo>
                  <a:lnTo>
                    <a:pt x="760666" y="15049"/>
                  </a:lnTo>
                  <a:lnTo>
                    <a:pt x="744212" y="4024"/>
                  </a:lnTo>
                  <a:lnTo>
                    <a:pt x="723900" y="0"/>
                  </a:lnTo>
                  <a:close/>
                </a:path>
              </a:pathLst>
            </a:custGeom>
            <a:solidFill>
              <a:srgbClr val="FFCC99"/>
            </a:solidFill>
          </p:spPr>
          <p:txBody>
            <a:bodyPr wrap="square" lIns="0" tIns="0" rIns="0" bIns="0" rtlCol="0"/>
            <a:lstStyle/>
            <a:p>
              <a:endParaRPr sz="1539"/>
            </a:p>
          </p:txBody>
        </p:sp>
        <p:sp>
          <p:nvSpPr>
            <p:cNvPr id="423" name="object 423"/>
            <p:cNvSpPr/>
            <p:nvPr/>
          </p:nvSpPr>
          <p:spPr>
            <a:xfrm>
              <a:off x="9890759" y="3288791"/>
              <a:ext cx="788035" cy="321945"/>
            </a:xfrm>
            <a:custGeom>
              <a:avLst/>
              <a:gdLst/>
              <a:ahLst/>
              <a:cxnLst/>
              <a:rect l="l" t="t" r="r" b="b"/>
              <a:pathLst>
                <a:path w="788034" h="321945">
                  <a:moveTo>
                    <a:pt x="762000" y="312419"/>
                  </a:moveTo>
                  <a:lnTo>
                    <a:pt x="25908" y="312419"/>
                  </a:lnTo>
                  <a:lnTo>
                    <a:pt x="35051" y="316991"/>
                  </a:lnTo>
                  <a:lnTo>
                    <a:pt x="45720" y="320039"/>
                  </a:lnTo>
                  <a:lnTo>
                    <a:pt x="57912" y="321563"/>
                  </a:lnTo>
                  <a:lnTo>
                    <a:pt x="731520" y="321563"/>
                  </a:lnTo>
                  <a:lnTo>
                    <a:pt x="742188" y="320039"/>
                  </a:lnTo>
                  <a:lnTo>
                    <a:pt x="752856" y="316991"/>
                  </a:lnTo>
                  <a:lnTo>
                    <a:pt x="762000" y="312419"/>
                  </a:lnTo>
                  <a:close/>
                </a:path>
                <a:path w="788034" h="321945">
                  <a:moveTo>
                    <a:pt x="57912" y="10667"/>
                  </a:moveTo>
                  <a:lnTo>
                    <a:pt x="24384" y="10667"/>
                  </a:lnTo>
                  <a:lnTo>
                    <a:pt x="16764" y="16763"/>
                  </a:lnTo>
                  <a:lnTo>
                    <a:pt x="16764" y="18287"/>
                  </a:lnTo>
                  <a:lnTo>
                    <a:pt x="10668" y="25907"/>
                  </a:lnTo>
                  <a:lnTo>
                    <a:pt x="9144" y="25907"/>
                  </a:lnTo>
                  <a:lnTo>
                    <a:pt x="4572" y="35051"/>
                  </a:lnTo>
                  <a:lnTo>
                    <a:pt x="4572" y="36575"/>
                  </a:lnTo>
                  <a:lnTo>
                    <a:pt x="1524" y="45719"/>
                  </a:lnTo>
                  <a:lnTo>
                    <a:pt x="1524" y="47243"/>
                  </a:lnTo>
                  <a:lnTo>
                    <a:pt x="0" y="57912"/>
                  </a:lnTo>
                  <a:lnTo>
                    <a:pt x="0" y="265175"/>
                  </a:lnTo>
                  <a:lnTo>
                    <a:pt x="1524" y="275843"/>
                  </a:lnTo>
                  <a:lnTo>
                    <a:pt x="1524" y="277367"/>
                  </a:lnTo>
                  <a:lnTo>
                    <a:pt x="4572" y="286512"/>
                  </a:lnTo>
                  <a:lnTo>
                    <a:pt x="4572" y="288035"/>
                  </a:lnTo>
                  <a:lnTo>
                    <a:pt x="9144" y="295655"/>
                  </a:lnTo>
                  <a:lnTo>
                    <a:pt x="9144" y="297179"/>
                  </a:lnTo>
                  <a:lnTo>
                    <a:pt x="10668" y="297179"/>
                  </a:lnTo>
                  <a:lnTo>
                    <a:pt x="16764" y="304800"/>
                  </a:lnTo>
                  <a:lnTo>
                    <a:pt x="24384" y="312419"/>
                  </a:lnTo>
                  <a:lnTo>
                    <a:pt x="763524" y="312419"/>
                  </a:lnTo>
                  <a:lnTo>
                    <a:pt x="765048" y="310895"/>
                  </a:lnTo>
                  <a:lnTo>
                    <a:pt x="48768" y="310895"/>
                  </a:lnTo>
                  <a:lnTo>
                    <a:pt x="38100" y="307847"/>
                  </a:lnTo>
                  <a:lnTo>
                    <a:pt x="39624" y="307847"/>
                  </a:lnTo>
                  <a:lnTo>
                    <a:pt x="30480" y="303275"/>
                  </a:lnTo>
                  <a:lnTo>
                    <a:pt x="32004" y="303275"/>
                  </a:lnTo>
                  <a:lnTo>
                    <a:pt x="26289" y="298703"/>
                  </a:lnTo>
                  <a:lnTo>
                    <a:pt x="24384" y="298703"/>
                  </a:lnTo>
                  <a:lnTo>
                    <a:pt x="18288" y="291083"/>
                  </a:lnTo>
                  <a:lnTo>
                    <a:pt x="14478" y="283463"/>
                  </a:lnTo>
                  <a:lnTo>
                    <a:pt x="13716" y="283463"/>
                  </a:lnTo>
                  <a:lnTo>
                    <a:pt x="10668" y="274319"/>
                  </a:lnTo>
                  <a:lnTo>
                    <a:pt x="12192" y="274319"/>
                  </a:lnTo>
                  <a:lnTo>
                    <a:pt x="10668" y="263651"/>
                  </a:lnTo>
                  <a:lnTo>
                    <a:pt x="10668" y="57912"/>
                  </a:lnTo>
                  <a:lnTo>
                    <a:pt x="11974" y="48767"/>
                  </a:lnTo>
                  <a:lnTo>
                    <a:pt x="10668" y="48767"/>
                  </a:lnTo>
                  <a:lnTo>
                    <a:pt x="13716" y="39623"/>
                  </a:lnTo>
                  <a:lnTo>
                    <a:pt x="18288" y="30479"/>
                  </a:lnTo>
                  <a:lnTo>
                    <a:pt x="19507" y="30479"/>
                  </a:lnTo>
                  <a:lnTo>
                    <a:pt x="24384" y="24383"/>
                  </a:lnTo>
                  <a:lnTo>
                    <a:pt x="32004" y="18287"/>
                  </a:lnTo>
                  <a:lnTo>
                    <a:pt x="32766" y="18287"/>
                  </a:lnTo>
                  <a:lnTo>
                    <a:pt x="39624" y="13715"/>
                  </a:lnTo>
                  <a:lnTo>
                    <a:pt x="43434" y="13715"/>
                  </a:lnTo>
                  <a:lnTo>
                    <a:pt x="48768" y="12191"/>
                  </a:lnTo>
                  <a:lnTo>
                    <a:pt x="47244" y="12191"/>
                  </a:lnTo>
                  <a:lnTo>
                    <a:pt x="57912" y="10667"/>
                  </a:lnTo>
                  <a:close/>
                </a:path>
                <a:path w="788034" h="321945">
                  <a:moveTo>
                    <a:pt x="763524" y="297179"/>
                  </a:moveTo>
                  <a:lnTo>
                    <a:pt x="755904" y="303275"/>
                  </a:lnTo>
                  <a:lnTo>
                    <a:pt x="757428" y="303275"/>
                  </a:lnTo>
                  <a:lnTo>
                    <a:pt x="748284" y="307847"/>
                  </a:lnTo>
                  <a:lnTo>
                    <a:pt x="749808" y="307847"/>
                  </a:lnTo>
                  <a:lnTo>
                    <a:pt x="739140" y="310895"/>
                  </a:lnTo>
                  <a:lnTo>
                    <a:pt x="765048" y="310895"/>
                  </a:lnTo>
                  <a:lnTo>
                    <a:pt x="771144" y="304800"/>
                  </a:lnTo>
                  <a:lnTo>
                    <a:pt x="776020" y="298703"/>
                  </a:lnTo>
                  <a:lnTo>
                    <a:pt x="763524" y="298703"/>
                  </a:lnTo>
                  <a:lnTo>
                    <a:pt x="763524" y="297179"/>
                  </a:lnTo>
                  <a:close/>
                </a:path>
                <a:path w="788034" h="321945">
                  <a:moveTo>
                    <a:pt x="24384" y="297179"/>
                  </a:moveTo>
                  <a:lnTo>
                    <a:pt x="24384" y="298703"/>
                  </a:lnTo>
                  <a:lnTo>
                    <a:pt x="26289" y="298703"/>
                  </a:lnTo>
                  <a:lnTo>
                    <a:pt x="24384" y="297179"/>
                  </a:lnTo>
                  <a:close/>
                </a:path>
                <a:path w="788034" h="321945">
                  <a:moveTo>
                    <a:pt x="774192" y="281939"/>
                  </a:moveTo>
                  <a:lnTo>
                    <a:pt x="769620" y="291083"/>
                  </a:lnTo>
                  <a:lnTo>
                    <a:pt x="763524" y="298703"/>
                  </a:lnTo>
                  <a:lnTo>
                    <a:pt x="776020" y="298703"/>
                  </a:lnTo>
                  <a:lnTo>
                    <a:pt x="777240" y="297179"/>
                  </a:lnTo>
                  <a:lnTo>
                    <a:pt x="778764" y="297179"/>
                  </a:lnTo>
                  <a:lnTo>
                    <a:pt x="778764" y="295655"/>
                  </a:lnTo>
                  <a:lnTo>
                    <a:pt x="783336" y="288035"/>
                  </a:lnTo>
                  <a:lnTo>
                    <a:pt x="783336" y="286512"/>
                  </a:lnTo>
                  <a:lnTo>
                    <a:pt x="784352" y="283463"/>
                  </a:lnTo>
                  <a:lnTo>
                    <a:pt x="774192" y="283463"/>
                  </a:lnTo>
                  <a:lnTo>
                    <a:pt x="774192" y="281939"/>
                  </a:lnTo>
                  <a:close/>
                </a:path>
                <a:path w="788034" h="321945">
                  <a:moveTo>
                    <a:pt x="13716" y="281939"/>
                  </a:moveTo>
                  <a:lnTo>
                    <a:pt x="13716" y="283463"/>
                  </a:lnTo>
                  <a:lnTo>
                    <a:pt x="14478" y="283463"/>
                  </a:lnTo>
                  <a:lnTo>
                    <a:pt x="13716" y="281939"/>
                  </a:lnTo>
                  <a:close/>
                </a:path>
                <a:path w="788034" h="321945">
                  <a:moveTo>
                    <a:pt x="775716" y="47243"/>
                  </a:moveTo>
                  <a:lnTo>
                    <a:pt x="777240" y="57912"/>
                  </a:lnTo>
                  <a:lnTo>
                    <a:pt x="777240" y="265175"/>
                  </a:lnTo>
                  <a:lnTo>
                    <a:pt x="775716" y="274319"/>
                  </a:lnTo>
                  <a:lnTo>
                    <a:pt x="777240" y="274319"/>
                  </a:lnTo>
                  <a:lnTo>
                    <a:pt x="774192" y="283463"/>
                  </a:lnTo>
                  <a:lnTo>
                    <a:pt x="784352" y="283463"/>
                  </a:lnTo>
                  <a:lnTo>
                    <a:pt x="786384" y="277367"/>
                  </a:lnTo>
                  <a:lnTo>
                    <a:pt x="786384" y="275843"/>
                  </a:lnTo>
                  <a:lnTo>
                    <a:pt x="787908" y="265175"/>
                  </a:lnTo>
                  <a:lnTo>
                    <a:pt x="787908" y="56387"/>
                  </a:lnTo>
                  <a:lnTo>
                    <a:pt x="786638" y="48767"/>
                  </a:lnTo>
                  <a:lnTo>
                    <a:pt x="777240" y="48767"/>
                  </a:lnTo>
                  <a:lnTo>
                    <a:pt x="775716" y="47243"/>
                  </a:lnTo>
                  <a:close/>
                </a:path>
                <a:path w="788034" h="321945">
                  <a:moveTo>
                    <a:pt x="12192" y="47243"/>
                  </a:moveTo>
                  <a:lnTo>
                    <a:pt x="10668" y="48767"/>
                  </a:lnTo>
                  <a:lnTo>
                    <a:pt x="11974" y="48767"/>
                  </a:lnTo>
                  <a:lnTo>
                    <a:pt x="12192" y="47243"/>
                  </a:lnTo>
                  <a:close/>
                </a:path>
                <a:path w="788034" h="321945">
                  <a:moveTo>
                    <a:pt x="781050" y="30479"/>
                  </a:moveTo>
                  <a:lnTo>
                    <a:pt x="769620" y="30479"/>
                  </a:lnTo>
                  <a:lnTo>
                    <a:pt x="774192" y="39623"/>
                  </a:lnTo>
                  <a:lnTo>
                    <a:pt x="777240" y="48767"/>
                  </a:lnTo>
                  <a:lnTo>
                    <a:pt x="786638" y="48767"/>
                  </a:lnTo>
                  <a:lnTo>
                    <a:pt x="786384" y="47243"/>
                  </a:lnTo>
                  <a:lnTo>
                    <a:pt x="786384" y="45719"/>
                  </a:lnTo>
                  <a:lnTo>
                    <a:pt x="783336" y="36575"/>
                  </a:lnTo>
                  <a:lnTo>
                    <a:pt x="783336" y="35051"/>
                  </a:lnTo>
                  <a:lnTo>
                    <a:pt x="781050" y="30479"/>
                  </a:lnTo>
                  <a:close/>
                </a:path>
                <a:path w="788034" h="321945">
                  <a:moveTo>
                    <a:pt x="19507" y="30479"/>
                  </a:moveTo>
                  <a:lnTo>
                    <a:pt x="18288" y="30479"/>
                  </a:lnTo>
                  <a:lnTo>
                    <a:pt x="18288" y="32003"/>
                  </a:lnTo>
                  <a:lnTo>
                    <a:pt x="19507" y="30479"/>
                  </a:lnTo>
                  <a:close/>
                </a:path>
                <a:path w="788034" h="321945">
                  <a:moveTo>
                    <a:pt x="771144" y="18287"/>
                  </a:moveTo>
                  <a:lnTo>
                    <a:pt x="755904" y="18287"/>
                  </a:lnTo>
                  <a:lnTo>
                    <a:pt x="763524" y="24383"/>
                  </a:lnTo>
                  <a:lnTo>
                    <a:pt x="769620" y="32003"/>
                  </a:lnTo>
                  <a:lnTo>
                    <a:pt x="769620" y="30479"/>
                  </a:lnTo>
                  <a:lnTo>
                    <a:pt x="781050" y="30479"/>
                  </a:lnTo>
                  <a:lnTo>
                    <a:pt x="778764" y="25907"/>
                  </a:lnTo>
                  <a:lnTo>
                    <a:pt x="777240" y="25907"/>
                  </a:lnTo>
                  <a:lnTo>
                    <a:pt x="771144" y="18287"/>
                  </a:lnTo>
                  <a:close/>
                </a:path>
                <a:path w="788034" h="321945">
                  <a:moveTo>
                    <a:pt x="32766" y="18287"/>
                  </a:moveTo>
                  <a:lnTo>
                    <a:pt x="32004" y="18287"/>
                  </a:lnTo>
                  <a:lnTo>
                    <a:pt x="30480" y="19812"/>
                  </a:lnTo>
                  <a:lnTo>
                    <a:pt x="32766" y="18287"/>
                  </a:lnTo>
                  <a:close/>
                </a:path>
                <a:path w="788034" h="321945">
                  <a:moveTo>
                    <a:pt x="767334" y="13715"/>
                  </a:moveTo>
                  <a:lnTo>
                    <a:pt x="748284" y="13715"/>
                  </a:lnTo>
                  <a:lnTo>
                    <a:pt x="757428" y="19812"/>
                  </a:lnTo>
                  <a:lnTo>
                    <a:pt x="755904" y="18287"/>
                  </a:lnTo>
                  <a:lnTo>
                    <a:pt x="771144" y="18287"/>
                  </a:lnTo>
                  <a:lnTo>
                    <a:pt x="771144" y="16763"/>
                  </a:lnTo>
                  <a:lnTo>
                    <a:pt x="767334" y="13715"/>
                  </a:lnTo>
                  <a:close/>
                </a:path>
                <a:path w="788034" h="321945">
                  <a:moveTo>
                    <a:pt x="43434" y="13715"/>
                  </a:moveTo>
                  <a:lnTo>
                    <a:pt x="39624" y="13715"/>
                  </a:lnTo>
                  <a:lnTo>
                    <a:pt x="38100" y="15239"/>
                  </a:lnTo>
                  <a:lnTo>
                    <a:pt x="43434" y="13715"/>
                  </a:lnTo>
                  <a:close/>
                </a:path>
                <a:path w="788034" h="321945">
                  <a:moveTo>
                    <a:pt x="763524" y="10667"/>
                  </a:moveTo>
                  <a:lnTo>
                    <a:pt x="729996" y="10667"/>
                  </a:lnTo>
                  <a:lnTo>
                    <a:pt x="740664" y="12191"/>
                  </a:lnTo>
                  <a:lnTo>
                    <a:pt x="739140" y="12191"/>
                  </a:lnTo>
                  <a:lnTo>
                    <a:pt x="749808" y="15239"/>
                  </a:lnTo>
                  <a:lnTo>
                    <a:pt x="748284" y="13715"/>
                  </a:lnTo>
                  <a:lnTo>
                    <a:pt x="767334" y="13715"/>
                  </a:lnTo>
                  <a:lnTo>
                    <a:pt x="763524" y="10667"/>
                  </a:lnTo>
                  <a:close/>
                </a:path>
                <a:path w="788034" h="321945">
                  <a:moveTo>
                    <a:pt x="729996" y="0"/>
                  </a:moveTo>
                  <a:lnTo>
                    <a:pt x="56388" y="0"/>
                  </a:lnTo>
                  <a:lnTo>
                    <a:pt x="45720" y="1523"/>
                  </a:lnTo>
                  <a:lnTo>
                    <a:pt x="35051" y="4571"/>
                  </a:lnTo>
                  <a:lnTo>
                    <a:pt x="35051" y="6095"/>
                  </a:lnTo>
                  <a:lnTo>
                    <a:pt x="25908" y="10667"/>
                  </a:lnTo>
                  <a:lnTo>
                    <a:pt x="762000" y="10667"/>
                  </a:lnTo>
                  <a:lnTo>
                    <a:pt x="752856" y="6095"/>
                  </a:lnTo>
                  <a:lnTo>
                    <a:pt x="752856" y="4571"/>
                  </a:lnTo>
                  <a:lnTo>
                    <a:pt x="742188" y="1523"/>
                  </a:lnTo>
                  <a:lnTo>
                    <a:pt x="729996" y="0"/>
                  </a:lnTo>
                  <a:close/>
                </a:path>
              </a:pathLst>
            </a:custGeom>
            <a:solidFill>
              <a:srgbClr val="FF6600"/>
            </a:solidFill>
          </p:spPr>
          <p:txBody>
            <a:bodyPr wrap="square" lIns="0" tIns="0" rIns="0" bIns="0" rtlCol="0"/>
            <a:lstStyle/>
            <a:p>
              <a:endParaRPr sz="1539"/>
            </a:p>
          </p:txBody>
        </p:sp>
      </p:grpSp>
      <p:sp>
        <p:nvSpPr>
          <p:cNvPr id="424" name="object 424"/>
          <p:cNvSpPr txBox="1"/>
          <p:nvPr/>
        </p:nvSpPr>
        <p:spPr>
          <a:xfrm>
            <a:off x="8544535" y="3020343"/>
            <a:ext cx="501725" cy="235842"/>
          </a:xfrm>
          <a:prstGeom prst="rect">
            <a:avLst/>
          </a:prstGeom>
        </p:spPr>
        <p:txBody>
          <a:bodyPr vert="horz" wrap="square" lIns="0" tIns="11946" rIns="0" bIns="0" rtlCol="0">
            <a:spAutoFit/>
          </a:bodyPr>
          <a:lstStyle/>
          <a:p>
            <a:pPr algn="ctr">
              <a:spcBef>
                <a:spcPts val="94"/>
              </a:spcBef>
            </a:pPr>
            <a:r>
              <a:rPr sz="727" spc="-9" dirty="0">
                <a:solidFill>
                  <a:srgbClr val="FF3300"/>
                </a:solidFill>
                <a:latin typeface="Arial"/>
                <a:cs typeface="Arial"/>
              </a:rPr>
              <a:t>492</a:t>
            </a:r>
            <a:r>
              <a:rPr sz="727" spc="-21" dirty="0">
                <a:solidFill>
                  <a:srgbClr val="FF3300"/>
                </a:solidFill>
                <a:latin typeface="ＭＳ Ｐゴシック"/>
                <a:cs typeface="ＭＳ Ｐゴシック"/>
              </a:rPr>
              <a:t>万人</a:t>
            </a:r>
            <a:endParaRPr sz="727">
              <a:latin typeface="ＭＳ Ｐゴシック"/>
              <a:cs typeface="ＭＳ Ｐゴシック"/>
            </a:endParaRPr>
          </a:p>
          <a:p>
            <a:pPr algn="ctr">
              <a:spcBef>
                <a:spcPts val="13"/>
              </a:spcBef>
            </a:pPr>
            <a:r>
              <a:rPr sz="727" dirty="0">
                <a:solidFill>
                  <a:srgbClr val="FF3300"/>
                </a:solidFill>
                <a:latin typeface="ＭＳ Ｐゴシック"/>
                <a:cs typeface="ＭＳ Ｐゴシック"/>
              </a:rPr>
              <a:t>（</a:t>
            </a:r>
            <a:r>
              <a:rPr sz="727" dirty="0">
                <a:solidFill>
                  <a:srgbClr val="FF3300"/>
                </a:solidFill>
                <a:latin typeface="Arial"/>
                <a:cs typeface="Arial"/>
              </a:rPr>
              <a:t>28</a:t>
            </a:r>
            <a:r>
              <a:rPr sz="727" dirty="0">
                <a:solidFill>
                  <a:srgbClr val="FF3300"/>
                </a:solidFill>
                <a:latin typeface="ＭＳ Ｐゴシック"/>
                <a:cs typeface="ＭＳ Ｐゴシック"/>
              </a:rPr>
              <a:t>年平均</a:t>
            </a:r>
            <a:r>
              <a:rPr sz="727" spc="-43" dirty="0">
                <a:solidFill>
                  <a:srgbClr val="FF3300"/>
                </a:solidFill>
                <a:latin typeface="ＭＳ Ｐゴシック"/>
                <a:cs typeface="ＭＳ Ｐゴシック"/>
              </a:rPr>
              <a:t>）</a:t>
            </a:r>
            <a:endParaRPr sz="727">
              <a:latin typeface="ＭＳ Ｐゴシック"/>
              <a:cs typeface="ＭＳ Ｐゴシック"/>
            </a:endParaRPr>
          </a:p>
        </p:txBody>
      </p:sp>
      <p:grpSp>
        <p:nvGrpSpPr>
          <p:cNvPr id="425" name="object 425"/>
          <p:cNvGrpSpPr/>
          <p:nvPr/>
        </p:nvGrpSpPr>
        <p:grpSpPr>
          <a:xfrm>
            <a:off x="8032818" y="3801384"/>
            <a:ext cx="1087072" cy="384439"/>
            <a:chOff x="9393935" y="4216908"/>
            <a:chExt cx="1271270" cy="449580"/>
          </a:xfrm>
        </p:grpSpPr>
        <p:sp>
          <p:nvSpPr>
            <p:cNvPr id="426" name="object 426"/>
            <p:cNvSpPr/>
            <p:nvPr/>
          </p:nvSpPr>
          <p:spPr>
            <a:xfrm>
              <a:off x="9393935" y="4216908"/>
              <a:ext cx="622300" cy="200025"/>
            </a:xfrm>
            <a:custGeom>
              <a:avLst/>
              <a:gdLst/>
              <a:ahLst/>
              <a:cxnLst/>
              <a:rect l="l" t="t" r="r" b="b"/>
              <a:pathLst>
                <a:path w="622300" h="200025">
                  <a:moveTo>
                    <a:pt x="80043" y="34226"/>
                  </a:moveTo>
                  <a:lnTo>
                    <a:pt x="76977" y="44853"/>
                  </a:lnTo>
                  <a:lnTo>
                    <a:pt x="618744" y="199644"/>
                  </a:lnTo>
                  <a:lnTo>
                    <a:pt x="621792" y="190500"/>
                  </a:lnTo>
                  <a:lnTo>
                    <a:pt x="80043" y="34226"/>
                  </a:lnTo>
                  <a:close/>
                </a:path>
                <a:path w="622300" h="200025">
                  <a:moveTo>
                    <a:pt x="89916" y="0"/>
                  </a:moveTo>
                  <a:lnTo>
                    <a:pt x="0" y="16763"/>
                  </a:lnTo>
                  <a:lnTo>
                    <a:pt x="67056" y="79248"/>
                  </a:lnTo>
                  <a:lnTo>
                    <a:pt x="76977" y="44853"/>
                  </a:lnTo>
                  <a:lnTo>
                    <a:pt x="64008" y="41148"/>
                  </a:lnTo>
                  <a:lnTo>
                    <a:pt x="67056" y="30479"/>
                  </a:lnTo>
                  <a:lnTo>
                    <a:pt x="81123" y="30479"/>
                  </a:lnTo>
                  <a:lnTo>
                    <a:pt x="89916" y="0"/>
                  </a:lnTo>
                  <a:close/>
                </a:path>
                <a:path w="622300" h="200025">
                  <a:moveTo>
                    <a:pt x="67056" y="30479"/>
                  </a:moveTo>
                  <a:lnTo>
                    <a:pt x="64008" y="41148"/>
                  </a:lnTo>
                  <a:lnTo>
                    <a:pt x="76977" y="44853"/>
                  </a:lnTo>
                  <a:lnTo>
                    <a:pt x="80043" y="34226"/>
                  </a:lnTo>
                  <a:lnTo>
                    <a:pt x="67056" y="30479"/>
                  </a:lnTo>
                  <a:close/>
                </a:path>
                <a:path w="622300" h="200025">
                  <a:moveTo>
                    <a:pt x="81123" y="30479"/>
                  </a:moveTo>
                  <a:lnTo>
                    <a:pt x="67056" y="30479"/>
                  </a:lnTo>
                  <a:lnTo>
                    <a:pt x="80043" y="34226"/>
                  </a:lnTo>
                  <a:lnTo>
                    <a:pt x="81123" y="30479"/>
                  </a:lnTo>
                  <a:close/>
                </a:path>
              </a:pathLst>
            </a:custGeom>
            <a:solidFill>
              <a:srgbClr val="000000"/>
            </a:solidFill>
          </p:spPr>
          <p:txBody>
            <a:bodyPr wrap="square" lIns="0" tIns="0" rIns="0" bIns="0" rtlCol="0"/>
            <a:lstStyle/>
            <a:p>
              <a:endParaRPr sz="1539"/>
            </a:p>
          </p:txBody>
        </p:sp>
        <p:sp>
          <p:nvSpPr>
            <p:cNvPr id="427" name="object 427"/>
            <p:cNvSpPr/>
            <p:nvPr/>
          </p:nvSpPr>
          <p:spPr>
            <a:xfrm>
              <a:off x="9881615" y="4351020"/>
              <a:ext cx="777240" cy="311150"/>
            </a:xfrm>
            <a:custGeom>
              <a:avLst/>
              <a:gdLst/>
              <a:ahLst/>
              <a:cxnLst/>
              <a:rect l="l" t="t" r="r" b="b"/>
              <a:pathLst>
                <a:path w="777240" h="311150">
                  <a:moveTo>
                    <a:pt x="725424" y="0"/>
                  </a:moveTo>
                  <a:lnTo>
                    <a:pt x="51815" y="0"/>
                  </a:lnTo>
                  <a:lnTo>
                    <a:pt x="32146" y="4024"/>
                  </a:lnTo>
                  <a:lnTo>
                    <a:pt x="15621" y="15049"/>
                  </a:lnTo>
                  <a:lnTo>
                    <a:pt x="4238" y="31503"/>
                  </a:lnTo>
                  <a:lnTo>
                    <a:pt x="0" y="51815"/>
                  </a:lnTo>
                  <a:lnTo>
                    <a:pt x="0" y="259079"/>
                  </a:lnTo>
                  <a:lnTo>
                    <a:pt x="4238" y="279392"/>
                  </a:lnTo>
                  <a:lnTo>
                    <a:pt x="15621" y="295846"/>
                  </a:lnTo>
                  <a:lnTo>
                    <a:pt x="32146" y="306871"/>
                  </a:lnTo>
                  <a:lnTo>
                    <a:pt x="51815" y="310895"/>
                  </a:lnTo>
                  <a:lnTo>
                    <a:pt x="725424" y="310895"/>
                  </a:lnTo>
                  <a:lnTo>
                    <a:pt x="745736" y="306871"/>
                  </a:lnTo>
                  <a:lnTo>
                    <a:pt x="762190" y="295846"/>
                  </a:lnTo>
                  <a:lnTo>
                    <a:pt x="773215" y="279392"/>
                  </a:lnTo>
                  <a:lnTo>
                    <a:pt x="777239" y="259079"/>
                  </a:lnTo>
                  <a:lnTo>
                    <a:pt x="777239" y="51815"/>
                  </a:lnTo>
                  <a:lnTo>
                    <a:pt x="773215" y="31503"/>
                  </a:lnTo>
                  <a:lnTo>
                    <a:pt x="762190" y="15049"/>
                  </a:lnTo>
                  <a:lnTo>
                    <a:pt x="745736" y="4024"/>
                  </a:lnTo>
                  <a:lnTo>
                    <a:pt x="725424" y="0"/>
                  </a:lnTo>
                  <a:close/>
                </a:path>
              </a:pathLst>
            </a:custGeom>
            <a:solidFill>
              <a:srgbClr val="FFCC99"/>
            </a:solidFill>
          </p:spPr>
          <p:txBody>
            <a:bodyPr wrap="square" lIns="0" tIns="0" rIns="0" bIns="0" rtlCol="0"/>
            <a:lstStyle/>
            <a:p>
              <a:endParaRPr sz="1539"/>
            </a:p>
          </p:txBody>
        </p:sp>
        <p:sp>
          <p:nvSpPr>
            <p:cNvPr id="428" name="object 428"/>
            <p:cNvSpPr/>
            <p:nvPr/>
          </p:nvSpPr>
          <p:spPr>
            <a:xfrm>
              <a:off x="9877043" y="4346448"/>
              <a:ext cx="788035" cy="320040"/>
            </a:xfrm>
            <a:custGeom>
              <a:avLst/>
              <a:gdLst/>
              <a:ahLst/>
              <a:cxnLst/>
              <a:rect l="l" t="t" r="r" b="b"/>
              <a:pathLst>
                <a:path w="788034" h="320039">
                  <a:moveTo>
                    <a:pt x="762000" y="310895"/>
                  </a:moveTo>
                  <a:lnTo>
                    <a:pt x="25907" y="310895"/>
                  </a:lnTo>
                  <a:lnTo>
                    <a:pt x="35051" y="315468"/>
                  </a:lnTo>
                  <a:lnTo>
                    <a:pt x="35051" y="316992"/>
                  </a:lnTo>
                  <a:lnTo>
                    <a:pt x="45720" y="320039"/>
                  </a:lnTo>
                  <a:lnTo>
                    <a:pt x="742187" y="320039"/>
                  </a:lnTo>
                  <a:lnTo>
                    <a:pt x="752855" y="316992"/>
                  </a:lnTo>
                  <a:lnTo>
                    <a:pt x="752855" y="315468"/>
                  </a:lnTo>
                  <a:lnTo>
                    <a:pt x="762000" y="310895"/>
                  </a:lnTo>
                  <a:close/>
                </a:path>
                <a:path w="788034" h="320039">
                  <a:moveTo>
                    <a:pt x="57911" y="9143"/>
                  </a:moveTo>
                  <a:lnTo>
                    <a:pt x="24383" y="9143"/>
                  </a:lnTo>
                  <a:lnTo>
                    <a:pt x="16763" y="15239"/>
                  </a:lnTo>
                  <a:lnTo>
                    <a:pt x="16763" y="16763"/>
                  </a:lnTo>
                  <a:lnTo>
                    <a:pt x="10667" y="24383"/>
                  </a:lnTo>
                  <a:lnTo>
                    <a:pt x="9144" y="24383"/>
                  </a:lnTo>
                  <a:lnTo>
                    <a:pt x="4572" y="33528"/>
                  </a:lnTo>
                  <a:lnTo>
                    <a:pt x="4572" y="35051"/>
                  </a:lnTo>
                  <a:lnTo>
                    <a:pt x="1524" y="44195"/>
                  </a:lnTo>
                  <a:lnTo>
                    <a:pt x="1524" y="45719"/>
                  </a:lnTo>
                  <a:lnTo>
                    <a:pt x="0" y="56387"/>
                  </a:lnTo>
                  <a:lnTo>
                    <a:pt x="0" y="263651"/>
                  </a:lnTo>
                  <a:lnTo>
                    <a:pt x="1524" y="274319"/>
                  </a:lnTo>
                  <a:lnTo>
                    <a:pt x="1524" y="275844"/>
                  </a:lnTo>
                  <a:lnTo>
                    <a:pt x="4572" y="284988"/>
                  </a:lnTo>
                  <a:lnTo>
                    <a:pt x="4572" y="286512"/>
                  </a:lnTo>
                  <a:lnTo>
                    <a:pt x="9144" y="295656"/>
                  </a:lnTo>
                  <a:lnTo>
                    <a:pt x="10667" y="295656"/>
                  </a:lnTo>
                  <a:lnTo>
                    <a:pt x="16763" y="303275"/>
                  </a:lnTo>
                  <a:lnTo>
                    <a:pt x="16763" y="304800"/>
                  </a:lnTo>
                  <a:lnTo>
                    <a:pt x="24383" y="310895"/>
                  </a:lnTo>
                  <a:lnTo>
                    <a:pt x="56387" y="310895"/>
                  </a:lnTo>
                  <a:lnTo>
                    <a:pt x="47244" y="309372"/>
                  </a:lnTo>
                  <a:lnTo>
                    <a:pt x="48767" y="309372"/>
                  </a:lnTo>
                  <a:lnTo>
                    <a:pt x="38100" y="306324"/>
                  </a:lnTo>
                  <a:lnTo>
                    <a:pt x="39624" y="306324"/>
                  </a:lnTo>
                  <a:lnTo>
                    <a:pt x="33527" y="303275"/>
                  </a:lnTo>
                  <a:lnTo>
                    <a:pt x="32003" y="303275"/>
                  </a:lnTo>
                  <a:lnTo>
                    <a:pt x="25907" y="297180"/>
                  </a:lnTo>
                  <a:lnTo>
                    <a:pt x="24383" y="297180"/>
                  </a:lnTo>
                  <a:lnTo>
                    <a:pt x="18287" y="289560"/>
                  </a:lnTo>
                  <a:lnTo>
                    <a:pt x="13715" y="281939"/>
                  </a:lnTo>
                  <a:lnTo>
                    <a:pt x="11175" y="274319"/>
                  </a:lnTo>
                  <a:lnTo>
                    <a:pt x="10667" y="274319"/>
                  </a:lnTo>
                  <a:lnTo>
                    <a:pt x="10667" y="45719"/>
                  </a:lnTo>
                  <a:lnTo>
                    <a:pt x="11175" y="45719"/>
                  </a:lnTo>
                  <a:lnTo>
                    <a:pt x="13715" y="38100"/>
                  </a:lnTo>
                  <a:lnTo>
                    <a:pt x="18287" y="30480"/>
                  </a:lnTo>
                  <a:lnTo>
                    <a:pt x="24383" y="22860"/>
                  </a:lnTo>
                  <a:lnTo>
                    <a:pt x="25907" y="22860"/>
                  </a:lnTo>
                  <a:lnTo>
                    <a:pt x="32003" y="16763"/>
                  </a:lnTo>
                  <a:lnTo>
                    <a:pt x="33527" y="16763"/>
                  </a:lnTo>
                  <a:lnTo>
                    <a:pt x="39624" y="13716"/>
                  </a:lnTo>
                  <a:lnTo>
                    <a:pt x="38100" y="13716"/>
                  </a:lnTo>
                  <a:lnTo>
                    <a:pt x="48767" y="10668"/>
                  </a:lnTo>
                  <a:lnTo>
                    <a:pt x="47244" y="10668"/>
                  </a:lnTo>
                  <a:lnTo>
                    <a:pt x="57911" y="9143"/>
                  </a:lnTo>
                  <a:close/>
                </a:path>
                <a:path w="788034" h="320039">
                  <a:moveTo>
                    <a:pt x="757427" y="301751"/>
                  </a:moveTo>
                  <a:lnTo>
                    <a:pt x="748283" y="306324"/>
                  </a:lnTo>
                  <a:lnTo>
                    <a:pt x="749807" y="306324"/>
                  </a:lnTo>
                  <a:lnTo>
                    <a:pt x="739139" y="309372"/>
                  </a:lnTo>
                  <a:lnTo>
                    <a:pt x="740663" y="309372"/>
                  </a:lnTo>
                  <a:lnTo>
                    <a:pt x="729996" y="310895"/>
                  </a:lnTo>
                  <a:lnTo>
                    <a:pt x="763524" y="310895"/>
                  </a:lnTo>
                  <a:lnTo>
                    <a:pt x="771144" y="304800"/>
                  </a:lnTo>
                  <a:lnTo>
                    <a:pt x="771144" y="303275"/>
                  </a:lnTo>
                  <a:lnTo>
                    <a:pt x="755903" y="303275"/>
                  </a:lnTo>
                  <a:lnTo>
                    <a:pt x="757427" y="301751"/>
                  </a:lnTo>
                  <a:close/>
                </a:path>
                <a:path w="788034" h="320039">
                  <a:moveTo>
                    <a:pt x="30479" y="301751"/>
                  </a:moveTo>
                  <a:lnTo>
                    <a:pt x="32003" y="303275"/>
                  </a:lnTo>
                  <a:lnTo>
                    <a:pt x="33527" y="303275"/>
                  </a:lnTo>
                  <a:lnTo>
                    <a:pt x="30479" y="301751"/>
                  </a:lnTo>
                  <a:close/>
                </a:path>
                <a:path w="788034" h="320039">
                  <a:moveTo>
                    <a:pt x="763524" y="295656"/>
                  </a:moveTo>
                  <a:lnTo>
                    <a:pt x="755903" y="303275"/>
                  </a:lnTo>
                  <a:lnTo>
                    <a:pt x="771144" y="303275"/>
                  </a:lnTo>
                  <a:lnTo>
                    <a:pt x="776020" y="297180"/>
                  </a:lnTo>
                  <a:lnTo>
                    <a:pt x="763524" y="297180"/>
                  </a:lnTo>
                  <a:lnTo>
                    <a:pt x="763524" y="295656"/>
                  </a:lnTo>
                  <a:close/>
                </a:path>
                <a:path w="788034" h="320039">
                  <a:moveTo>
                    <a:pt x="24383" y="295656"/>
                  </a:moveTo>
                  <a:lnTo>
                    <a:pt x="24383" y="297180"/>
                  </a:lnTo>
                  <a:lnTo>
                    <a:pt x="25907" y="297180"/>
                  </a:lnTo>
                  <a:lnTo>
                    <a:pt x="24383" y="295656"/>
                  </a:lnTo>
                  <a:close/>
                </a:path>
                <a:path w="788034" h="320039">
                  <a:moveTo>
                    <a:pt x="775715" y="272795"/>
                  </a:moveTo>
                  <a:lnTo>
                    <a:pt x="772667" y="281939"/>
                  </a:lnTo>
                  <a:lnTo>
                    <a:pt x="774191" y="281939"/>
                  </a:lnTo>
                  <a:lnTo>
                    <a:pt x="769620" y="289560"/>
                  </a:lnTo>
                  <a:lnTo>
                    <a:pt x="763524" y="297180"/>
                  </a:lnTo>
                  <a:lnTo>
                    <a:pt x="776020" y="297180"/>
                  </a:lnTo>
                  <a:lnTo>
                    <a:pt x="777239" y="295656"/>
                  </a:lnTo>
                  <a:lnTo>
                    <a:pt x="778763" y="295656"/>
                  </a:lnTo>
                  <a:lnTo>
                    <a:pt x="783335" y="286512"/>
                  </a:lnTo>
                  <a:lnTo>
                    <a:pt x="783335" y="284988"/>
                  </a:lnTo>
                  <a:lnTo>
                    <a:pt x="786383" y="275844"/>
                  </a:lnTo>
                  <a:lnTo>
                    <a:pt x="786383" y="274319"/>
                  </a:lnTo>
                  <a:lnTo>
                    <a:pt x="775715" y="274319"/>
                  </a:lnTo>
                  <a:lnTo>
                    <a:pt x="775715" y="272795"/>
                  </a:lnTo>
                  <a:close/>
                </a:path>
                <a:path w="788034" h="320039">
                  <a:moveTo>
                    <a:pt x="10667" y="272795"/>
                  </a:moveTo>
                  <a:lnTo>
                    <a:pt x="10667" y="274319"/>
                  </a:lnTo>
                  <a:lnTo>
                    <a:pt x="11175" y="274319"/>
                  </a:lnTo>
                  <a:lnTo>
                    <a:pt x="10667" y="272795"/>
                  </a:lnTo>
                  <a:close/>
                </a:path>
                <a:path w="788034" h="320039">
                  <a:moveTo>
                    <a:pt x="786383" y="45719"/>
                  </a:moveTo>
                  <a:lnTo>
                    <a:pt x="775715" y="45719"/>
                  </a:lnTo>
                  <a:lnTo>
                    <a:pt x="777239" y="56387"/>
                  </a:lnTo>
                  <a:lnTo>
                    <a:pt x="777239" y="263651"/>
                  </a:lnTo>
                  <a:lnTo>
                    <a:pt x="775715" y="274319"/>
                  </a:lnTo>
                  <a:lnTo>
                    <a:pt x="786383" y="274319"/>
                  </a:lnTo>
                  <a:lnTo>
                    <a:pt x="787907" y="263651"/>
                  </a:lnTo>
                  <a:lnTo>
                    <a:pt x="787907" y="56387"/>
                  </a:lnTo>
                  <a:lnTo>
                    <a:pt x="786383" y="45719"/>
                  </a:lnTo>
                  <a:close/>
                </a:path>
                <a:path w="788034" h="320039">
                  <a:moveTo>
                    <a:pt x="11175" y="45719"/>
                  </a:moveTo>
                  <a:lnTo>
                    <a:pt x="10667" y="45719"/>
                  </a:lnTo>
                  <a:lnTo>
                    <a:pt x="10667" y="47243"/>
                  </a:lnTo>
                  <a:lnTo>
                    <a:pt x="11175" y="45719"/>
                  </a:lnTo>
                  <a:close/>
                </a:path>
                <a:path w="788034" h="320039">
                  <a:moveTo>
                    <a:pt x="776020" y="22860"/>
                  </a:moveTo>
                  <a:lnTo>
                    <a:pt x="763524" y="22860"/>
                  </a:lnTo>
                  <a:lnTo>
                    <a:pt x="769620" y="30480"/>
                  </a:lnTo>
                  <a:lnTo>
                    <a:pt x="774191" y="38100"/>
                  </a:lnTo>
                  <a:lnTo>
                    <a:pt x="772667" y="38100"/>
                  </a:lnTo>
                  <a:lnTo>
                    <a:pt x="775715" y="47243"/>
                  </a:lnTo>
                  <a:lnTo>
                    <a:pt x="775715" y="45719"/>
                  </a:lnTo>
                  <a:lnTo>
                    <a:pt x="786383" y="45719"/>
                  </a:lnTo>
                  <a:lnTo>
                    <a:pt x="786383" y="44195"/>
                  </a:lnTo>
                  <a:lnTo>
                    <a:pt x="783335" y="35051"/>
                  </a:lnTo>
                  <a:lnTo>
                    <a:pt x="783335" y="33528"/>
                  </a:lnTo>
                  <a:lnTo>
                    <a:pt x="778763" y="24383"/>
                  </a:lnTo>
                  <a:lnTo>
                    <a:pt x="777239" y="24383"/>
                  </a:lnTo>
                  <a:lnTo>
                    <a:pt x="776020" y="22860"/>
                  </a:lnTo>
                  <a:close/>
                </a:path>
                <a:path w="788034" h="320039">
                  <a:moveTo>
                    <a:pt x="25907" y="22860"/>
                  </a:moveTo>
                  <a:lnTo>
                    <a:pt x="24383" y="22860"/>
                  </a:lnTo>
                  <a:lnTo>
                    <a:pt x="24383" y="24383"/>
                  </a:lnTo>
                  <a:lnTo>
                    <a:pt x="25907" y="22860"/>
                  </a:lnTo>
                  <a:close/>
                </a:path>
                <a:path w="788034" h="320039">
                  <a:moveTo>
                    <a:pt x="771144" y="16763"/>
                  </a:moveTo>
                  <a:lnTo>
                    <a:pt x="755903" y="16763"/>
                  </a:lnTo>
                  <a:lnTo>
                    <a:pt x="763524" y="24383"/>
                  </a:lnTo>
                  <a:lnTo>
                    <a:pt x="763524" y="22860"/>
                  </a:lnTo>
                  <a:lnTo>
                    <a:pt x="776020" y="22860"/>
                  </a:lnTo>
                  <a:lnTo>
                    <a:pt x="771144" y="16763"/>
                  </a:lnTo>
                  <a:close/>
                </a:path>
                <a:path w="788034" h="320039">
                  <a:moveTo>
                    <a:pt x="33527" y="16763"/>
                  </a:moveTo>
                  <a:lnTo>
                    <a:pt x="32003" y="16763"/>
                  </a:lnTo>
                  <a:lnTo>
                    <a:pt x="30479" y="18287"/>
                  </a:lnTo>
                  <a:lnTo>
                    <a:pt x="33527" y="16763"/>
                  </a:lnTo>
                  <a:close/>
                </a:path>
                <a:path w="788034" h="320039">
                  <a:moveTo>
                    <a:pt x="763524" y="9143"/>
                  </a:moveTo>
                  <a:lnTo>
                    <a:pt x="729996" y="9143"/>
                  </a:lnTo>
                  <a:lnTo>
                    <a:pt x="740663" y="10668"/>
                  </a:lnTo>
                  <a:lnTo>
                    <a:pt x="739139" y="10668"/>
                  </a:lnTo>
                  <a:lnTo>
                    <a:pt x="749807" y="13716"/>
                  </a:lnTo>
                  <a:lnTo>
                    <a:pt x="748283" y="13716"/>
                  </a:lnTo>
                  <a:lnTo>
                    <a:pt x="757427" y="18287"/>
                  </a:lnTo>
                  <a:lnTo>
                    <a:pt x="755903" y="16763"/>
                  </a:lnTo>
                  <a:lnTo>
                    <a:pt x="771144" y="16763"/>
                  </a:lnTo>
                  <a:lnTo>
                    <a:pt x="771144" y="15239"/>
                  </a:lnTo>
                  <a:lnTo>
                    <a:pt x="763524" y="9143"/>
                  </a:lnTo>
                  <a:close/>
                </a:path>
                <a:path w="788034" h="320039">
                  <a:moveTo>
                    <a:pt x="742187" y="0"/>
                  </a:moveTo>
                  <a:lnTo>
                    <a:pt x="45720" y="0"/>
                  </a:lnTo>
                  <a:lnTo>
                    <a:pt x="35051" y="3048"/>
                  </a:lnTo>
                  <a:lnTo>
                    <a:pt x="35051" y="4572"/>
                  </a:lnTo>
                  <a:lnTo>
                    <a:pt x="25907" y="9143"/>
                  </a:lnTo>
                  <a:lnTo>
                    <a:pt x="762000" y="9143"/>
                  </a:lnTo>
                  <a:lnTo>
                    <a:pt x="752855" y="4572"/>
                  </a:lnTo>
                  <a:lnTo>
                    <a:pt x="752855" y="3048"/>
                  </a:lnTo>
                  <a:lnTo>
                    <a:pt x="742187" y="0"/>
                  </a:lnTo>
                  <a:close/>
                </a:path>
              </a:pathLst>
            </a:custGeom>
            <a:solidFill>
              <a:srgbClr val="FF6600"/>
            </a:solidFill>
          </p:spPr>
          <p:txBody>
            <a:bodyPr wrap="square" lIns="0" tIns="0" rIns="0" bIns="0" rtlCol="0"/>
            <a:lstStyle/>
            <a:p>
              <a:endParaRPr sz="1539"/>
            </a:p>
          </p:txBody>
        </p:sp>
      </p:grpSp>
      <p:sp>
        <p:nvSpPr>
          <p:cNvPr id="429" name="object 429"/>
          <p:cNvSpPr txBox="1"/>
          <p:nvPr/>
        </p:nvSpPr>
        <p:spPr>
          <a:xfrm>
            <a:off x="8532807" y="3923448"/>
            <a:ext cx="501725" cy="235842"/>
          </a:xfrm>
          <a:prstGeom prst="rect">
            <a:avLst/>
          </a:prstGeom>
        </p:spPr>
        <p:txBody>
          <a:bodyPr vert="horz" wrap="square" lIns="0" tIns="11946" rIns="0" bIns="0" rtlCol="0">
            <a:spAutoFit/>
          </a:bodyPr>
          <a:lstStyle/>
          <a:p>
            <a:pPr marL="31493">
              <a:spcBef>
                <a:spcPts val="94"/>
              </a:spcBef>
            </a:pPr>
            <a:r>
              <a:rPr sz="727" spc="-9" dirty="0">
                <a:solidFill>
                  <a:srgbClr val="FF3300"/>
                </a:solidFill>
                <a:latin typeface="Arial"/>
                <a:cs typeface="Arial"/>
              </a:rPr>
              <a:t>465</a:t>
            </a:r>
            <a:r>
              <a:rPr sz="727" spc="-17" dirty="0">
                <a:solidFill>
                  <a:srgbClr val="FF3300"/>
                </a:solidFill>
                <a:latin typeface="ＭＳ Ｐゴシック"/>
                <a:cs typeface="ＭＳ Ｐゴシック"/>
              </a:rPr>
              <a:t>千業者</a:t>
            </a:r>
            <a:endParaRPr sz="727">
              <a:latin typeface="ＭＳ Ｐゴシック"/>
              <a:cs typeface="ＭＳ Ｐゴシック"/>
            </a:endParaRPr>
          </a:p>
          <a:p>
            <a:pPr marL="10860">
              <a:spcBef>
                <a:spcPts val="13"/>
              </a:spcBef>
            </a:pPr>
            <a:r>
              <a:rPr sz="727" dirty="0">
                <a:solidFill>
                  <a:srgbClr val="FF3300"/>
                </a:solidFill>
                <a:latin typeface="ＭＳ Ｐゴシック"/>
                <a:cs typeface="ＭＳ Ｐゴシック"/>
              </a:rPr>
              <a:t>（</a:t>
            </a:r>
            <a:r>
              <a:rPr sz="727" dirty="0">
                <a:solidFill>
                  <a:srgbClr val="FF3300"/>
                </a:solidFill>
                <a:latin typeface="Arial"/>
                <a:cs typeface="Arial"/>
              </a:rPr>
              <a:t>28</a:t>
            </a:r>
            <a:r>
              <a:rPr sz="727" dirty="0">
                <a:solidFill>
                  <a:srgbClr val="FF3300"/>
                </a:solidFill>
                <a:latin typeface="ＭＳ Ｐゴシック"/>
                <a:cs typeface="ＭＳ Ｐゴシック"/>
              </a:rPr>
              <a:t>年度末</a:t>
            </a:r>
            <a:r>
              <a:rPr sz="727" spc="-43" dirty="0">
                <a:solidFill>
                  <a:srgbClr val="FF3300"/>
                </a:solidFill>
                <a:latin typeface="ＭＳ Ｐゴシック"/>
                <a:cs typeface="ＭＳ Ｐゴシック"/>
              </a:rPr>
              <a:t>）</a:t>
            </a:r>
            <a:endParaRPr sz="727">
              <a:latin typeface="ＭＳ Ｐゴシック"/>
              <a:cs typeface="ＭＳ Ｐゴシック"/>
            </a:endParaRPr>
          </a:p>
        </p:txBody>
      </p:sp>
      <p:grpSp>
        <p:nvGrpSpPr>
          <p:cNvPr id="430" name="object 430"/>
          <p:cNvGrpSpPr/>
          <p:nvPr/>
        </p:nvGrpSpPr>
        <p:grpSpPr>
          <a:xfrm>
            <a:off x="8445928" y="3479497"/>
            <a:ext cx="673854" cy="408331"/>
            <a:chOff x="9877043" y="3840479"/>
            <a:chExt cx="788035" cy="477520"/>
          </a:xfrm>
        </p:grpSpPr>
        <p:sp>
          <p:nvSpPr>
            <p:cNvPr id="431" name="object 431"/>
            <p:cNvSpPr/>
            <p:nvPr/>
          </p:nvSpPr>
          <p:spPr>
            <a:xfrm>
              <a:off x="9881615" y="3846575"/>
              <a:ext cx="777240" cy="466725"/>
            </a:xfrm>
            <a:custGeom>
              <a:avLst/>
              <a:gdLst/>
              <a:ahLst/>
              <a:cxnLst/>
              <a:rect l="l" t="t" r="r" b="b"/>
              <a:pathLst>
                <a:path w="777240" h="466725">
                  <a:moveTo>
                    <a:pt x="699515" y="0"/>
                  </a:moveTo>
                  <a:lnTo>
                    <a:pt x="77724" y="0"/>
                  </a:lnTo>
                  <a:lnTo>
                    <a:pt x="47577" y="5929"/>
                  </a:lnTo>
                  <a:lnTo>
                    <a:pt x="22859" y="22288"/>
                  </a:lnTo>
                  <a:lnTo>
                    <a:pt x="6143" y="46934"/>
                  </a:lnTo>
                  <a:lnTo>
                    <a:pt x="0" y="77724"/>
                  </a:lnTo>
                  <a:lnTo>
                    <a:pt x="0" y="388620"/>
                  </a:lnTo>
                  <a:lnTo>
                    <a:pt x="6143" y="418766"/>
                  </a:lnTo>
                  <a:lnTo>
                    <a:pt x="22860" y="443484"/>
                  </a:lnTo>
                  <a:lnTo>
                    <a:pt x="47577" y="460200"/>
                  </a:lnTo>
                  <a:lnTo>
                    <a:pt x="77724" y="466344"/>
                  </a:lnTo>
                  <a:lnTo>
                    <a:pt x="699515" y="466344"/>
                  </a:lnTo>
                  <a:lnTo>
                    <a:pt x="730305" y="460200"/>
                  </a:lnTo>
                  <a:lnTo>
                    <a:pt x="754951" y="443484"/>
                  </a:lnTo>
                  <a:lnTo>
                    <a:pt x="771310" y="418766"/>
                  </a:lnTo>
                  <a:lnTo>
                    <a:pt x="777239" y="388620"/>
                  </a:lnTo>
                  <a:lnTo>
                    <a:pt x="777239" y="77724"/>
                  </a:lnTo>
                  <a:lnTo>
                    <a:pt x="771310" y="46934"/>
                  </a:lnTo>
                  <a:lnTo>
                    <a:pt x="754951" y="22288"/>
                  </a:lnTo>
                  <a:lnTo>
                    <a:pt x="730305" y="5929"/>
                  </a:lnTo>
                  <a:lnTo>
                    <a:pt x="699515" y="0"/>
                  </a:lnTo>
                  <a:close/>
                </a:path>
              </a:pathLst>
            </a:custGeom>
            <a:solidFill>
              <a:srgbClr val="CCFFCC"/>
            </a:solidFill>
          </p:spPr>
          <p:txBody>
            <a:bodyPr wrap="square" lIns="0" tIns="0" rIns="0" bIns="0" rtlCol="0"/>
            <a:lstStyle/>
            <a:p>
              <a:endParaRPr sz="1539"/>
            </a:p>
          </p:txBody>
        </p:sp>
        <p:sp>
          <p:nvSpPr>
            <p:cNvPr id="432" name="object 432"/>
            <p:cNvSpPr/>
            <p:nvPr/>
          </p:nvSpPr>
          <p:spPr>
            <a:xfrm>
              <a:off x="9877043" y="3840479"/>
              <a:ext cx="788035" cy="477520"/>
            </a:xfrm>
            <a:custGeom>
              <a:avLst/>
              <a:gdLst/>
              <a:ahLst/>
              <a:cxnLst/>
              <a:rect l="l" t="t" r="r" b="b"/>
              <a:pathLst>
                <a:path w="788034" h="477520">
                  <a:moveTo>
                    <a:pt x="713231" y="0"/>
                  </a:moveTo>
                  <a:lnTo>
                    <a:pt x="74675" y="0"/>
                  </a:lnTo>
                  <a:lnTo>
                    <a:pt x="65531" y="1524"/>
                  </a:lnTo>
                  <a:lnTo>
                    <a:pt x="24383" y="24383"/>
                  </a:lnTo>
                  <a:lnTo>
                    <a:pt x="10667" y="44195"/>
                  </a:lnTo>
                  <a:lnTo>
                    <a:pt x="6096" y="51815"/>
                  </a:lnTo>
                  <a:lnTo>
                    <a:pt x="3048" y="59435"/>
                  </a:lnTo>
                  <a:lnTo>
                    <a:pt x="0" y="74675"/>
                  </a:lnTo>
                  <a:lnTo>
                    <a:pt x="0" y="402335"/>
                  </a:lnTo>
                  <a:lnTo>
                    <a:pt x="1524" y="411479"/>
                  </a:lnTo>
                  <a:lnTo>
                    <a:pt x="4572" y="419100"/>
                  </a:lnTo>
                  <a:lnTo>
                    <a:pt x="6096" y="426719"/>
                  </a:lnTo>
                  <a:lnTo>
                    <a:pt x="10667" y="434339"/>
                  </a:lnTo>
                  <a:lnTo>
                    <a:pt x="13715" y="440435"/>
                  </a:lnTo>
                  <a:lnTo>
                    <a:pt x="19811" y="446531"/>
                  </a:lnTo>
                  <a:lnTo>
                    <a:pt x="24383" y="452627"/>
                  </a:lnTo>
                  <a:lnTo>
                    <a:pt x="30479" y="458724"/>
                  </a:lnTo>
                  <a:lnTo>
                    <a:pt x="36575" y="463295"/>
                  </a:lnTo>
                  <a:lnTo>
                    <a:pt x="44196" y="466343"/>
                  </a:lnTo>
                  <a:lnTo>
                    <a:pt x="50291" y="470915"/>
                  </a:lnTo>
                  <a:lnTo>
                    <a:pt x="57911" y="473963"/>
                  </a:lnTo>
                  <a:lnTo>
                    <a:pt x="67055" y="475487"/>
                  </a:lnTo>
                  <a:lnTo>
                    <a:pt x="74675" y="477011"/>
                  </a:lnTo>
                  <a:lnTo>
                    <a:pt x="713231" y="477011"/>
                  </a:lnTo>
                  <a:lnTo>
                    <a:pt x="722376" y="475487"/>
                  </a:lnTo>
                  <a:lnTo>
                    <a:pt x="729996" y="472439"/>
                  </a:lnTo>
                  <a:lnTo>
                    <a:pt x="737615" y="470915"/>
                  </a:lnTo>
                  <a:lnTo>
                    <a:pt x="743711" y="466343"/>
                  </a:lnTo>
                  <a:lnTo>
                    <a:pt x="74675" y="466343"/>
                  </a:lnTo>
                  <a:lnTo>
                    <a:pt x="68579" y="464819"/>
                  </a:lnTo>
                  <a:lnTo>
                    <a:pt x="27431" y="440435"/>
                  </a:lnTo>
                  <a:lnTo>
                    <a:pt x="10667" y="400812"/>
                  </a:lnTo>
                  <a:lnTo>
                    <a:pt x="10667" y="76200"/>
                  </a:lnTo>
                  <a:lnTo>
                    <a:pt x="27431" y="36575"/>
                  </a:lnTo>
                  <a:lnTo>
                    <a:pt x="60959" y="13715"/>
                  </a:lnTo>
                  <a:lnTo>
                    <a:pt x="76200" y="10667"/>
                  </a:lnTo>
                  <a:lnTo>
                    <a:pt x="743711" y="10667"/>
                  </a:lnTo>
                  <a:lnTo>
                    <a:pt x="736091" y="6095"/>
                  </a:lnTo>
                  <a:lnTo>
                    <a:pt x="728472" y="4571"/>
                  </a:lnTo>
                  <a:lnTo>
                    <a:pt x="720851" y="1524"/>
                  </a:lnTo>
                  <a:lnTo>
                    <a:pt x="713231" y="0"/>
                  </a:lnTo>
                  <a:close/>
                </a:path>
                <a:path w="788034" h="477520">
                  <a:moveTo>
                    <a:pt x="743711" y="10667"/>
                  </a:moveTo>
                  <a:lnTo>
                    <a:pt x="711707" y="10667"/>
                  </a:lnTo>
                  <a:lnTo>
                    <a:pt x="726948" y="13715"/>
                  </a:lnTo>
                  <a:lnTo>
                    <a:pt x="745235" y="22859"/>
                  </a:lnTo>
                  <a:lnTo>
                    <a:pt x="771144" y="54863"/>
                  </a:lnTo>
                  <a:lnTo>
                    <a:pt x="777239" y="76200"/>
                  </a:lnTo>
                  <a:lnTo>
                    <a:pt x="777239" y="402335"/>
                  </a:lnTo>
                  <a:lnTo>
                    <a:pt x="775715" y="408431"/>
                  </a:lnTo>
                  <a:lnTo>
                    <a:pt x="774191" y="416051"/>
                  </a:lnTo>
                  <a:lnTo>
                    <a:pt x="751331" y="449579"/>
                  </a:lnTo>
                  <a:lnTo>
                    <a:pt x="725424" y="463295"/>
                  </a:lnTo>
                  <a:lnTo>
                    <a:pt x="719327" y="464819"/>
                  </a:lnTo>
                  <a:lnTo>
                    <a:pt x="711707" y="466343"/>
                  </a:lnTo>
                  <a:lnTo>
                    <a:pt x="743711" y="466343"/>
                  </a:lnTo>
                  <a:lnTo>
                    <a:pt x="751331" y="463295"/>
                  </a:lnTo>
                  <a:lnTo>
                    <a:pt x="757427" y="457200"/>
                  </a:lnTo>
                  <a:lnTo>
                    <a:pt x="763524" y="452627"/>
                  </a:lnTo>
                  <a:lnTo>
                    <a:pt x="768096" y="446531"/>
                  </a:lnTo>
                  <a:lnTo>
                    <a:pt x="774191" y="440435"/>
                  </a:lnTo>
                  <a:lnTo>
                    <a:pt x="777239" y="432815"/>
                  </a:lnTo>
                  <a:lnTo>
                    <a:pt x="781811" y="426719"/>
                  </a:lnTo>
                  <a:lnTo>
                    <a:pt x="783335" y="419100"/>
                  </a:lnTo>
                  <a:lnTo>
                    <a:pt x="786383" y="409955"/>
                  </a:lnTo>
                  <a:lnTo>
                    <a:pt x="786383" y="402335"/>
                  </a:lnTo>
                  <a:lnTo>
                    <a:pt x="787907" y="394715"/>
                  </a:lnTo>
                  <a:lnTo>
                    <a:pt x="787907" y="82295"/>
                  </a:lnTo>
                  <a:lnTo>
                    <a:pt x="786383" y="74675"/>
                  </a:lnTo>
                  <a:lnTo>
                    <a:pt x="786383" y="65531"/>
                  </a:lnTo>
                  <a:lnTo>
                    <a:pt x="777239" y="42671"/>
                  </a:lnTo>
                  <a:lnTo>
                    <a:pt x="763524" y="24383"/>
                  </a:lnTo>
                  <a:lnTo>
                    <a:pt x="757427" y="19812"/>
                  </a:lnTo>
                  <a:lnTo>
                    <a:pt x="751331" y="13715"/>
                  </a:lnTo>
                  <a:lnTo>
                    <a:pt x="743711" y="10667"/>
                  </a:lnTo>
                  <a:close/>
                </a:path>
              </a:pathLst>
            </a:custGeom>
            <a:solidFill>
              <a:srgbClr val="003300"/>
            </a:solidFill>
          </p:spPr>
          <p:txBody>
            <a:bodyPr wrap="square" lIns="0" tIns="0" rIns="0" bIns="0" rtlCol="0"/>
            <a:lstStyle/>
            <a:p>
              <a:endParaRPr sz="1539"/>
            </a:p>
          </p:txBody>
        </p:sp>
      </p:grpSp>
      <p:sp>
        <p:nvSpPr>
          <p:cNvPr id="433" name="object 433"/>
          <p:cNvSpPr txBox="1"/>
          <p:nvPr/>
        </p:nvSpPr>
        <p:spPr>
          <a:xfrm>
            <a:off x="8538020" y="3502521"/>
            <a:ext cx="490866" cy="348815"/>
          </a:xfrm>
          <a:prstGeom prst="rect">
            <a:avLst/>
          </a:prstGeom>
        </p:spPr>
        <p:txBody>
          <a:bodyPr vert="horz" wrap="square" lIns="0" tIns="10860" rIns="0" bIns="0" rtlCol="0">
            <a:spAutoFit/>
          </a:bodyPr>
          <a:lstStyle/>
          <a:p>
            <a:pPr marL="10860" marR="4344" algn="ctr">
              <a:lnSpc>
                <a:spcPct val="101200"/>
              </a:lnSpc>
              <a:spcBef>
                <a:spcPts val="86"/>
              </a:spcBef>
            </a:pPr>
            <a:r>
              <a:rPr sz="727" spc="-9" dirty="0">
                <a:solidFill>
                  <a:srgbClr val="003300"/>
                </a:solidFill>
                <a:latin typeface="ＭＳ Ｐゴシック"/>
                <a:cs typeface="ＭＳ Ｐゴシック"/>
              </a:rPr>
              <a:t>許可業者数ピーク時比</a:t>
            </a:r>
            <a:endParaRPr sz="727">
              <a:latin typeface="ＭＳ Ｐゴシック"/>
              <a:cs typeface="ＭＳ Ｐゴシック"/>
            </a:endParaRPr>
          </a:p>
          <a:p>
            <a:pPr algn="ctr">
              <a:spcBef>
                <a:spcPts val="21"/>
              </a:spcBef>
            </a:pPr>
            <a:r>
              <a:rPr sz="727" spc="-9" dirty="0">
                <a:solidFill>
                  <a:srgbClr val="003300"/>
                </a:solidFill>
                <a:latin typeface="ＭＳ Ｐゴシック"/>
                <a:cs typeface="ＭＳ Ｐゴシック"/>
              </a:rPr>
              <a:t>▲</a:t>
            </a:r>
            <a:r>
              <a:rPr sz="727" spc="-9" dirty="0">
                <a:solidFill>
                  <a:srgbClr val="003300"/>
                </a:solidFill>
                <a:latin typeface="Arial"/>
                <a:cs typeface="Arial"/>
              </a:rPr>
              <a:t>22.6%</a:t>
            </a:r>
            <a:endParaRPr sz="727">
              <a:latin typeface="Arial"/>
              <a:cs typeface="Arial"/>
            </a:endParaRPr>
          </a:p>
        </p:txBody>
      </p:sp>
      <p:grpSp>
        <p:nvGrpSpPr>
          <p:cNvPr id="434" name="object 434"/>
          <p:cNvGrpSpPr/>
          <p:nvPr/>
        </p:nvGrpSpPr>
        <p:grpSpPr>
          <a:xfrm>
            <a:off x="8047155" y="4413880"/>
            <a:ext cx="1096303" cy="925260"/>
            <a:chOff x="9410700" y="4933188"/>
            <a:chExt cx="1282065" cy="1082040"/>
          </a:xfrm>
        </p:grpSpPr>
        <p:sp>
          <p:nvSpPr>
            <p:cNvPr id="435" name="object 435"/>
            <p:cNvSpPr/>
            <p:nvPr/>
          </p:nvSpPr>
          <p:spPr>
            <a:xfrm>
              <a:off x="9410700" y="4933188"/>
              <a:ext cx="607060" cy="535305"/>
            </a:xfrm>
            <a:custGeom>
              <a:avLst/>
              <a:gdLst/>
              <a:ahLst/>
              <a:cxnLst/>
              <a:rect l="l" t="t" r="r" b="b"/>
              <a:pathLst>
                <a:path w="607059" h="535304">
                  <a:moveTo>
                    <a:pt x="65247" y="51793"/>
                  </a:moveTo>
                  <a:lnTo>
                    <a:pt x="58725" y="59039"/>
                  </a:lnTo>
                  <a:lnTo>
                    <a:pt x="600455" y="534924"/>
                  </a:lnTo>
                  <a:lnTo>
                    <a:pt x="606551" y="527304"/>
                  </a:lnTo>
                  <a:lnTo>
                    <a:pt x="65247" y="51793"/>
                  </a:lnTo>
                  <a:close/>
                </a:path>
                <a:path w="607059" h="535304">
                  <a:moveTo>
                    <a:pt x="0" y="0"/>
                  </a:moveTo>
                  <a:lnTo>
                    <a:pt x="35051" y="85343"/>
                  </a:lnTo>
                  <a:lnTo>
                    <a:pt x="58725" y="59039"/>
                  </a:lnTo>
                  <a:lnTo>
                    <a:pt x="48768" y="50292"/>
                  </a:lnTo>
                  <a:lnTo>
                    <a:pt x="54864" y="42672"/>
                  </a:lnTo>
                  <a:lnTo>
                    <a:pt x="73456" y="42672"/>
                  </a:lnTo>
                  <a:lnTo>
                    <a:pt x="89916" y="24384"/>
                  </a:lnTo>
                  <a:lnTo>
                    <a:pt x="0" y="0"/>
                  </a:lnTo>
                  <a:close/>
                </a:path>
                <a:path w="607059" h="535304">
                  <a:moveTo>
                    <a:pt x="54864" y="42672"/>
                  </a:moveTo>
                  <a:lnTo>
                    <a:pt x="48768" y="50292"/>
                  </a:lnTo>
                  <a:lnTo>
                    <a:pt x="58725" y="59039"/>
                  </a:lnTo>
                  <a:lnTo>
                    <a:pt x="65247" y="51793"/>
                  </a:lnTo>
                  <a:lnTo>
                    <a:pt x="54864" y="42672"/>
                  </a:lnTo>
                  <a:close/>
                </a:path>
                <a:path w="607059" h="535304">
                  <a:moveTo>
                    <a:pt x="73456" y="42672"/>
                  </a:moveTo>
                  <a:lnTo>
                    <a:pt x="54864" y="42672"/>
                  </a:lnTo>
                  <a:lnTo>
                    <a:pt x="65247" y="51793"/>
                  </a:lnTo>
                  <a:lnTo>
                    <a:pt x="73456" y="42672"/>
                  </a:lnTo>
                  <a:close/>
                </a:path>
              </a:pathLst>
            </a:custGeom>
            <a:solidFill>
              <a:srgbClr val="000000"/>
            </a:solidFill>
          </p:spPr>
          <p:txBody>
            <a:bodyPr wrap="square" lIns="0" tIns="0" rIns="0" bIns="0" rtlCol="0"/>
            <a:lstStyle/>
            <a:p>
              <a:endParaRPr sz="1539"/>
            </a:p>
          </p:txBody>
        </p:sp>
        <p:sp>
          <p:nvSpPr>
            <p:cNvPr id="436" name="object 436"/>
            <p:cNvSpPr/>
            <p:nvPr/>
          </p:nvSpPr>
          <p:spPr>
            <a:xfrm>
              <a:off x="9915144" y="5698236"/>
              <a:ext cx="777240" cy="311150"/>
            </a:xfrm>
            <a:custGeom>
              <a:avLst/>
              <a:gdLst/>
              <a:ahLst/>
              <a:cxnLst/>
              <a:rect l="l" t="t" r="r" b="b"/>
              <a:pathLst>
                <a:path w="777240" h="311150">
                  <a:moveTo>
                    <a:pt x="725424" y="0"/>
                  </a:moveTo>
                  <a:lnTo>
                    <a:pt x="51815" y="0"/>
                  </a:lnTo>
                  <a:lnTo>
                    <a:pt x="31503" y="4238"/>
                  </a:lnTo>
                  <a:lnTo>
                    <a:pt x="15049" y="15620"/>
                  </a:lnTo>
                  <a:lnTo>
                    <a:pt x="4024" y="32146"/>
                  </a:lnTo>
                  <a:lnTo>
                    <a:pt x="0" y="51816"/>
                  </a:lnTo>
                  <a:lnTo>
                    <a:pt x="0" y="259080"/>
                  </a:lnTo>
                  <a:lnTo>
                    <a:pt x="4024" y="279392"/>
                  </a:lnTo>
                  <a:lnTo>
                    <a:pt x="15049" y="295846"/>
                  </a:lnTo>
                  <a:lnTo>
                    <a:pt x="31503" y="306871"/>
                  </a:lnTo>
                  <a:lnTo>
                    <a:pt x="51815" y="310896"/>
                  </a:lnTo>
                  <a:lnTo>
                    <a:pt x="725424" y="310896"/>
                  </a:lnTo>
                  <a:lnTo>
                    <a:pt x="745736" y="306871"/>
                  </a:lnTo>
                  <a:lnTo>
                    <a:pt x="762190" y="295846"/>
                  </a:lnTo>
                  <a:lnTo>
                    <a:pt x="773215" y="279392"/>
                  </a:lnTo>
                  <a:lnTo>
                    <a:pt x="777239" y="259080"/>
                  </a:lnTo>
                  <a:lnTo>
                    <a:pt x="777239" y="51816"/>
                  </a:lnTo>
                  <a:lnTo>
                    <a:pt x="773215" y="32146"/>
                  </a:lnTo>
                  <a:lnTo>
                    <a:pt x="762190" y="15621"/>
                  </a:lnTo>
                  <a:lnTo>
                    <a:pt x="745736" y="4238"/>
                  </a:lnTo>
                  <a:lnTo>
                    <a:pt x="725424" y="0"/>
                  </a:lnTo>
                  <a:close/>
                </a:path>
              </a:pathLst>
            </a:custGeom>
            <a:solidFill>
              <a:srgbClr val="FFCC99"/>
            </a:solidFill>
          </p:spPr>
          <p:txBody>
            <a:bodyPr wrap="square" lIns="0" tIns="0" rIns="0" bIns="0" rtlCol="0"/>
            <a:lstStyle/>
            <a:p>
              <a:endParaRPr sz="1539"/>
            </a:p>
          </p:txBody>
        </p:sp>
        <p:sp>
          <p:nvSpPr>
            <p:cNvPr id="437" name="object 437"/>
            <p:cNvSpPr/>
            <p:nvPr/>
          </p:nvSpPr>
          <p:spPr>
            <a:xfrm>
              <a:off x="9910572" y="5693664"/>
              <a:ext cx="781685" cy="321945"/>
            </a:xfrm>
            <a:custGeom>
              <a:avLst/>
              <a:gdLst/>
              <a:ahLst/>
              <a:cxnLst/>
              <a:rect l="l" t="t" r="r" b="b"/>
              <a:pathLst>
                <a:path w="781684" h="321945">
                  <a:moveTo>
                    <a:pt x="740663" y="320040"/>
                  </a:moveTo>
                  <a:lnTo>
                    <a:pt x="45720" y="320040"/>
                  </a:lnTo>
                  <a:lnTo>
                    <a:pt x="56387" y="321564"/>
                  </a:lnTo>
                  <a:lnTo>
                    <a:pt x="729996" y="321564"/>
                  </a:lnTo>
                  <a:lnTo>
                    <a:pt x="740663" y="320040"/>
                  </a:lnTo>
                  <a:close/>
                </a:path>
                <a:path w="781684" h="321945">
                  <a:moveTo>
                    <a:pt x="751331" y="316992"/>
                  </a:moveTo>
                  <a:lnTo>
                    <a:pt x="35051" y="316992"/>
                  </a:lnTo>
                  <a:lnTo>
                    <a:pt x="44196" y="320040"/>
                  </a:lnTo>
                  <a:lnTo>
                    <a:pt x="742187" y="320040"/>
                  </a:lnTo>
                  <a:lnTo>
                    <a:pt x="751331" y="316992"/>
                  </a:lnTo>
                  <a:close/>
                </a:path>
                <a:path w="781684" h="321945">
                  <a:moveTo>
                    <a:pt x="748283" y="306324"/>
                  </a:moveTo>
                  <a:lnTo>
                    <a:pt x="739139" y="309372"/>
                  </a:lnTo>
                  <a:lnTo>
                    <a:pt x="740663" y="309372"/>
                  </a:lnTo>
                  <a:lnTo>
                    <a:pt x="729996" y="310896"/>
                  </a:lnTo>
                  <a:lnTo>
                    <a:pt x="25907" y="310896"/>
                  </a:lnTo>
                  <a:lnTo>
                    <a:pt x="33527" y="316992"/>
                  </a:lnTo>
                  <a:lnTo>
                    <a:pt x="752855" y="316992"/>
                  </a:lnTo>
                  <a:lnTo>
                    <a:pt x="762000" y="310896"/>
                  </a:lnTo>
                  <a:lnTo>
                    <a:pt x="765809" y="307848"/>
                  </a:lnTo>
                  <a:lnTo>
                    <a:pt x="748283" y="307848"/>
                  </a:lnTo>
                  <a:lnTo>
                    <a:pt x="748283" y="306324"/>
                  </a:lnTo>
                  <a:close/>
                </a:path>
                <a:path w="781684" h="321945">
                  <a:moveTo>
                    <a:pt x="752855" y="4572"/>
                  </a:moveTo>
                  <a:lnTo>
                    <a:pt x="33527" y="4572"/>
                  </a:lnTo>
                  <a:lnTo>
                    <a:pt x="25907" y="9144"/>
                  </a:lnTo>
                  <a:lnTo>
                    <a:pt x="24383" y="9144"/>
                  </a:lnTo>
                  <a:lnTo>
                    <a:pt x="24383" y="10668"/>
                  </a:lnTo>
                  <a:lnTo>
                    <a:pt x="16763" y="16764"/>
                  </a:lnTo>
                  <a:lnTo>
                    <a:pt x="9144" y="24384"/>
                  </a:lnTo>
                  <a:lnTo>
                    <a:pt x="9144" y="25908"/>
                  </a:lnTo>
                  <a:lnTo>
                    <a:pt x="4572" y="33528"/>
                  </a:lnTo>
                  <a:lnTo>
                    <a:pt x="4572" y="35052"/>
                  </a:lnTo>
                  <a:lnTo>
                    <a:pt x="1524" y="44196"/>
                  </a:lnTo>
                  <a:lnTo>
                    <a:pt x="1524" y="45720"/>
                  </a:lnTo>
                  <a:lnTo>
                    <a:pt x="0" y="56388"/>
                  </a:lnTo>
                  <a:lnTo>
                    <a:pt x="0" y="265176"/>
                  </a:lnTo>
                  <a:lnTo>
                    <a:pt x="1524" y="275844"/>
                  </a:lnTo>
                  <a:lnTo>
                    <a:pt x="4572" y="286512"/>
                  </a:lnTo>
                  <a:lnTo>
                    <a:pt x="9144" y="295656"/>
                  </a:lnTo>
                  <a:lnTo>
                    <a:pt x="16763" y="304800"/>
                  </a:lnTo>
                  <a:lnTo>
                    <a:pt x="24383" y="310896"/>
                  </a:lnTo>
                  <a:lnTo>
                    <a:pt x="56387" y="310896"/>
                  </a:lnTo>
                  <a:lnTo>
                    <a:pt x="47244" y="309372"/>
                  </a:lnTo>
                  <a:lnTo>
                    <a:pt x="42672" y="307848"/>
                  </a:lnTo>
                  <a:lnTo>
                    <a:pt x="39624" y="307848"/>
                  </a:lnTo>
                  <a:lnTo>
                    <a:pt x="30479" y="303276"/>
                  </a:lnTo>
                  <a:lnTo>
                    <a:pt x="22859" y="297180"/>
                  </a:lnTo>
                  <a:lnTo>
                    <a:pt x="24383" y="297180"/>
                  </a:lnTo>
                  <a:lnTo>
                    <a:pt x="19507" y="291084"/>
                  </a:lnTo>
                  <a:lnTo>
                    <a:pt x="18287" y="291084"/>
                  </a:lnTo>
                  <a:lnTo>
                    <a:pt x="14477" y="283464"/>
                  </a:lnTo>
                  <a:lnTo>
                    <a:pt x="13716" y="283464"/>
                  </a:lnTo>
                  <a:lnTo>
                    <a:pt x="11103" y="274320"/>
                  </a:lnTo>
                  <a:lnTo>
                    <a:pt x="10668" y="274320"/>
                  </a:lnTo>
                  <a:lnTo>
                    <a:pt x="10668" y="47244"/>
                  </a:lnTo>
                  <a:lnTo>
                    <a:pt x="13716" y="38100"/>
                  </a:lnTo>
                  <a:lnTo>
                    <a:pt x="14477" y="38100"/>
                  </a:lnTo>
                  <a:lnTo>
                    <a:pt x="18287" y="30480"/>
                  </a:lnTo>
                  <a:lnTo>
                    <a:pt x="19507" y="30480"/>
                  </a:lnTo>
                  <a:lnTo>
                    <a:pt x="24383" y="24384"/>
                  </a:lnTo>
                  <a:lnTo>
                    <a:pt x="22859" y="24384"/>
                  </a:lnTo>
                  <a:lnTo>
                    <a:pt x="30479" y="18288"/>
                  </a:lnTo>
                  <a:lnTo>
                    <a:pt x="39624" y="13716"/>
                  </a:lnTo>
                  <a:lnTo>
                    <a:pt x="38100" y="13716"/>
                  </a:lnTo>
                  <a:lnTo>
                    <a:pt x="47244" y="10668"/>
                  </a:lnTo>
                  <a:lnTo>
                    <a:pt x="762000" y="10668"/>
                  </a:lnTo>
                  <a:lnTo>
                    <a:pt x="762000" y="9144"/>
                  </a:lnTo>
                  <a:lnTo>
                    <a:pt x="752855" y="4572"/>
                  </a:lnTo>
                  <a:close/>
                </a:path>
                <a:path w="781684" h="321945">
                  <a:moveTo>
                    <a:pt x="38100" y="306324"/>
                  </a:moveTo>
                  <a:lnTo>
                    <a:pt x="39624" y="307848"/>
                  </a:lnTo>
                  <a:lnTo>
                    <a:pt x="42672" y="307848"/>
                  </a:lnTo>
                  <a:lnTo>
                    <a:pt x="38100" y="306324"/>
                  </a:lnTo>
                  <a:close/>
                </a:path>
                <a:path w="781684" h="321945">
                  <a:moveTo>
                    <a:pt x="780287" y="289560"/>
                  </a:moveTo>
                  <a:lnTo>
                    <a:pt x="769620" y="289560"/>
                  </a:lnTo>
                  <a:lnTo>
                    <a:pt x="763524" y="297180"/>
                  </a:lnTo>
                  <a:lnTo>
                    <a:pt x="755903" y="303276"/>
                  </a:lnTo>
                  <a:lnTo>
                    <a:pt x="757427" y="303276"/>
                  </a:lnTo>
                  <a:lnTo>
                    <a:pt x="748283" y="307848"/>
                  </a:lnTo>
                  <a:lnTo>
                    <a:pt x="765809" y="307848"/>
                  </a:lnTo>
                  <a:lnTo>
                    <a:pt x="769620" y="304800"/>
                  </a:lnTo>
                  <a:lnTo>
                    <a:pt x="771144" y="304800"/>
                  </a:lnTo>
                  <a:lnTo>
                    <a:pt x="777239" y="295656"/>
                  </a:lnTo>
                  <a:lnTo>
                    <a:pt x="780287" y="289560"/>
                  </a:lnTo>
                  <a:close/>
                </a:path>
                <a:path w="781684" h="321945">
                  <a:moveTo>
                    <a:pt x="18287" y="289560"/>
                  </a:moveTo>
                  <a:lnTo>
                    <a:pt x="18287" y="291084"/>
                  </a:lnTo>
                  <a:lnTo>
                    <a:pt x="19507" y="291084"/>
                  </a:lnTo>
                  <a:lnTo>
                    <a:pt x="18287" y="289560"/>
                  </a:lnTo>
                  <a:close/>
                </a:path>
                <a:path w="781684" h="321945">
                  <a:moveTo>
                    <a:pt x="772668" y="281940"/>
                  </a:moveTo>
                  <a:lnTo>
                    <a:pt x="768096" y="291084"/>
                  </a:lnTo>
                  <a:lnTo>
                    <a:pt x="769620" y="289560"/>
                  </a:lnTo>
                  <a:lnTo>
                    <a:pt x="780287" y="289560"/>
                  </a:lnTo>
                  <a:lnTo>
                    <a:pt x="781431" y="287273"/>
                  </a:lnTo>
                  <a:lnTo>
                    <a:pt x="781431" y="283464"/>
                  </a:lnTo>
                  <a:lnTo>
                    <a:pt x="772668" y="283464"/>
                  </a:lnTo>
                  <a:lnTo>
                    <a:pt x="772668" y="281940"/>
                  </a:lnTo>
                  <a:close/>
                </a:path>
                <a:path w="781684" h="321945">
                  <a:moveTo>
                    <a:pt x="13716" y="281940"/>
                  </a:moveTo>
                  <a:lnTo>
                    <a:pt x="13716" y="283464"/>
                  </a:lnTo>
                  <a:lnTo>
                    <a:pt x="14477" y="283464"/>
                  </a:lnTo>
                  <a:lnTo>
                    <a:pt x="13716" y="281940"/>
                  </a:lnTo>
                  <a:close/>
                </a:path>
                <a:path w="781684" h="321945">
                  <a:moveTo>
                    <a:pt x="775716" y="272796"/>
                  </a:moveTo>
                  <a:lnTo>
                    <a:pt x="772668" y="283464"/>
                  </a:lnTo>
                  <a:lnTo>
                    <a:pt x="781431" y="283464"/>
                  </a:lnTo>
                  <a:lnTo>
                    <a:pt x="781431" y="274320"/>
                  </a:lnTo>
                  <a:lnTo>
                    <a:pt x="775716" y="274320"/>
                  </a:lnTo>
                  <a:lnTo>
                    <a:pt x="775716" y="272796"/>
                  </a:lnTo>
                  <a:close/>
                </a:path>
                <a:path w="781684" h="321945">
                  <a:moveTo>
                    <a:pt x="10668" y="272796"/>
                  </a:moveTo>
                  <a:lnTo>
                    <a:pt x="10668" y="274320"/>
                  </a:lnTo>
                  <a:lnTo>
                    <a:pt x="11103" y="274320"/>
                  </a:lnTo>
                  <a:lnTo>
                    <a:pt x="10668" y="272796"/>
                  </a:lnTo>
                  <a:close/>
                </a:path>
                <a:path w="781684" h="321945">
                  <a:moveTo>
                    <a:pt x="781431" y="38100"/>
                  </a:moveTo>
                  <a:lnTo>
                    <a:pt x="772668" y="38100"/>
                  </a:lnTo>
                  <a:lnTo>
                    <a:pt x="775716" y="47244"/>
                  </a:lnTo>
                  <a:lnTo>
                    <a:pt x="777239" y="57912"/>
                  </a:lnTo>
                  <a:lnTo>
                    <a:pt x="777239" y="263652"/>
                  </a:lnTo>
                  <a:lnTo>
                    <a:pt x="775716" y="274320"/>
                  </a:lnTo>
                  <a:lnTo>
                    <a:pt x="781431" y="274320"/>
                  </a:lnTo>
                  <a:lnTo>
                    <a:pt x="781431" y="38100"/>
                  </a:lnTo>
                  <a:close/>
                </a:path>
                <a:path w="781684" h="321945">
                  <a:moveTo>
                    <a:pt x="14477" y="38100"/>
                  </a:moveTo>
                  <a:lnTo>
                    <a:pt x="13716" y="38100"/>
                  </a:lnTo>
                  <a:lnTo>
                    <a:pt x="13716" y="39624"/>
                  </a:lnTo>
                  <a:lnTo>
                    <a:pt x="14477" y="38100"/>
                  </a:lnTo>
                  <a:close/>
                </a:path>
                <a:path w="781684" h="321945">
                  <a:moveTo>
                    <a:pt x="776020" y="22860"/>
                  </a:moveTo>
                  <a:lnTo>
                    <a:pt x="763524" y="22860"/>
                  </a:lnTo>
                  <a:lnTo>
                    <a:pt x="769620" y="30480"/>
                  </a:lnTo>
                  <a:lnTo>
                    <a:pt x="768096" y="30480"/>
                  </a:lnTo>
                  <a:lnTo>
                    <a:pt x="772668" y="39624"/>
                  </a:lnTo>
                  <a:lnTo>
                    <a:pt x="772668" y="38100"/>
                  </a:lnTo>
                  <a:lnTo>
                    <a:pt x="781431" y="38100"/>
                  </a:lnTo>
                  <a:lnTo>
                    <a:pt x="781431" y="32893"/>
                  </a:lnTo>
                  <a:lnTo>
                    <a:pt x="777239" y="25908"/>
                  </a:lnTo>
                  <a:lnTo>
                    <a:pt x="777239" y="24384"/>
                  </a:lnTo>
                  <a:lnTo>
                    <a:pt x="776020" y="22860"/>
                  </a:lnTo>
                  <a:close/>
                </a:path>
                <a:path w="781684" h="321945">
                  <a:moveTo>
                    <a:pt x="19507" y="30480"/>
                  </a:moveTo>
                  <a:lnTo>
                    <a:pt x="18287" y="30480"/>
                  </a:lnTo>
                  <a:lnTo>
                    <a:pt x="18287" y="32004"/>
                  </a:lnTo>
                  <a:lnTo>
                    <a:pt x="19507" y="30480"/>
                  </a:lnTo>
                  <a:close/>
                </a:path>
                <a:path w="781684" h="321945">
                  <a:moveTo>
                    <a:pt x="762000" y="10668"/>
                  </a:moveTo>
                  <a:lnTo>
                    <a:pt x="739139" y="10668"/>
                  </a:lnTo>
                  <a:lnTo>
                    <a:pt x="748283" y="13716"/>
                  </a:lnTo>
                  <a:lnTo>
                    <a:pt x="757427" y="18288"/>
                  </a:lnTo>
                  <a:lnTo>
                    <a:pt x="755903" y="18288"/>
                  </a:lnTo>
                  <a:lnTo>
                    <a:pt x="763524" y="24384"/>
                  </a:lnTo>
                  <a:lnTo>
                    <a:pt x="763524" y="22860"/>
                  </a:lnTo>
                  <a:lnTo>
                    <a:pt x="776020" y="22860"/>
                  </a:lnTo>
                  <a:lnTo>
                    <a:pt x="771144" y="16764"/>
                  </a:lnTo>
                  <a:lnTo>
                    <a:pt x="769620" y="16764"/>
                  </a:lnTo>
                  <a:lnTo>
                    <a:pt x="762000" y="10668"/>
                  </a:lnTo>
                  <a:close/>
                </a:path>
                <a:path w="781684" h="321945">
                  <a:moveTo>
                    <a:pt x="742187" y="1524"/>
                  </a:moveTo>
                  <a:lnTo>
                    <a:pt x="44196" y="1524"/>
                  </a:lnTo>
                  <a:lnTo>
                    <a:pt x="35051" y="4572"/>
                  </a:lnTo>
                  <a:lnTo>
                    <a:pt x="751331" y="4572"/>
                  </a:lnTo>
                  <a:lnTo>
                    <a:pt x="742187" y="1524"/>
                  </a:lnTo>
                  <a:close/>
                </a:path>
                <a:path w="781684" h="321945">
                  <a:moveTo>
                    <a:pt x="729995" y="0"/>
                  </a:moveTo>
                  <a:lnTo>
                    <a:pt x="56388" y="0"/>
                  </a:lnTo>
                  <a:lnTo>
                    <a:pt x="45720" y="1524"/>
                  </a:lnTo>
                  <a:lnTo>
                    <a:pt x="740663" y="1524"/>
                  </a:lnTo>
                  <a:lnTo>
                    <a:pt x="729995" y="0"/>
                  </a:lnTo>
                  <a:close/>
                </a:path>
              </a:pathLst>
            </a:custGeom>
            <a:solidFill>
              <a:srgbClr val="FF6600"/>
            </a:solidFill>
          </p:spPr>
          <p:txBody>
            <a:bodyPr wrap="square" lIns="0" tIns="0" rIns="0" bIns="0" rtlCol="0"/>
            <a:lstStyle/>
            <a:p>
              <a:endParaRPr sz="1539"/>
            </a:p>
          </p:txBody>
        </p:sp>
        <p:sp>
          <p:nvSpPr>
            <p:cNvPr id="438" name="object 438"/>
            <p:cNvSpPr/>
            <p:nvPr/>
          </p:nvSpPr>
          <p:spPr>
            <a:xfrm>
              <a:off x="9915144" y="5202936"/>
              <a:ext cx="777240" cy="466725"/>
            </a:xfrm>
            <a:custGeom>
              <a:avLst/>
              <a:gdLst/>
              <a:ahLst/>
              <a:cxnLst/>
              <a:rect l="l" t="t" r="r" b="b"/>
              <a:pathLst>
                <a:path w="777240" h="466725">
                  <a:moveTo>
                    <a:pt x="699515" y="0"/>
                  </a:moveTo>
                  <a:lnTo>
                    <a:pt x="77724" y="0"/>
                  </a:lnTo>
                  <a:lnTo>
                    <a:pt x="47577" y="6143"/>
                  </a:lnTo>
                  <a:lnTo>
                    <a:pt x="22859" y="22860"/>
                  </a:lnTo>
                  <a:lnTo>
                    <a:pt x="6143" y="47577"/>
                  </a:lnTo>
                  <a:lnTo>
                    <a:pt x="0" y="77724"/>
                  </a:lnTo>
                  <a:lnTo>
                    <a:pt x="0" y="388619"/>
                  </a:lnTo>
                  <a:lnTo>
                    <a:pt x="6143" y="418766"/>
                  </a:lnTo>
                  <a:lnTo>
                    <a:pt x="22860" y="443484"/>
                  </a:lnTo>
                  <a:lnTo>
                    <a:pt x="47577" y="460200"/>
                  </a:lnTo>
                  <a:lnTo>
                    <a:pt x="77724" y="466344"/>
                  </a:lnTo>
                  <a:lnTo>
                    <a:pt x="699515" y="466344"/>
                  </a:lnTo>
                  <a:lnTo>
                    <a:pt x="729662" y="460200"/>
                  </a:lnTo>
                  <a:lnTo>
                    <a:pt x="754379" y="443483"/>
                  </a:lnTo>
                  <a:lnTo>
                    <a:pt x="771096" y="418766"/>
                  </a:lnTo>
                  <a:lnTo>
                    <a:pt x="777239" y="388619"/>
                  </a:lnTo>
                  <a:lnTo>
                    <a:pt x="777239" y="77724"/>
                  </a:lnTo>
                  <a:lnTo>
                    <a:pt x="771096" y="47577"/>
                  </a:lnTo>
                  <a:lnTo>
                    <a:pt x="754379" y="22859"/>
                  </a:lnTo>
                  <a:lnTo>
                    <a:pt x="729662" y="6143"/>
                  </a:lnTo>
                  <a:lnTo>
                    <a:pt x="699515" y="0"/>
                  </a:lnTo>
                  <a:close/>
                </a:path>
              </a:pathLst>
            </a:custGeom>
            <a:solidFill>
              <a:srgbClr val="CCFFCC"/>
            </a:solidFill>
          </p:spPr>
          <p:txBody>
            <a:bodyPr wrap="square" lIns="0" tIns="0" rIns="0" bIns="0" rtlCol="0"/>
            <a:lstStyle/>
            <a:p>
              <a:endParaRPr sz="1539"/>
            </a:p>
          </p:txBody>
        </p:sp>
        <p:sp>
          <p:nvSpPr>
            <p:cNvPr id="439" name="object 439"/>
            <p:cNvSpPr/>
            <p:nvPr/>
          </p:nvSpPr>
          <p:spPr>
            <a:xfrm>
              <a:off x="9910572" y="5196840"/>
              <a:ext cx="781685" cy="477520"/>
            </a:xfrm>
            <a:custGeom>
              <a:avLst/>
              <a:gdLst/>
              <a:ahLst/>
              <a:cxnLst/>
              <a:rect l="l" t="t" r="r" b="b"/>
              <a:pathLst>
                <a:path w="781684" h="477520">
                  <a:moveTo>
                    <a:pt x="704087" y="0"/>
                  </a:moveTo>
                  <a:lnTo>
                    <a:pt x="82296" y="0"/>
                  </a:lnTo>
                  <a:lnTo>
                    <a:pt x="73151" y="1524"/>
                  </a:lnTo>
                  <a:lnTo>
                    <a:pt x="57911" y="4572"/>
                  </a:lnTo>
                  <a:lnTo>
                    <a:pt x="42672" y="10668"/>
                  </a:lnTo>
                  <a:lnTo>
                    <a:pt x="36575" y="15240"/>
                  </a:lnTo>
                  <a:lnTo>
                    <a:pt x="28955" y="19812"/>
                  </a:lnTo>
                  <a:lnTo>
                    <a:pt x="18287" y="30480"/>
                  </a:lnTo>
                  <a:lnTo>
                    <a:pt x="13716" y="38100"/>
                  </a:lnTo>
                  <a:lnTo>
                    <a:pt x="9144" y="44196"/>
                  </a:lnTo>
                  <a:lnTo>
                    <a:pt x="3048" y="59436"/>
                  </a:lnTo>
                  <a:lnTo>
                    <a:pt x="0" y="74676"/>
                  </a:lnTo>
                  <a:lnTo>
                    <a:pt x="0" y="402336"/>
                  </a:lnTo>
                  <a:lnTo>
                    <a:pt x="18287" y="446532"/>
                  </a:lnTo>
                  <a:lnTo>
                    <a:pt x="57911" y="473964"/>
                  </a:lnTo>
                  <a:lnTo>
                    <a:pt x="74675" y="477012"/>
                  </a:lnTo>
                  <a:lnTo>
                    <a:pt x="713231" y="477012"/>
                  </a:lnTo>
                  <a:lnTo>
                    <a:pt x="728472" y="473964"/>
                  </a:lnTo>
                  <a:lnTo>
                    <a:pt x="736092" y="470916"/>
                  </a:lnTo>
                  <a:lnTo>
                    <a:pt x="743711" y="466344"/>
                  </a:lnTo>
                  <a:lnTo>
                    <a:pt x="74675" y="466344"/>
                  </a:lnTo>
                  <a:lnTo>
                    <a:pt x="67055" y="464820"/>
                  </a:lnTo>
                  <a:lnTo>
                    <a:pt x="54863" y="461772"/>
                  </a:lnTo>
                  <a:lnTo>
                    <a:pt x="47244" y="458724"/>
                  </a:lnTo>
                  <a:lnTo>
                    <a:pt x="41148" y="454152"/>
                  </a:lnTo>
                  <a:lnTo>
                    <a:pt x="36575" y="449580"/>
                  </a:lnTo>
                  <a:lnTo>
                    <a:pt x="30479" y="445008"/>
                  </a:lnTo>
                  <a:lnTo>
                    <a:pt x="25907" y="440436"/>
                  </a:lnTo>
                  <a:lnTo>
                    <a:pt x="22859" y="434340"/>
                  </a:lnTo>
                  <a:lnTo>
                    <a:pt x="18287" y="428244"/>
                  </a:lnTo>
                  <a:lnTo>
                    <a:pt x="15239" y="422148"/>
                  </a:lnTo>
                  <a:lnTo>
                    <a:pt x="13716" y="416052"/>
                  </a:lnTo>
                  <a:lnTo>
                    <a:pt x="10668" y="400812"/>
                  </a:lnTo>
                  <a:lnTo>
                    <a:pt x="10668" y="76200"/>
                  </a:lnTo>
                  <a:lnTo>
                    <a:pt x="27431" y="36576"/>
                  </a:lnTo>
                  <a:lnTo>
                    <a:pt x="60959" y="13716"/>
                  </a:lnTo>
                  <a:lnTo>
                    <a:pt x="76200" y="10668"/>
                  </a:lnTo>
                  <a:lnTo>
                    <a:pt x="743711" y="10668"/>
                  </a:lnTo>
                  <a:lnTo>
                    <a:pt x="720851" y="1524"/>
                  </a:lnTo>
                  <a:lnTo>
                    <a:pt x="711707" y="1524"/>
                  </a:lnTo>
                  <a:lnTo>
                    <a:pt x="704087" y="0"/>
                  </a:lnTo>
                  <a:close/>
                </a:path>
                <a:path w="781684" h="477520">
                  <a:moveTo>
                    <a:pt x="743711" y="10668"/>
                  </a:moveTo>
                  <a:lnTo>
                    <a:pt x="711707" y="10668"/>
                  </a:lnTo>
                  <a:lnTo>
                    <a:pt x="719327" y="12192"/>
                  </a:lnTo>
                  <a:lnTo>
                    <a:pt x="725424" y="13716"/>
                  </a:lnTo>
                  <a:lnTo>
                    <a:pt x="760476" y="38100"/>
                  </a:lnTo>
                  <a:lnTo>
                    <a:pt x="765048" y="42672"/>
                  </a:lnTo>
                  <a:lnTo>
                    <a:pt x="771144" y="54864"/>
                  </a:lnTo>
                  <a:lnTo>
                    <a:pt x="774192" y="62484"/>
                  </a:lnTo>
                  <a:lnTo>
                    <a:pt x="775716" y="68580"/>
                  </a:lnTo>
                  <a:lnTo>
                    <a:pt x="777239" y="76200"/>
                  </a:lnTo>
                  <a:lnTo>
                    <a:pt x="777239" y="394716"/>
                  </a:lnTo>
                  <a:lnTo>
                    <a:pt x="775716" y="402336"/>
                  </a:lnTo>
                  <a:lnTo>
                    <a:pt x="775716" y="408432"/>
                  </a:lnTo>
                  <a:lnTo>
                    <a:pt x="774192" y="416052"/>
                  </a:lnTo>
                  <a:lnTo>
                    <a:pt x="771144" y="422148"/>
                  </a:lnTo>
                  <a:lnTo>
                    <a:pt x="768096" y="429768"/>
                  </a:lnTo>
                  <a:lnTo>
                    <a:pt x="765048" y="435864"/>
                  </a:lnTo>
                  <a:lnTo>
                    <a:pt x="760476" y="440436"/>
                  </a:lnTo>
                  <a:lnTo>
                    <a:pt x="755903" y="446532"/>
                  </a:lnTo>
                  <a:lnTo>
                    <a:pt x="749807" y="451104"/>
                  </a:lnTo>
                  <a:lnTo>
                    <a:pt x="745235" y="454152"/>
                  </a:lnTo>
                  <a:lnTo>
                    <a:pt x="739139" y="458724"/>
                  </a:lnTo>
                  <a:lnTo>
                    <a:pt x="731520" y="461772"/>
                  </a:lnTo>
                  <a:lnTo>
                    <a:pt x="719327" y="464820"/>
                  </a:lnTo>
                  <a:lnTo>
                    <a:pt x="711707" y="466344"/>
                  </a:lnTo>
                  <a:lnTo>
                    <a:pt x="743711" y="466344"/>
                  </a:lnTo>
                  <a:lnTo>
                    <a:pt x="777239" y="434340"/>
                  </a:lnTo>
                  <a:lnTo>
                    <a:pt x="781431" y="423862"/>
                  </a:lnTo>
                  <a:lnTo>
                    <a:pt x="781431" y="54102"/>
                  </a:lnTo>
                  <a:lnTo>
                    <a:pt x="780287" y="51816"/>
                  </a:lnTo>
                  <a:lnTo>
                    <a:pt x="777239" y="44196"/>
                  </a:lnTo>
                  <a:lnTo>
                    <a:pt x="772668" y="36576"/>
                  </a:lnTo>
                  <a:lnTo>
                    <a:pt x="768096" y="30480"/>
                  </a:lnTo>
                  <a:lnTo>
                    <a:pt x="757427" y="19812"/>
                  </a:lnTo>
                  <a:lnTo>
                    <a:pt x="749807" y="15240"/>
                  </a:lnTo>
                  <a:lnTo>
                    <a:pt x="743711" y="10668"/>
                  </a:lnTo>
                  <a:close/>
                </a:path>
              </a:pathLst>
            </a:custGeom>
            <a:solidFill>
              <a:srgbClr val="003300"/>
            </a:solidFill>
          </p:spPr>
          <p:txBody>
            <a:bodyPr wrap="square" lIns="0" tIns="0" rIns="0" bIns="0" rtlCol="0"/>
            <a:lstStyle/>
            <a:p>
              <a:endParaRPr sz="1539"/>
            </a:p>
          </p:txBody>
        </p:sp>
      </p:grpSp>
      <p:sp>
        <p:nvSpPr>
          <p:cNvPr id="440" name="object 440"/>
          <p:cNvSpPr txBox="1"/>
          <p:nvPr/>
        </p:nvSpPr>
        <p:spPr>
          <a:xfrm>
            <a:off x="8583631" y="4662354"/>
            <a:ext cx="456114" cy="649539"/>
          </a:xfrm>
          <a:prstGeom prst="rect">
            <a:avLst/>
          </a:prstGeom>
        </p:spPr>
        <p:txBody>
          <a:bodyPr vert="horz" wrap="square" lIns="0" tIns="10860" rIns="0" bIns="0" rtlCol="0">
            <a:spAutoFit/>
          </a:bodyPr>
          <a:lstStyle/>
          <a:p>
            <a:pPr marL="10860" marR="4344" indent="29864">
              <a:lnSpc>
                <a:spcPct val="101200"/>
              </a:lnSpc>
              <a:spcBef>
                <a:spcPts val="86"/>
              </a:spcBef>
            </a:pPr>
            <a:r>
              <a:rPr sz="727" spc="-13" dirty="0">
                <a:solidFill>
                  <a:srgbClr val="003300"/>
                </a:solidFill>
                <a:latin typeface="ＭＳ Ｐゴシック"/>
                <a:cs typeface="ＭＳ Ｐゴシック"/>
              </a:rPr>
              <a:t>建設投資</a:t>
            </a:r>
            <a:r>
              <a:rPr sz="727" spc="-9" dirty="0">
                <a:solidFill>
                  <a:srgbClr val="003300"/>
                </a:solidFill>
                <a:latin typeface="ＭＳ Ｐゴシック"/>
                <a:cs typeface="ＭＳ Ｐゴシック"/>
              </a:rPr>
              <a:t>ピーク時比</a:t>
            </a:r>
            <a:endParaRPr sz="727">
              <a:latin typeface="ＭＳ Ｐゴシック"/>
              <a:cs typeface="ＭＳ Ｐゴシック"/>
            </a:endParaRPr>
          </a:p>
          <a:p>
            <a:pPr marL="43439">
              <a:spcBef>
                <a:spcPts val="21"/>
              </a:spcBef>
            </a:pPr>
            <a:r>
              <a:rPr sz="727" spc="-9" dirty="0">
                <a:solidFill>
                  <a:srgbClr val="003300"/>
                </a:solidFill>
                <a:latin typeface="ＭＳ Ｐゴシック"/>
                <a:cs typeface="ＭＳ Ｐゴシック"/>
              </a:rPr>
              <a:t>▲</a:t>
            </a:r>
            <a:r>
              <a:rPr sz="727" spc="-9" dirty="0">
                <a:solidFill>
                  <a:srgbClr val="003300"/>
                </a:solidFill>
                <a:latin typeface="Arial"/>
                <a:cs typeface="Arial"/>
              </a:rPr>
              <a:t>38.3</a:t>
            </a:r>
            <a:r>
              <a:rPr sz="727" spc="-9" dirty="0">
                <a:solidFill>
                  <a:srgbClr val="003300"/>
                </a:solidFill>
                <a:latin typeface="ＭＳ Ｐゴシック"/>
                <a:cs typeface="ＭＳ Ｐゴシック"/>
              </a:rPr>
              <a:t>％</a:t>
            </a:r>
            <a:endParaRPr sz="727">
              <a:latin typeface="ＭＳ Ｐゴシック"/>
              <a:cs typeface="ＭＳ Ｐゴシック"/>
            </a:endParaRPr>
          </a:p>
          <a:p>
            <a:pPr marL="40724">
              <a:spcBef>
                <a:spcPts val="616"/>
              </a:spcBef>
            </a:pPr>
            <a:r>
              <a:rPr sz="727" spc="-13" dirty="0">
                <a:solidFill>
                  <a:srgbClr val="FF3300"/>
                </a:solidFill>
                <a:latin typeface="ＭＳ Ｐゴシック"/>
                <a:cs typeface="ＭＳ Ｐゴシック"/>
              </a:rPr>
              <a:t>建設投資</a:t>
            </a:r>
            <a:endParaRPr sz="727">
              <a:latin typeface="ＭＳ Ｐゴシック"/>
              <a:cs typeface="ＭＳ Ｐゴシック"/>
            </a:endParaRPr>
          </a:p>
          <a:p>
            <a:pPr marL="43439">
              <a:spcBef>
                <a:spcPts val="9"/>
              </a:spcBef>
            </a:pPr>
            <a:r>
              <a:rPr sz="727" dirty="0">
                <a:solidFill>
                  <a:srgbClr val="FF3300"/>
                </a:solidFill>
                <a:latin typeface="Arial"/>
                <a:cs typeface="Arial"/>
              </a:rPr>
              <a:t>51.8</a:t>
            </a:r>
            <a:r>
              <a:rPr sz="727" spc="-21" dirty="0">
                <a:solidFill>
                  <a:srgbClr val="FF3300"/>
                </a:solidFill>
                <a:latin typeface="ＭＳ Ｐゴシック"/>
                <a:cs typeface="ＭＳ Ｐゴシック"/>
              </a:rPr>
              <a:t>兆円</a:t>
            </a:r>
            <a:endParaRPr sz="727">
              <a:latin typeface="ＭＳ Ｐゴシック"/>
              <a:cs typeface="ＭＳ Ｐゴシック"/>
            </a:endParaRPr>
          </a:p>
        </p:txBody>
      </p:sp>
      <p:grpSp>
        <p:nvGrpSpPr>
          <p:cNvPr id="441" name="object 441"/>
          <p:cNvGrpSpPr/>
          <p:nvPr/>
        </p:nvGrpSpPr>
        <p:grpSpPr>
          <a:xfrm>
            <a:off x="5518979" y="2913918"/>
            <a:ext cx="1087072" cy="269867"/>
            <a:chOff x="6454140" y="3179064"/>
            <a:chExt cx="1271270" cy="315595"/>
          </a:xfrm>
        </p:grpSpPr>
        <p:sp>
          <p:nvSpPr>
            <p:cNvPr id="442" name="object 442"/>
            <p:cNvSpPr/>
            <p:nvPr/>
          </p:nvSpPr>
          <p:spPr>
            <a:xfrm>
              <a:off x="6458712" y="3183636"/>
              <a:ext cx="1262380" cy="306705"/>
            </a:xfrm>
            <a:custGeom>
              <a:avLst/>
              <a:gdLst/>
              <a:ahLst/>
              <a:cxnLst/>
              <a:rect l="l" t="t" r="r" b="b"/>
              <a:pathLst>
                <a:path w="1262379" h="306704">
                  <a:moveTo>
                    <a:pt x="1210056" y="0"/>
                  </a:moveTo>
                  <a:lnTo>
                    <a:pt x="51815" y="0"/>
                  </a:lnTo>
                  <a:lnTo>
                    <a:pt x="31503" y="4024"/>
                  </a:lnTo>
                  <a:lnTo>
                    <a:pt x="15049" y="15049"/>
                  </a:lnTo>
                  <a:lnTo>
                    <a:pt x="4024" y="31503"/>
                  </a:lnTo>
                  <a:lnTo>
                    <a:pt x="0" y="51815"/>
                  </a:lnTo>
                  <a:lnTo>
                    <a:pt x="0" y="254508"/>
                  </a:lnTo>
                  <a:lnTo>
                    <a:pt x="4024" y="274820"/>
                  </a:lnTo>
                  <a:lnTo>
                    <a:pt x="15049" y="291274"/>
                  </a:lnTo>
                  <a:lnTo>
                    <a:pt x="31503" y="302299"/>
                  </a:lnTo>
                  <a:lnTo>
                    <a:pt x="51815" y="306324"/>
                  </a:lnTo>
                  <a:lnTo>
                    <a:pt x="1210056" y="306324"/>
                  </a:lnTo>
                  <a:lnTo>
                    <a:pt x="1230368" y="302299"/>
                  </a:lnTo>
                  <a:lnTo>
                    <a:pt x="1246822" y="291274"/>
                  </a:lnTo>
                  <a:lnTo>
                    <a:pt x="1257847" y="274820"/>
                  </a:lnTo>
                  <a:lnTo>
                    <a:pt x="1261871" y="254508"/>
                  </a:lnTo>
                  <a:lnTo>
                    <a:pt x="1261871" y="51815"/>
                  </a:lnTo>
                  <a:lnTo>
                    <a:pt x="1257847" y="31503"/>
                  </a:lnTo>
                  <a:lnTo>
                    <a:pt x="1246822" y="15049"/>
                  </a:lnTo>
                  <a:lnTo>
                    <a:pt x="1230368" y="4024"/>
                  </a:lnTo>
                  <a:lnTo>
                    <a:pt x="1210056" y="0"/>
                  </a:lnTo>
                  <a:close/>
                </a:path>
              </a:pathLst>
            </a:custGeom>
            <a:solidFill>
              <a:srgbClr val="CCFFFF"/>
            </a:solidFill>
          </p:spPr>
          <p:txBody>
            <a:bodyPr wrap="square" lIns="0" tIns="0" rIns="0" bIns="0" rtlCol="0"/>
            <a:lstStyle/>
            <a:p>
              <a:endParaRPr sz="1539"/>
            </a:p>
          </p:txBody>
        </p:sp>
        <p:sp>
          <p:nvSpPr>
            <p:cNvPr id="443" name="object 443"/>
            <p:cNvSpPr/>
            <p:nvPr/>
          </p:nvSpPr>
          <p:spPr>
            <a:xfrm>
              <a:off x="6454140" y="3179064"/>
              <a:ext cx="1271270" cy="315595"/>
            </a:xfrm>
            <a:custGeom>
              <a:avLst/>
              <a:gdLst/>
              <a:ahLst/>
              <a:cxnLst/>
              <a:rect l="l" t="t" r="r" b="b"/>
              <a:pathLst>
                <a:path w="1271270" h="315595">
                  <a:moveTo>
                    <a:pt x="1235964" y="310896"/>
                  </a:moveTo>
                  <a:lnTo>
                    <a:pt x="35051" y="310896"/>
                  </a:lnTo>
                  <a:lnTo>
                    <a:pt x="44196" y="313944"/>
                  </a:lnTo>
                  <a:lnTo>
                    <a:pt x="56387" y="315468"/>
                  </a:lnTo>
                  <a:lnTo>
                    <a:pt x="1216152" y="315468"/>
                  </a:lnTo>
                  <a:lnTo>
                    <a:pt x="1225295" y="313944"/>
                  </a:lnTo>
                  <a:lnTo>
                    <a:pt x="1226819" y="313944"/>
                  </a:lnTo>
                  <a:lnTo>
                    <a:pt x="1235964" y="310896"/>
                  </a:lnTo>
                  <a:close/>
                </a:path>
                <a:path w="1271270" h="315595">
                  <a:moveTo>
                    <a:pt x="1237488" y="4572"/>
                  </a:moveTo>
                  <a:lnTo>
                    <a:pt x="33527" y="4572"/>
                  </a:lnTo>
                  <a:lnTo>
                    <a:pt x="24384" y="9144"/>
                  </a:lnTo>
                  <a:lnTo>
                    <a:pt x="24384" y="10668"/>
                  </a:lnTo>
                  <a:lnTo>
                    <a:pt x="16763" y="16763"/>
                  </a:lnTo>
                  <a:lnTo>
                    <a:pt x="15239" y="16763"/>
                  </a:lnTo>
                  <a:lnTo>
                    <a:pt x="9144" y="24384"/>
                  </a:lnTo>
                  <a:lnTo>
                    <a:pt x="9144" y="25908"/>
                  </a:lnTo>
                  <a:lnTo>
                    <a:pt x="4572" y="33528"/>
                  </a:lnTo>
                  <a:lnTo>
                    <a:pt x="4572" y="35051"/>
                  </a:lnTo>
                  <a:lnTo>
                    <a:pt x="1524" y="44196"/>
                  </a:lnTo>
                  <a:lnTo>
                    <a:pt x="1524" y="45720"/>
                  </a:lnTo>
                  <a:lnTo>
                    <a:pt x="0" y="56387"/>
                  </a:lnTo>
                  <a:lnTo>
                    <a:pt x="0" y="260604"/>
                  </a:lnTo>
                  <a:lnTo>
                    <a:pt x="1524" y="269748"/>
                  </a:lnTo>
                  <a:lnTo>
                    <a:pt x="1524" y="271272"/>
                  </a:lnTo>
                  <a:lnTo>
                    <a:pt x="4572" y="280416"/>
                  </a:lnTo>
                  <a:lnTo>
                    <a:pt x="4572" y="281940"/>
                  </a:lnTo>
                  <a:lnTo>
                    <a:pt x="9144" y="289560"/>
                  </a:lnTo>
                  <a:lnTo>
                    <a:pt x="9144" y="291084"/>
                  </a:lnTo>
                  <a:lnTo>
                    <a:pt x="15239" y="298704"/>
                  </a:lnTo>
                  <a:lnTo>
                    <a:pt x="16763" y="298704"/>
                  </a:lnTo>
                  <a:lnTo>
                    <a:pt x="24384" y="304800"/>
                  </a:lnTo>
                  <a:lnTo>
                    <a:pt x="24384" y="306324"/>
                  </a:lnTo>
                  <a:lnTo>
                    <a:pt x="33527" y="310896"/>
                  </a:lnTo>
                  <a:lnTo>
                    <a:pt x="1237488" y="310896"/>
                  </a:lnTo>
                  <a:lnTo>
                    <a:pt x="1246632" y="306324"/>
                  </a:lnTo>
                  <a:lnTo>
                    <a:pt x="1246632" y="304800"/>
                  </a:lnTo>
                  <a:lnTo>
                    <a:pt x="47244" y="304800"/>
                  </a:lnTo>
                  <a:lnTo>
                    <a:pt x="38100" y="301751"/>
                  </a:lnTo>
                  <a:lnTo>
                    <a:pt x="28956" y="297180"/>
                  </a:lnTo>
                  <a:lnTo>
                    <a:pt x="30480" y="297180"/>
                  </a:lnTo>
                  <a:lnTo>
                    <a:pt x="24764" y="292608"/>
                  </a:lnTo>
                  <a:lnTo>
                    <a:pt x="24384" y="292608"/>
                  </a:lnTo>
                  <a:lnTo>
                    <a:pt x="16763" y="284988"/>
                  </a:lnTo>
                  <a:lnTo>
                    <a:pt x="18287" y="284988"/>
                  </a:lnTo>
                  <a:lnTo>
                    <a:pt x="13715" y="277368"/>
                  </a:lnTo>
                  <a:lnTo>
                    <a:pt x="11176" y="269748"/>
                  </a:lnTo>
                  <a:lnTo>
                    <a:pt x="10668" y="269748"/>
                  </a:lnTo>
                  <a:lnTo>
                    <a:pt x="10668" y="45720"/>
                  </a:lnTo>
                  <a:lnTo>
                    <a:pt x="11176" y="45720"/>
                  </a:lnTo>
                  <a:lnTo>
                    <a:pt x="13715" y="38100"/>
                  </a:lnTo>
                  <a:lnTo>
                    <a:pt x="18287" y="30480"/>
                  </a:lnTo>
                  <a:lnTo>
                    <a:pt x="16763" y="30480"/>
                  </a:lnTo>
                  <a:lnTo>
                    <a:pt x="24384" y="22860"/>
                  </a:lnTo>
                  <a:lnTo>
                    <a:pt x="24764" y="22860"/>
                  </a:lnTo>
                  <a:lnTo>
                    <a:pt x="30480" y="18287"/>
                  </a:lnTo>
                  <a:lnTo>
                    <a:pt x="28956" y="18287"/>
                  </a:lnTo>
                  <a:lnTo>
                    <a:pt x="38100" y="13716"/>
                  </a:lnTo>
                  <a:lnTo>
                    <a:pt x="47244" y="10668"/>
                  </a:lnTo>
                  <a:lnTo>
                    <a:pt x="1246632" y="10668"/>
                  </a:lnTo>
                  <a:lnTo>
                    <a:pt x="1246632" y="9144"/>
                  </a:lnTo>
                  <a:lnTo>
                    <a:pt x="1237488" y="4572"/>
                  </a:lnTo>
                  <a:close/>
                </a:path>
                <a:path w="1271270" h="315595">
                  <a:moveTo>
                    <a:pt x="1247309" y="291761"/>
                  </a:moveTo>
                  <a:lnTo>
                    <a:pt x="1240536" y="297180"/>
                  </a:lnTo>
                  <a:lnTo>
                    <a:pt x="1232915" y="301751"/>
                  </a:lnTo>
                  <a:lnTo>
                    <a:pt x="1223771" y="304800"/>
                  </a:lnTo>
                  <a:lnTo>
                    <a:pt x="1246632" y="304800"/>
                  </a:lnTo>
                  <a:lnTo>
                    <a:pt x="1254252" y="298704"/>
                  </a:lnTo>
                  <a:lnTo>
                    <a:pt x="1255776" y="298704"/>
                  </a:lnTo>
                  <a:lnTo>
                    <a:pt x="1260652" y="292608"/>
                  </a:lnTo>
                  <a:lnTo>
                    <a:pt x="1246632" y="292608"/>
                  </a:lnTo>
                  <a:lnTo>
                    <a:pt x="1247309" y="291761"/>
                  </a:lnTo>
                  <a:close/>
                </a:path>
                <a:path w="1271270" h="315595">
                  <a:moveTo>
                    <a:pt x="22860" y="291084"/>
                  </a:moveTo>
                  <a:lnTo>
                    <a:pt x="24384" y="292608"/>
                  </a:lnTo>
                  <a:lnTo>
                    <a:pt x="24764" y="292608"/>
                  </a:lnTo>
                  <a:lnTo>
                    <a:pt x="22860" y="291084"/>
                  </a:lnTo>
                  <a:close/>
                </a:path>
                <a:path w="1271270" h="315595">
                  <a:moveTo>
                    <a:pt x="1248156" y="291084"/>
                  </a:moveTo>
                  <a:lnTo>
                    <a:pt x="1247309" y="291761"/>
                  </a:lnTo>
                  <a:lnTo>
                    <a:pt x="1246632" y="292608"/>
                  </a:lnTo>
                  <a:lnTo>
                    <a:pt x="1248156" y="291084"/>
                  </a:lnTo>
                  <a:close/>
                </a:path>
                <a:path w="1271270" h="315595">
                  <a:moveTo>
                    <a:pt x="1261871" y="291084"/>
                  </a:moveTo>
                  <a:lnTo>
                    <a:pt x="1248156" y="291084"/>
                  </a:lnTo>
                  <a:lnTo>
                    <a:pt x="1246632" y="292608"/>
                  </a:lnTo>
                  <a:lnTo>
                    <a:pt x="1260652" y="292608"/>
                  </a:lnTo>
                  <a:lnTo>
                    <a:pt x="1261871" y="291084"/>
                  </a:lnTo>
                  <a:close/>
                </a:path>
                <a:path w="1271270" h="315595">
                  <a:moveTo>
                    <a:pt x="1260348" y="268224"/>
                  </a:moveTo>
                  <a:lnTo>
                    <a:pt x="1257300" y="277368"/>
                  </a:lnTo>
                  <a:lnTo>
                    <a:pt x="1252728" y="284988"/>
                  </a:lnTo>
                  <a:lnTo>
                    <a:pt x="1247309" y="291761"/>
                  </a:lnTo>
                  <a:lnTo>
                    <a:pt x="1248156" y="291084"/>
                  </a:lnTo>
                  <a:lnTo>
                    <a:pt x="1261871" y="291084"/>
                  </a:lnTo>
                  <a:lnTo>
                    <a:pt x="1261871" y="289560"/>
                  </a:lnTo>
                  <a:lnTo>
                    <a:pt x="1266443" y="281940"/>
                  </a:lnTo>
                  <a:lnTo>
                    <a:pt x="1266443" y="280416"/>
                  </a:lnTo>
                  <a:lnTo>
                    <a:pt x="1269491" y="271272"/>
                  </a:lnTo>
                  <a:lnTo>
                    <a:pt x="1269491" y="269748"/>
                  </a:lnTo>
                  <a:lnTo>
                    <a:pt x="1260348" y="269748"/>
                  </a:lnTo>
                  <a:lnTo>
                    <a:pt x="1260348" y="268224"/>
                  </a:lnTo>
                  <a:close/>
                </a:path>
                <a:path w="1271270" h="315595">
                  <a:moveTo>
                    <a:pt x="10668" y="268224"/>
                  </a:moveTo>
                  <a:lnTo>
                    <a:pt x="10668" y="269748"/>
                  </a:lnTo>
                  <a:lnTo>
                    <a:pt x="11176" y="269748"/>
                  </a:lnTo>
                  <a:lnTo>
                    <a:pt x="10668" y="268224"/>
                  </a:lnTo>
                  <a:close/>
                </a:path>
                <a:path w="1271270" h="315595">
                  <a:moveTo>
                    <a:pt x="1269491" y="45720"/>
                  </a:moveTo>
                  <a:lnTo>
                    <a:pt x="1260348" y="45720"/>
                  </a:lnTo>
                  <a:lnTo>
                    <a:pt x="1260348" y="269748"/>
                  </a:lnTo>
                  <a:lnTo>
                    <a:pt x="1269491" y="269748"/>
                  </a:lnTo>
                  <a:lnTo>
                    <a:pt x="1271015" y="259080"/>
                  </a:lnTo>
                  <a:lnTo>
                    <a:pt x="1271015" y="56387"/>
                  </a:lnTo>
                  <a:lnTo>
                    <a:pt x="1269491" y="45720"/>
                  </a:lnTo>
                  <a:close/>
                </a:path>
                <a:path w="1271270" h="315595">
                  <a:moveTo>
                    <a:pt x="11176" y="45720"/>
                  </a:moveTo>
                  <a:lnTo>
                    <a:pt x="10668" y="45720"/>
                  </a:lnTo>
                  <a:lnTo>
                    <a:pt x="10668" y="47244"/>
                  </a:lnTo>
                  <a:lnTo>
                    <a:pt x="11176" y="45720"/>
                  </a:lnTo>
                  <a:close/>
                </a:path>
                <a:path w="1271270" h="315595">
                  <a:moveTo>
                    <a:pt x="1247309" y="23706"/>
                  </a:moveTo>
                  <a:lnTo>
                    <a:pt x="1252728" y="30480"/>
                  </a:lnTo>
                  <a:lnTo>
                    <a:pt x="1257300" y="38100"/>
                  </a:lnTo>
                  <a:lnTo>
                    <a:pt x="1260348" y="47244"/>
                  </a:lnTo>
                  <a:lnTo>
                    <a:pt x="1260348" y="45720"/>
                  </a:lnTo>
                  <a:lnTo>
                    <a:pt x="1269491" y="45720"/>
                  </a:lnTo>
                  <a:lnTo>
                    <a:pt x="1269491" y="44196"/>
                  </a:lnTo>
                  <a:lnTo>
                    <a:pt x="1266443" y="35051"/>
                  </a:lnTo>
                  <a:lnTo>
                    <a:pt x="1266443" y="33528"/>
                  </a:lnTo>
                  <a:lnTo>
                    <a:pt x="1261871" y="25908"/>
                  </a:lnTo>
                  <a:lnTo>
                    <a:pt x="1261871" y="24384"/>
                  </a:lnTo>
                  <a:lnTo>
                    <a:pt x="1248156" y="24384"/>
                  </a:lnTo>
                  <a:lnTo>
                    <a:pt x="1247309" y="23706"/>
                  </a:lnTo>
                  <a:close/>
                </a:path>
                <a:path w="1271270" h="315595">
                  <a:moveTo>
                    <a:pt x="24764" y="22860"/>
                  </a:moveTo>
                  <a:lnTo>
                    <a:pt x="24384" y="22860"/>
                  </a:lnTo>
                  <a:lnTo>
                    <a:pt x="22860" y="24384"/>
                  </a:lnTo>
                  <a:lnTo>
                    <a:pt x="24764" y="22860"/>
                  </a:lnTo>
                  <a:close/>
                </a:path>
                <a:path w="1271270" h="315595">
                  <a:moveTo>
                    <a:pt x="1246632" y="22860"/>
                  </a:moveTo>
                  <a:lnTo>
                    <a:pt x="1247309" y="23706"/>
                  </a:lnTo>
                  <a:lnTo>
                    <a:pt x="1248156" y="24384"/>
                  </a:lnTo>
                  <a:lnTo>
                    <a:pt x="1246632" y="22860"/>
                  </a:lnTo>
                  <a:close/>
                </a:path>
                <a:path w="1271270" h="315595">
                  <a:moveTo>
                    <a:pt x="1260652" y="22860"/>
                  </a:moveTo>
                  <a:lnTo>
                    <a:pt x="1246632" y="22860"/>
                  </a:lnTo>
                  <a:lnTo>
                    <a:pt x="1248156" y="24384"/>
                  </a:lnTo>
                  <a:lnTo>
                    <a:pt x="1261871" y="24384"/>
                  </a:lnTo>
                  <a:lnTo>
                    <a:pt x="1260652" y="22860"/>
                  </a:lnTo>
                  <a:close/>
                </a:path>
                <a:path w="1271270" h="315595">
                  <a:moveTo>
                    <a:pt x="1246632" y="10668"/>
                  </a:moveTo>
                  <a:lnTo>
                    <a:pt x="1223771" y="10668"/>
                  </a:lnTo>
                  <a:lnTo>
                    <a:pt x="1232915" y="13716"/>
                  </a:lnTo>
                  <a:lnTo>
                    <a:pt x="1240536" y="18287"/>
                  </a:lnTo>
                  <a:lnTo>
                    <a:pt x="1247309" y="23706"/>
                  </a:lnTo>
                  <a:lnTo>
                    <a:pt x="1246632" y="22860"/>
                  </a:lnTo>
                  <a:lnTo>
                    <a:pt x="1260652" y="22860"/>
                  </a:lnTo>
                  <a:lnTo>
                    <a:pt x="1255776" y="16763"/>
                  </a:lnTo>
                  <a:lnTo>
                    <a:pt x="1254252" y="16763"/>
                  </a:lnTo>
                  <a:lnTo>
                    <a:pt x="1246632" y="10668"/>
                  </a:lnTo>
                  <a:close/>
                </a:path>
                <a:path w="1271270" h="315595">
                  <a:moveTo>
                    <a:pt x="56387" y="10668"/>
                  </a:moveTo>
                  <a:lnTo>
                    <a:pt x="47244" y="10668"/>
                  </a:lnTo>
                  <a:lnTo>
                    <a:pt x="45720" y="12192"/>
                  </a:lnTo>
                  <a:lnTo>
                    <a:pt x="56387" y="10668"/>
                  </a:lnTo>
                  <a:close/>
                </a:path>
                <a:path w="1271270" h="315595">
                  <a:moveTo>
                    <a:pt x="1223771" y="10668"/>
                  </a:moveTo>
                  <a:lnTo>
                    <a:pt x="1214628" y="10668"/>
                  </a:lnTo>
                  <a:lnTo>
                    <a:pt x="1225295" y="12192"/>
                  </a:lnTo>
                  <a:lnTo>
                    <a:pt x="1223771" y="10668"/>
                  </a:lnTo>
                  <a:close/>
                </a:path>
                <a:path w="1271270" h="315595">
                  <a:moveTo>
                    <a:pt x="1214628" y="0"/>
                  </a:moveTo>
                  <a:lnTo>
                    <a:pt x="54863" y="0"/>
                  </a:lnTo>
                  <a:lnTo>
                    <a:pt x="44196" y="1524"/>
                  </a:lnTo>
                  <a:lnTo>
                    <a:pt x="35051" y="4572"/>
                  </a:lnTo>
                  <a:lnTo>
                    <a:pt x="1235964" y="4572"/>
                  </a:lnTo>
                  <a:lnTo>
                    <a:pt x="1226819" y="1524"/>
                  </a:lnTo>
                  <a:lnTo>
                    <a:pt x="1225295" y="1524"/>
                  </a:lnTo>
                  <a:lnTo>
                    <a:pt x="1214628" y="0"/>
                  </a:lnTo>
                  <a:close/>
                </a:path>
              </a:pathLst>
            </a:custGeom>
            <a:solidFill>
              <a:srgbClr val="000080"/>
            </a:solidFill>
          </p:spPr>
          <p:txBody>
            <a:bodyPr wrap="square" lIns="0" tIns="0" rIns="0" bIns="0" rtlCol="0"/>
            <a:lstStyle/>
            <a:p>
              <a:endParaRPr sz="1539"/>
            </a:p>
          </p:txBody>
        </p:sp>
      </p:grpSp>
      <p:sp>
        <p:nvSpPr>
          <p:cNvPr id="444" name="object 444"/>
          <p:cNvSpPr txBox="1"/>
          <p:nvPr/>
        </p:nvSpPr>
        <p:spPr>
          <a:xfrm>
            <a:off x="5604556" y="2921302"/>
            <a:ext cx="917115" cy="235842"/>
          </a:xfrm>
          <a:prstGeom prst="rect">
            <a:avLst/>
          </a:prstGeom>
        </p:spPr>
        <p:txBody>
          <a:bodyPr vert="horz" wrap="square" lIns="0" tIns="11946" rIns="0" bIns="0" rtlCol="0">
            <a:spAutoFit/>
          </a:bodyPr>
          <a:lstStyle/>
          <a:p>
            <a:pPr marL="52127">
              <a:spcBef>
                <a:spcPts val="94"/>
              </a:spcBef>
            </a:pPr>
            <a:r>
              <a:rPr sz="727" spc="-9" dirty="0">
                <a:solidFill>
                  <a:srgbClr val="000066"/>
                </a:solidFill>
                <a:latin typeface="ＭＳ Ｐゴシック"/>
                <a:cs typeface="ＭＳ Ｐゴシック"/>
              </a:rPr>
              <a:t>許可業者数のピーク</a:t>
            </a:r>
            <a:endParaRPr sz="727">
              <a:latin typeface="ＭＳ Ｐゴシック"/>
              <a:cs typeface="ＭＳ Ｐゴシック"/>
            </a:endParaRPr>
          </a:p>
          <a:p>
            <a:pPr marL="10860">
              <a:spcBef>
                <a:spcPts val="13"/>
              </a:spcBef>
            </a:pPr>
            <a:r>
              <a:rPr sz="727" dirty="0">
                <a:solidFill>
                  <a:srgbClr val="000066"/>
                </a:solidFill>
                <a:latin typeface="Calibri"/>
                <a:cs typeface="Calibri"/>
              </a:rPr>
              <a:t>600</a:t>
            </a:r>
            <a:r>
              <a:rPr sz="727" dirty="0">
                <a:solidFill>
                  <a:srgbClr val="000066"/>
                </a:solidFill>
                <a:latin typeface="ＭＳ Ｐゴシック"/>
                <a:cs typeface="ＭＳ Ｐゴシック"/>
              </a:rPr>
              <a:t>千業者（</a:t>
            </a:r>
            <a:r>
              <a:rPr sz="727" dirty="0">
                <a:solidFill>
                  <a:srgbClr val="000066"/>
                </a:solidFill>
                <a:latin typeface="Calibri"/>
                <a:cs typeface="Calibri"/>
              </a:rPr>
              <a:t>11</a:t>
            </a:r>
            <a:r>
              <a:rPr sz="727" dirty="0">
                <a:solidFill>
                  <a:srgbClr val="000066"/>
                </a:solidFill>
                <a:latin typeface="ＭＳ Ｐゴシック"/>
                <a:cs typeface="ＭＳ Ｐゴシック"/>
              </a:rPr>
              <a:t>年度末</a:t>
            </a:r>
            <a:r>
              <a:rPr sz="727" spc="-43" dirty="0">
                <a:solidFill>
                  <a:srgbClr val="000066"/>
                </a:solidFill>
                <a:latin typeface="ＭＳ Ｐゴシック"/>
                <a:cs typeface="ＭＳ Ｐゴシック"/>
              </a:rPr>
              <a:t>）</a:t>
            </a:r>
            <a:endParaRPr sz="727">
              <a:latin typeface="ＭＳ Ｐゴシック"/>
              <a:cs typeface="ＭＳ Ｐゴシック"/>
            </a:endParaRPr>
          </a:p>
        </p:txBody>
      </p:sp>
      <p:grpSp>
        <p:nvGrpSpPr>
          <p:cNvPr id="445" name="object 445"/>
          <p:cNvGrpSpPr/>
          <p:nvPr/>
        </p:nvGrpSpPr>
        <p:grpSpPr>
          <a:xfrm>
            <a:off x="4604145" y="1959986"/>
            <a:ext cx="939921" cy="532133"/>
            <a:chOff x="5384291" y="2063495"/>
            <a:chExt cx="1099185" cy="622300"/>
          </a:xfrm>
        </p:grpSpPr>
        <p:sp>
          <p:nvSpPr>
            <p:cNvPr id="446" name="object 446"/>
            <p:cNvSpPr/>
            <p:nvPr/>
          </p:nvSpPr>
          <p:spPr>
            <a:xfrm>
              <a:off x="5388863" y="2068067"/>
              <a:ext cx="1088390" cy="611505"/>
            </a:xfrm>
            <a:custGeom>
              <a:avLst/>
              <a:gdLst/>
              <a:ahLst/>
              <a:cxnLst/>
              <a:rect l="l" t="t" r="r" b="b"/>
              <a:pathLst>
                <a:path w="1088389" h="611505">
                  <a:moveTo>
                    <a:pt x="986027" y="0"/>
                  </a:moveTo>
                  <a:lnTo>
                    <a:pt x="102108" y="0"/>
                  </a:lnTo>
                  <a:lnTo>
                    <a:pt x="62364" y="8024"/>
                  </a:lnTo>
                  <a:lnTo>
                    <a:pt x="29908" y="29908"/>
                  </a:lnTo>
                  <a:lnTo>
                    <a:pt x="8024" y="62364"/>
                  </a:lnTo>
                  <a:lnTo>
                    <a:pt x="0" y="102107"/>
                  </a:lnTo>
                  <a:lnTo>
                    <a:pt x="0" y="509015"/>
                  </a:lnTo>
                  <a:lnTo>
                    <a:pt x="8024" y="548759"/>
                  </a:lnTo>
                  <a:lnTo>
                    <a:pt x="29908" y="581215"/>
                  </a:lnTo>
                  <a:lnTo>
                    <a:pt x="62364" y="603099"/>
                  </a:lnTo>
                  <a:lnTo>
                    <a:pt x="102108" y="611124"/>
                  </a:lnTo>
                  <a:lnTo>
                    <a:pt x="986027" y="611124"/>
                  </a:lnTo>
                  <a:lnTo>
                    <a:pt x="1025771" y="603099"/>
                  </a:lnTo>
                  <a:lnTo>
                    <a:pt x="1058227" y="581215"/>
                  </a:lnTo>
                  <a:lnTo>
                    <a:pt x="1080111" y="548759"/>
                  </a:lnTo>
                  <a:lnTo>
                    <a:pt x="1088136" y="509015"/>
                  </a:lnTo>
                  <a:lnTo>
                    <a:pt x="1088136" y="102107"/>
                  </a:lnTo>
                  <a:lnTo>
                    <a:pt x="1080111" y="62364"/>
                  </a:lnTo>
                  <a:lnTo>
                    <a:pt x="1058227" y="29908"/>
                  </a:lnTo>
                  <a:lnTo>
                    <a:pt x="1025771" y="8024"/>
                  </a:lnTo>
                  <a:lnTo>
                    <a:pt x="986027" y="0"/>
                  </a:lnTo>
                  <a:close/>
                </a:path>
              </a:pathLst>
            </a:custGeom>
            <a:solidFill>
              <a:srgbClr val="CCFFFF"/>
            </a:solidFill>
          </p:spPr>
          <p:txBody>
            <a:bodyPr wrap="square" lIns="0" tIns="0" rIns="0" bIns="0" rtlCol="0"/>
            <a:lstStyle/>
            <a:p>
              <a:endParaRPr sz="1539"/>
            </a:p>
          </p:txBody>
        </p:sp>
        <p:sp>
          <p:nvSpPr>
            <p:cNvPr id="447" name="object 447"/>
            <p:cNvSpPr/>
            <p:nvPr/>
          </p:nvSpPr>
          <p:spPr>
            <a:xfrm>
              <a:off x="5384291" y="2063495"/>
              <a:ext cx="1099185" cy="622300"/>
            </a:xfrm>
            <a:custGeom>
              <a:avLst/>
              <a:gdLst/>
              <a:ahLst/>
              <a:cxnLst/>
              <a:rect l="l" t="t" r="r" b="b"/>
              <a:pathLst>
                <a:path w="1099185" h="622300">
                  <a:moveTo>
                    <a:pt x="1001268" y="0"/>
                  </a:moveTo>
                  <a:lnTo>
                    <a:pt x="96012" y="0"/>
                  </a:lnTo>
                  <a:lnTo>
                    <a:pt x="85344" y="1524"/>
                  </a:lnTo>
                  <a:lnTo>
                    <a:pt x="38100" y="24384"/>
                  </a:lnTo>
                  <a:lnTo>
                    <a:pt x="12192" y="56387"/>
                  </a:lnTo>
                  <a:lnTo>
                    <a:pt x="0" y="96012"/>
                  </a:lnTo>
                  <a:lnTo>
                    <a:pt x="0" y="525779"/>
                  </a:lnTo>
                  <a:lnTo>
                    <a:pt x="18287" y="574548"/>
                  </a:lnTo>
                  <a:lnTo>
                    <a:pt x="47244" y="603503"/>
                  </a:lnTo>
                  <a:lnTo>
                    <a:pt x="85344" y="618743"/>
                  </a:lnTo>
                  <a:lnTo>
                    <a:pt x="106680" y="621791"/>
                  </a:lnTo>
                  <a:lnTo>
                    <a:pt x="992124" y="621791"/>
                  </a:lnTo>
                  <a:lnTo>
                    <a:pt x="1024128" y="617219"/>
                  </a:lnTo>
                  <a:lnTo>
                    <a:pt x="1036319" y="611124"/>
                  </a:lnTo>
                  <a:lnTo>
                    <a:pt x="97536" y="611124"/>
                  </a:lnTo>
                  <a:lnTo>
                    <a:pt x="86868" y="609600"/>
                  </a:lnTo>
                  <a:lnTo>
                    <a:pt x="38100" y="582167"/>
                  </a:lnTo>
                  <a:lnTo>
                    <a:pt x="12192" y="533400"/>
                  </a:lnTo>
                  <a:lnTo>
                    <a:pt x="10668" y="524255"/>
                  </a:lnTo>
                  <a:lnTo>
                    <a:pt x="10668" y="97536"/>
                  </a:lnTo>
                  <a:lnTo>
                    <a:pt x="12192" y="86867"/>
                  </a:lnTo>
                  <a:lnTo>
                    <a:pt x="18287" y="68579"/>
                  </a:lnTo>
                  <a:lnTo>
                    <a:pt x="21336" y="60960"/>
                  </a:lnTo>
                  <a:lnTo>
                    <a:pt x="27432" y="53339"/>
                  </a:lnTo>
                  <a:lnTo>
                    <a:pt x="32004" y="45719"/>
                  </a:lnTo>
                  <a:lnTo>
                    <a:pt x="38100" y="38100"/>
                  </a:lnTo>
                  <a:lnTo>
                    <a:pt x="53340" y="25908"/>
                  </a:lnTo>
                  <a:lnTo>
                    <a:pt x="60960" y="21336"/>
                  </a:lnTo>
                  <a:lnTo>
                    <a:pt x="70104" y="18287"/>
                  </a:lnTo>
                  <a:lnTo>
                    <a:pt x="79248" y="13715"/>
                  </a:lnTo>
                  <a:lnTo>
                    <a:pt x="97536" y="10667"/>
                  </a:lnTo>
                  <a:lnTo>
                    <a:pt x="1039368" y="10667"/>
                  </a:lnTo>
                  <a:lnTo>
                    <a:pt x="1033272" y="7619"/>
                  </a:lnTo>
                  <a:lnTo>
                    <a:pt x="1011936" y="1524"/>
                  </a:lnTo>
                  <a:lnTo>
                    <a:pt x="1001268" y="0"/>
                  </a:lnTo>
                  <a:close/>
                </a:path>
                <a:path w="1099185" h="622300">
                  <a:moveTo>
                    <a:pt x="1039368" y="10667"/>
                  </a:moveTo>
                  <a:lnTo>
                    <a:pt x="1001268" y="10667"/>
                  </a:lnTo>
                  <a:lnTo>
                    <a:pt x="1010412" y="12191"/>
                  </a:lnTo>
                  <a:lnTo>
                    <a:pt x="1021080" y="15239"/>
                  </a:lnTo>
                  <a:lnTo>
                    <a:pt x="1028700" y="18287"/>
                  </a:lnTo>
                  <a:lnTo>
                    <a:pt x="1037844" y="21336"/>
                  </a:lnTo>
                  <a:lnTo>
                    <a:pt x="1045463" y="27431"/>
                  </a:lnTo>
                  <a:lnTo>
                    <a:pt x="1075944" y="60960"/>
                  </a:lnTo>
                  <a:lnTo>
                    <a:pt x="1088136" y="97536"/>
                  </a:lnTo>
                  <a:lnTo>
                    <a:pt x="1088136" y="524255"/>
                  </a:lnTo>
                  <a:lnTo>
                    <a:pt x="1075944" y="560831"/>
                  </a:lnTo>
                  <a:lnTo>
                    <a:pt x="1037844" y="598931"/>
                  </a:lnTo>
                  <a:lnTo>
                    <a:pt x="1001268" y="611124"/>
                  </a:lnTo>
                  <a:lnTo>
                    <a:pt x="1036319" y="611124"/>
                  </a:lnTo>
                  <a:lnTo>
                    <a:pt x="1074420" y="582167"/>
                  </a:lnTo>
                  <a:lnTo>
                    <a:pt x="1094232" y="545591"/>
                  </a:lnTo>
                  <a:lnTo>
                    <a:pt x="1095756" y="534924"/>
                  </a:lnTo>
                  <a:lnTo>
                    <a:pt x="1097280" y="525779"/>
                  </a:lnTo>
                  <a:lnTo>
                    <a:pt x="1098804" y="515112"/>
                  </a:lnTo>
                  <a:lnTo>
                    <a:pt x="1098804" y="106679"/>
                  </a:lnTo>
                  <a:lnTo>
                    <a:pt x="1080516" y="47243"/>
                  </a:lnTo>
                  <a:lnTo>
                    <a:pt x="1051560" y="18287"/>
                  </a:lnTo>
                  <a:lnTo>
                    <a:pt x="1042416" y="12191"/>
                  </a:lnTo>
                  <a:lnTo>
                    <a:pt x="1039368" y="10667"/>
                  </a:lnTo>
                  <a:close/>
                </a:path>
              </a:pathLst>
            </a:custGeom>
            <a:solidFill>
              <a:srgbClr val="333399"/>
            </a:solidFill>
          </p:spPr>
          <p:txBody>
            <a:bodyPr wrap="square" lIns="0" tIns="0" rIns="0" bIns="0" rtlCol="0"/>
            <a:lstStyle/>
            <a:p>
              <a:endParaRPr sz="1539"/>
            </a:p>
          </p:txBody>
        </p:sp>
      </p:grpSp>
      <p:sp>
        <p:nvSpPr>
          <p:cNvPr id="448" name="object 448"/>
          <p:cNvSpPr txBox="1"/>
          <p:nvPr/>
        </p:nvSpPr>
        <p:spPr>
          <a:xfrm>
            <a:off x="4687114" y="1985616"/>
            <a:ext cx="776480" cy="461247"/>
          </a:xfrm>
          <a:prstGeom prst="rect">
            <a:avLst/>
          </a:prstGeom>
        </p:spPr>
        <p:txBody>
          <a:bodyPr vert="horz" wrap="square" lIns="0" tIns="10317" rIns="0" bIns="0" rtlCol="0">
            <a:spAutoFit/>
          </a:bodyPr>
          <a:lstStyle/>
          <a:p>
            <a:pPr marL="10860" marR="4344" indent="19548" algn="just">
              <a:lnSpc>
                <a:spcPct val="101600"/>
              </a:lnSpc>
              <a:spcBef>
                <a:spcPts val="81"/>
              </a:spcBef>
            </a:pPr>
            <a:r>
              <a:rPr sz="727" spc="-9" dirty="0">
                <a:solidFill>
                  <a:srgbClr val="000066"/>
                </a:solidFill>
                <a:latin typeface="ＭＳ Ｐゴシック"/>
                <a:cs typeface="ＭＳ Ｐゴシック"/>
              </a:rPr>
              <a:t>建設投資のピーク</a:t>
            </a:r>
            <a:r>
              <a:rPr sz="727" spc="-43" dirty="0">
                <a:solidFill>
                  <a:srgbClr val="000066"/>
                </a:solidFill>
                <a:latin typeface="ＭＳ Ｐゴシック"/>
                <a:cs typeface="ＭＳ Ｐゴシック"/>
              </a:rPr>
              <a:t> </a:t>
            </a:r>
            <a:r>
              <a:rPr sz="727" dirty="0">
                <a:solidFill>
                  <a:srgbClr val="000066"/>
                </a:solidFill>
                <a:latin typeface="Calibri"/>
                <a:cs typeface="Calibri"/>
              </a:rPr>
              <a:t>84.0</a:t>
            </a:r>
            <a:r>
              <a:rPr sz="727" dirty="0">
                <a:solidFill>
                  <a:srgbClr val="000066"/>
                </a:solidFill>
                <a:latin typeface="ＭＳ Ｐゴシック"/>
                <a:cs typeface="ＭＳ Ｐゴシック"/>
              </a:rPr>
              <a:t>兆円（４年度</a:t>
            </a:r>
            <a:r>
              <a:rPr sz="727" spc="-43" dirty="0">
                <a:solidFill>
                  <a:srgbClr val="000066"/>
                </a:solidFill>
                <a:latin typeface="ＭＳ Ｐゴシック"/>
                <a:cs typeface="ＭＳ Ｐゴシック"/>
              </a:rPr>
              <a:t>）</a:t>
            </a:r>
            <a:r>
              <a:rPr sz="727" dirty="0">
                <a:solidFill>
                  <a:srgbClr val="000066"/>
                </a:solidFill>
                <a:latin typeface="ＭＳ Ｐゴシック"/>
                <a:cs typeface="ＭＳ Ｐゴシック"/>
              </a:rPr>
              <a:t>就業者数：</a:t>
            </a:r>
            <a:r>
              <a:rPr sz="727" dirty="0">
                <a:solidFill>
                  <a:srgbClr val="000066"/>
                </a:solidFill>
                <a:latin typeface="Calibri"/>
                <a:cs typeface="Calibri"/>
              </a:rPr>
              <a:t>619</a:t>
            </a:r>
            <a:r>
              <a:rPr sz="727" spc="-21" dirty="0">
                <a:solidFill>
                  <a:srgbClr val="000066"/>
                </a:solidFill>
                <a:latin typeface="ＭＳ Ｐゴシック"/>
                <a:cs typeface="ＭＳ Ｐゴシック"/>
              </a:rPr>
              <a:t>万人</a:t>
            </a:r>
            <a:r>
              <a:rPr sz="727" dirty="0">
                <a:solidFill>
                  <a:srgbClr val="000066"/>
                </a:solidFill>
                <a:latin typeface="ＭＳ Ｐゴシック"/>
                <a:cs typeface="ＭＳ Ｐゴシック"/>
              </a:rPr>
              <a:t>業者数：</a:t>
            </a:r>
            <a:r>
              <a:rPr sz="727" dirty="0">
                <a:solidFill>
                  <a:srgbClr val="000066"/>
                </a:solidFill>
                <a:latin typeface="Calibri"/>
                <a:cs typeface="Calibri"/>
              </a:rPr>
              <a:t>531</a:t>
            </a:r>
            <a:r>
              <a:rPr sz="727" spc="-17" dirty="0">
                <a:solidFill>
                  <a:srgbClr val="000066"/>
                </a:solidFill>
                <a:latin typeface="ＭＳ Ｐゴシック"/>
                <a:cs typeface="ＭＳ Ｐゴシック"/>
              </a:rPr>
              <a:t>千業者</a:t>
            </a:r>
            <a:endParaRPr sz="727">
              <a:latin typeface="ＭＳ Ｐゴシック"/>
              <a:cs typeface="ＭＳ Ｐゴシック"/>
            </a:endParaRPr>
          </a:p>
        </p:txBody>
      </p:sp>
      <p:sp>
        <p:nvSpPr>
          <p:cNvPr id="449" name="object 449"/>
          <p:cNvSpPr/>
          <p:nvPr/>
        </p:nvSpPr>
        <p:spPr>
          <a:xfrm>
            <a:off x="3510774" y="2129402"/>
            <a:ext cx="1099018" cy="118915"/>
          </a:xfrm>
          <a:custGeom>
            <a:avLst/>
            <a:gdLst/>
            <a:ahLst/>
            <a:cxnLst/>
            <a:rect l="l" t="t" r="r" b="b"/>
            <a:pathLst>
              <a:path w="1285239" h="139064">
                <a:moveTo>
                  <a:pt x="79248" y="56388"/>
                </a:moveTo>
                <a:lnTo>
                  <a:pt x="0" y="103632"/>
                </a:lnTo>
                <a:lnTo>
                  <a:pt x="85344" y="138684"/>
                </a:lnTo>
                <a:lnTo>
                  <a:pt x="82747" y="103632"/>
                </a:lnTo>
                <a:lnTo>
                  <a:pt x="68580" y="103632"/>
                </a:lnTo>
                <a:lnTo>
                  <a:pt x="67056" y="92964"/>
                </a:lnTo>
                <a:lnTo>
                  <a:pt x="81873" y="91831"/>
                </a:lnTo>
                <a:lnTo>
                  <a:pt x="79248" y="56388"/>
                </a:lnTo>
                <a:close/>
              </a:path>
              <a:path w="1285239" h="139064">
                <a:moveTo>
                  <a:pt x="81873" y="91831"/>
                </a:moveTo>
                <a:lnTo>
                  <a:pt x="67056" y="92964"/>
                </a:lnTo>
                <a:lnTo>
                  <a:pt x="68580" y="103632"/>
                </a:lnTo>
                <a:lnTo>
                  <a:pt x="82666" y="102537"/>
                </a:lnTo>
                <a:lnTo>
                  <a:pt x="81873" y="91831"/>
                </a:lnTo>
                <a:close/>
              </a:path>
              <a:path w="1285239" h="139064">
                <a:moveTo>
                  <a:pt x="82666" y="102537"/>
                </a:moveTo>
                <a:lnTo>
                  <a:pt x="68580" y="103632"/>
                </a:lnTo>
                <a:lnTo>
                  <a:pt x="82747" y="103632"/>
                </a:lnTo>
                <a:lnTo>
                  <a:pt x="82666" y="102537"/>
                </a:lnTo>
                <a:close/>
              </a:path>
              <a:path w="1285239" h="139064">
                <a:moveTo>
                  <a:pt x="1283208" y="0"/>
                </a:moveTo>
                <a:lnTo>
                  <a:pt x="81873" y="91831"/>
                </a:lnTo>
                <a:lnTo>
                  <a:pt x="82666" y="102537"/>
                </a:lnTo>
                <a:lnTo>
                  <a:pt x="1284732" y="9144"/>
                </a:lnTo>
                <a:lnTo>
                  <a:pt x="1283208" y="0"/>
                </a:lnTo>
                <a:close/>
              </a:path>
            </a:pathLst>
          </a:custGeom>
          <a:solidFill>
            <a:srgbClr val="000000"/>
          </a:solidFill>
        </p:spPr>
        <p:txBody>
          <a:bodyPr wrap="square" lIns="0" tIns="0" rIns="0" bIns="0" rtlCol="0"/>
          <a:lstStyle/>
          <a:p>
            <a:endParaRPr sz="1539"/>
          </a:p>
        </p:txBody>
      </p:sp>
      <p:sp>
        <p:nvSpPr>
          <p:cNvPr id="450" name="object 450"/>
          <p:cNvSpPr txBox="1"/>
          <p:nvPr/>
        </p:nvSpPr>
        <p:spPr>
          <a:xfrm>
            <a:off x="8942007" y="6263971"/>
            <a:ext cx="139549" cy="266415"/>
          </a:xfrm>
          <a:prstGeom prst="rect">
            <a:avLst/>
          </a:prstGeom>
        </p:spPr>
        <p:txBody>
          <a:bodyPr vert="horz" wrap="square" lIns="0" tIns="9774" rIns="0" bIns="0" rtlCol="0">
            <a:spAutoFit/>
          </a:bodyPr>
          <a:lstStyle/>
          <a:p>
            <a:pPr marL="10860">
              <a:spcBef>
                <a:spcPts val="77"/>
              </a:spcBef>
            </a:pPr>
            <a:r>
              <a:rPr sz="1667" spc="-43" dirty="0">
                <a:latin typeface="Arial"/>
                <a:cs typeface="Arial"/>
              </a:rPr>
              <a:t>4</a:t>
            </a:r>
            <a:endParaRPr sz="1667">
              <a:latin typeface="Arial"/>
              <a:cs typeface="Arial"/>
            </a:endParaRP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226101" y="179888"/>
            <a:ext cx="8216352" cy="401954"/>
          </a:xfrm>
          <a:prstGeom prst="rect">
            <a:avLst/>
          </a:prstGeom>
        </p:spPr>
        <p:txBody>
          <a:bodyPr vert="horz" wrap="square" lIns="0" tIns="59294" rIns="0" bIns="0" rtlCol="0" anchor="ctr">
            <a:spAutoFit/>
          </a:bodyPr>
          <a:lstStyle/>
          <a:p>
            <a:pPr marL="219367">
              <a:lnSpc>
                <a:spcPct val="100000"/>
              </a:lnSpc>
              <a:spcBef>
                <a:spcPts val="77"/>
              </a:spcBef>
            </a:pPr>
            <a:r>
              <a:rPr sz="2223" b="1" spc="-34" dirty="0">
                <a:solidFill>
                  <a:srgbClr val="3F87C8"/>
                </a:solidFill>
              </a:rPr>
              <a:t>元請完成工事高に占める維持修繕工事の割合</a:t>
            </a:r>
            <a:r>
              <a:rPr sz="2223" b="1" spc="-17" dirty="0">
                <a:solidFill>
                  <a:srgbClr val="3F87C8"/>
                </a:solidFill>
              </a:rPr>
              <a:t>（</a:t>
            </a:r>
            <a:r>
              <a:rPr sz="2223" b="1" spc="-30" dirty="0">
                <a:solidFill>
                  <a:srgbClr val="3F87C8"/>
                </a:solidFill>
              </a:rPr>
              <a:t>民間・公共</a:t>
            </a:r>
            <a:r>
              <a:rPr sz="2223" b="1" spc="-43" dirty="0">
                <a:solidFill>
                  <a:srgbClr val="3F87C8"/>
                </a:solidFill>
              </a:rPr>
              <a:t>）</a:t>
            </a:r>
            <a:endParaRPr sz="2223" b="1" dirty="0"/>
          </a:p>
        </p:txBody>
      </p:sp>
      <p:sp>
        <p:nvSpPr>
          <p:cNvPr id="4" name="object 4"/>
          <p:cNvSpPr/>
          <p:nvPr/>
        </p:nvSpPr>
        <p:spPr>
          <a:xfrm>
            <a:off x="140744" y="4077664"/>
            <a:ext cx="396385" cy="2185546"/>
          </a:xfrm>
          <a:custGeom>
            <a:avLst/>
            <a:gdLst/>
            <a:ahLst/>
            <a:cxnLst/>
            <a:rect l="l" t="t" r="r" b="b"/>
            <a:pathLst>
              <a:path w="463550" h="2555875">
                <a:moveTo>
                  <a:pt x="463295" y="0"/>
                </a:moveTo>
                <a:lnTo>
                  <a:pt x="0" y="0"/>
                </a:lnTo>
                <a:lnTo>
                  <a:pt x="0" y="2555748"/>
                </a:lnTo>
                <a:lnTo>
                  <a:pt x="463295" y="2555748"/>
                </a:lnTo>
                <a:lnTo>
                  <a:pt x="463295" y="0"/>
                </a:lnTo>
                <a:close/>
              </a:path>
            </a:pathLst>
          </a:custGeom>
          <a:solidFill>
            <a:srgbClr val="BF4F4D"/>
          </a:solidFill>
        </p:spPr>
        <p:txBody>
          <a:bodyPr wrap="square" lIns="0" tIns="0" rIns="0" bIns="0" rtlCol="0"/>
          <a:lstStyle/>
          <a:p>
            <a:endParaRPr sz="1539"/>
          </a:p>
        </p:txBody>
      </p:sp>
      <p:sp>
        <p:nvSpPr>
          <p:cNvPr id="5" name="object 5"/>
          <p:cNvSpPr txBox="1"/>
          <p:nvPr/>
        </p:nvSpPr>
        <p:spPr>
          <a:xfrm>
            <a:off x="293950" y="4692873"/>
            <a:ext cx="165045" cy="956210"/>
          </a:xfrm>
          <a:prstGeom prst="rect">
            <a:avLst/>
          </a:prstGeom>
        </p:spPr>
        <p:txBody>
          <a:bodyPr vert="eaVert" wrap="square" lIns="0" tIns="0" rIns="0" bIns="0" rtlCol="0">
            <a:spAutoFit/>
          </a:bodyPr>
          <a:lstStyle/>
          <a:p>
            <a:pPr marL="10860">
              <a:lnSpc>
                <a:spcPct val="65000"/>
              </a:lnSpc>
            </a:pPr>
            <a:r>
              <a:rPr sz="1454" b="1" dirty="0">
                <a:solidFill>
                  <a:srgbClr val="FFFFFF"/>
                </a:solidFill>
                <a:latin typeface="UD デジタル 教科書体 NK-B"/>
                <a:cs typeface="UD デジタル 教科書体 NK-B"/>
              </a:rPr>
              <a:t>公</a:t>
            </a:r>
            <a:r>
              <a:rPr sz="1454" b="1" spc="38"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共</a:t>
            </a:r>
            <a:r>
              <a:rPr sz="1454" b="1" spc="47"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部</a:t>
            </a:r>
            <a:r>
              <a:rPr sz="1454" b="1" spc="38"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門</a:t>
            </a:r>
            <a:endParaRPr sz="1454">
              <a:latin typeface="UD デジタル 教科書体 NK-B"/>
              <a:cs typeface="UD デジタル 教科書体 NK-B"/>
            </a:endParaRPr>
          </a:p>
        </p:txBody>
      </p:sp>
      <p:sp>
        <p:nvSpPr>
          <p:cNvPr id="6" name="object 6"/>
          <p:cNvSpPr/>
          <p:nvPr/>
        </p:nvSpPr>
        <p:spPr>
          <a:xfrm>
            <a:off x="140744" y="1688926"/>
            <a:ext cx="396385" cy="2185546"/>
          </a:xfrm>
          <a:custGeom>
            <a:avLst/>
            <a:gdLst/>
            <a:ahLst/>
            <a:cxnLst/>
            <a:rect l="l" t="t" r="r" b="b"/>
            <a:pathLst>
              <a:path w="463550" h="2555875">
                <a:moveTo>
                  <a:pt x="463295" y="0"/>
                </a:moveTo>
                <a:lnTo>
                  <a:pt x="0" y="0"/>
                </a:lnTo>
                <a:lnTo>
                  <a:pt x="0" y="2555748"/>
                </a:lnTo>
                <a:lnTo>
                  <a:pt x="463295" y="2555748"/>
                </a:lnTo>
                <a:lnTo>
                  <a:pt x="463295" y="0"/>
                </a:lnTo>
                <a:close/>
              </a:path>
            </a:pathLst>
          </a:custGeom>
          <a:solidFill>
            <a:srgbClr val="1F497C"/>
          </a:solidFill>
        </p:spPr>
        <p:txBody>
          <a:bodyPr wrap="square" lIns="0" tIns="0" rIns="0" bIns="0" rtlCol="0"/>
          <a:lstStyle/>
          <a:p>
            <a:endParaRPr sz="1539"/>
          </a:p>
        </p:txBody>
      </p:sp>
      <p:sp>
        <p:nvSpPr>
          <p:cNvPr id="7" name="object 7"/>
          <p:cNvSpPr txBox="1"/>
          <p:nvPr/>
        </p:nvSpPr>
        <p:spPr>
          <a:xfrm>
            <a:off x="293950" y="2304139"/>
            <a:ext cx="165045" cy="956210"/>
          </a:xfrm>
          <a:prstGeom prst="rect">
            <a:avLst/>
          </a:prstGeom>
        </p:spPr>
        <p:txBody>
          <a:bodyPr vert="eaVert" wrap="square" lIns="0" tIns="0" rIns="0" bIns="0" rtlCol="0">
            <a:spAutoFit/>
          </a:bodyPr>
          <a:lstStyle/>
          <a:p>
            <a:pPr marL="10860">
              <a:lnSpc>
                <a:spcPct val="65000"/>
              </a:lnSpc>
            </a:pPr>
            <a:r>
              <a:rPr sz="1454" b="1" dirty="0">
                <a:solidFill>
                  <a:srgbClr val="FFFFFF"/>
                </a:solidFill>
                <a:latin typeface="UD デジタル 教科書体 NK-B"/>
                <a:cs typeface="UD デジタル 教科書体 NK-B"/>
              </a:rPr>
              <a:t>民</a:t>
            </a:r>
            <a:r>
              <a:rPr sz="1454" b="1" spc="38"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間</a:t>
            </a:r>
            <a:r>
              <a:rPr sz="1454" b="1" spc="47"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部</a:t>
            </a:r>
            <a:r>
              <a:rPr sz="1454" b="1" spc="38" dirty="0">
                <a:solidFill>
                  <a:srgbClr val="FFFFFF"/>
                </a:solidFill>
                <a:latin typeface="UD デジタル 教科書体 NK-B"/>
                <a:cs typeface="UD デジタル 教科書体 NK-B"/>
              </a:rPr>
              <a:t> </a:t>
            </a:r>
            <a:r>
              <a:rPr sz="1454" b="1" dirty="0">
                <a:solidFill>
                  <a:srgbClr val="FFFFFF"/>
                </a:solidFill>
                <a:latin typeface="UD デジタル 教科書体 NK-B"/>
                <a:cs typeface="UD デジタル 教科書体 NK-B"/>
              </a:rPr>
              <a:t>門</a:t>
            </a:r>
            <a:endParaRPr sz="1454">
              <a:latin typeface="UD デジタル 教科書体 NK-B"/>
              <a:cs typeface="UD デジタル 教科書体 NK-B"/>
            </a:endParaRPr>
          </a:p>
        </p:txBody>
      </p:sp>
      <p:grpSp>
        <p:nvGrpSpPr>
          <p:cNvPr id="8" name="object 8"/>
          <p:cNvGrpSpPr/>
          <p:nvPr/>
        </p:nvGrpSpPr>
        <p:grpSpPr>
          <a:xfrm>
            <a:off x="1064700" y="4206675"/>
            <a:ext cx="7467238" cy="1797306"/>
            <a:chOff x="1245108" y="4690872"/>
            <a:chExt cx="8732520" cy="2101850"/>
          </a:xfrm>
        </p:grpSpPr>
        <p:sp>
          <p:nvSpPr>
            <p:cNvPr id="9" name="object 9"/>
            <p:cNvSpPr/>
            <p:nvPr/>
          </p:nvSpPr>
          <p:spPr>
            <a:xfrm>
              <a:off x="1245108" y="4690872"/>
              <a:ext cx="8732520" cy="1753235"/>
            </a:xfrm>
            <a:custGeom>
              <a:avLst/>
              <a:gdLst/>
              <a:ahLst/>
              <a:cxnLst/>
              <a:rect l="l" t="t" r="r" b="b"/>
              <a:pathLst>
                <a:path w="8732520" h="1753235">
                  <a:moveTo>
                    <a:pt x="164592" y="1743468"/>
                  </a:moveTo>
                  <a:lnTo>
                    <a:pt x="0" y="1743468"/>
                  </a:lnTo>
                  <a:lnTo>
                    <a:pt x="0" y="1752612"/>
                  </a:lnTo>
                  <a:lnTo>
                    <a:pt x="164592" y="1752612"/>
                  </a:lnTo>
                  <a:lnTo>
                    <a:pt x="164592" y="1743468"/>
                  </a:lnTo>
                  <a:close/>
                </a:path>
                <a:path w="8732520" h="1753235">
                  <a:moveTo>
                    <a:pt x="164592" y="1394460"/>
                  </a:moveTo>
                  <a:lnTo>
                    <a:pt x="0" y="1394460"/>
                  </a:lnTo>
                  <a:lnTo>
                    <a:pt x="0" y="1403604"/>
                  </a:lnTo>
                  <a:lnTo>
                    <a:pt x="164592" y="1403604"/>
                  </a:lnTo>
                  <a:lnTo>
                    <a:pt x="164592" y="1394460"/>
                  </a:lnTo>
                  <a:close/>
                </a:path>
                <a:path w="8732520" h="1753235">
                  <a:moveTo>
                    <a:pt x="164592" y="1045464"/>
                  </a:moveTo>
                  <a:lnTo>
                    <a:pt x="0" y="1045464"/>
                  </a:lnTo>
                  <a:lnTo>
                    <a:pt x="0" y="1054608"/>
                  </a:lnTo>
                  <a:lnTo>
                    <a:pt x="164592" y="1054608"/>
                  </a:lnTo>
                  <a:lnTo>
                    <a:pt x="164592" y="1045464"/>
                  </a:lnTo>
                  <a:close/>
                </a:path>
                <a:path w="8732520" h="1753235">
                  <a:moveTo>
                    <a:pt x="164592" y="697992"/>
                  </a:moveTo>
                  <a:lnTo>
                    <a:pt x="0" y="697992"/>
                  </a:lnTo>
                  <a:lnTo>
                    <a:pt x="0" y="707136"/>
                  </a:lnTo>
                  <a:lnTo>
                    <a:pt x="164592" y="707136"/>
                  </a:lnTo>
                  <a:lnTo>
                    <a:pt x="164592" y="697992"/>
                  </a:lnTo>
                  <a:close/>
                </a:path>
                <a:path w="8732520" h="1753235">
                  <a:moveTo>
                    <a:pt x="164592" y="348996"/>
                  </a:moveTo>
                  <a:lnTo>
                    <a:pt x="0" y="348996"/>
                  </a:lnTo>
                  <a:lnTo>
                    <a:pt x="0" y="358140"/>
                  </a:lnTo>
                  <a:lnTo>
                    <a:pt x="164592" y="358140"/>
                  </a:lnTo>
                  <a:lnTo>
                    <a:pt x="164592" y="348996"/>
                  </a:lnTo>
                  <a:close/>
                </a:path>
                <a:path w="8732520" h="1753235">
                  <a:moveTo>
                    <a:pt x="710184" y="1743468"/>
                  </a:moveTo>
                  <a:lnTo>
                    <a:pt x="382524" y="1743468"/>
                  </a:lnTo>
                  <a:lnTo>
                    <a:pt x="382524" y="1752612"/>
                  </a:lnTo>
                  <a:lnTo>
                    <a:pt x="710184" y="1752612"/>
                  </a:lnTo>
                  <a:lnTo>
                    <a:pt x="710184" y="1743468"/>
                  </a:lnTo>
                  <a:close/>
                </a:path>
                <a:path w="8732520" h="1753235">
                  <a:moveTo>
                    <a:pt x="710184" y="1394460"/>
                  </a:moveTo>
                  <a:lnTo>
                    <a:pt x="382524" y="1394460"/>
                  </a:lnTo>
                  <a:lnTo>
                    <a:pt x="382524" y="1403604"/>
                  </a:lnTo>
                  <a:lnTo>
                    <a:pt x="710184" y="1403604"/>
                  </a:lnTo>
                  <a:lnTo>
                    <a:pt x="710184" y="1394460"/>
                  </a:lnTo>
                  <a:close/>
                </a:path>
                <a:path w="8732520" h="1753235">
                  <a:moveTo>
                    <a:pt x="710184" y="1045464"/>
                  </a:moveTo>
                  <a:lnTo>
                    <a:pt x="382524" y="1045464"/>
                  </a:lnTo>
                  <a:lnTo>
                    <a:pt x="382524" y="1054608"/>
                  </a:lnTo>
                  <a:lnTo>
                    <a:pt x="710184" y="1054608"/>
                  </a:lnTo>
                  <a:lnTo>
                    <a:pt x="710184" y="1045464"/>
                  </a:lnTo>
                  <a:close/>
                </a:path>
                <a:path w="8732520" h="1753235">
                  <a:moveTo>
                    <a:pt x="710184" y="697992"/>
                  </a:moveTo>
                  <a:lnTo>
                    <a:pt x="382524" y="697992"/>
                  </a:lnTo>
                  <a:lnTo>
                    <a:pt x="382524" y="707136"/>
                  </a:lnTo>
                  <a:lnTo>
                    <a:pt x="710184" y="707136"/>
                  </a:lnTo>
                  <a:lnTo>
                    <a:pt x="710184" y="697992"/>
                  </a:lnTo>
                  <a:close/>
                </a:path>
                <a:path w="8732520" h="1753235">
                  <a:moveTo>
                    <a:pt x="710184" y="348996"/>
                  </a:moveTo>
                  <a:lnTo>
                    <a:pt x="382524" y="348996"/>
                  </a:lnTo>
                  <a:lnTo>
                    <a:pt x="382524" y="358140"/>
                  </a:lnTo>
                  <a:lnTo>
                    <a:pt x="710184" y="358140"/>
                  </a:lnTo>
                  <a:lnTo>
                    <a:pt x="710184" y="348996"/>
                  </a:lnTo>
                  <a:close/>
                </a:path>
                <a:path w="8732520" h="1753235">
                  <a:moveTo>
                    <a:pt x="1255776" y="1743468"/>
                  </a:moveTo>
                  <a:lnTo>
                    <a:pt x="928116" y="1743468"/>
                  </a:lnTo>
                  <a:lnTo>
                    <a:pt x="928116" y="1752612"/>
                  </a:lnTo>
                  <a:lnTo>
                    <a:pt x="1255776" y="1752612"/>
                  </a:lnTo>
                  <a:lnTo>
                    <a:pt x="1255776" y="1743468"/>
                  </a:lnTo>
                  <a:close/>
                </a:path>
                <a:path w="8732520" h="1753235">
                  <a:moveTo>
                    <a:pt x="1255776" y="1394460"/>
                  </a:moveTo>
                  <a:lnTo>
                    <a:pt x="928116" y="1394460"/>
                  </a:lnTo>
                  <a:lnTo>
                    <a:pt x="928116" y="1403604"/>
                  </a:lnTo>
                  <a:lnTo>
                    <a:pt x="1255776" y="1403604"/>
                  </a:lnTo>
                  <a:lnTo>
                    <a:pt x="1255776" y="1394460"/>
                  </a:lnTo>
                  <a:close/>
                </a:path>
                <a:path w="8732520" h="1753235">
                  <a:moveTo>
                    <a:pt x="1255776" y="1045464"/>
                  </a:moveTo>
                  <a:lnTo>
                    <a:pt x="928116" y="1045464"/>
                  </a:lnTo>
                  <a:lnTo>
                    <a:pt x="928116" y="1054608"/>
                  </a:lnTo>
                  <a:lnTo>
                    <a:pt x="1255776" y="1054608"/>
                  </a:lnTo>
                  <a:lnTo>
                    <a:pt x="1255776" y="1045464"/>
                  </a:lnTo>
                  <a:close/>
                </a:path>
                <a:path w="8732520" h="1753235">
                  <a:moveTo>
                    <a:pt x="1255776" y="697992"/>
                  </a:moveTo>
                  <a:lnTo>
                    <a:pt x="928116" y="697992"/>
                  </a:lnTo>
                  <a:lnTo>
                    <a:pt x="928116" y="707136"/>
                  </a:lnTo>
                  <a:lnTo>
                    <a:pt x="1255776" y="707136"/>
                  </a:lnTo>
                  <a:lnTo>
                    <a:pt x="1255776" y="697992"/>
                  </a:lnTo>
                  <a:close/>
                </a:path>
                <a:path w="8732520" h="1753235">
                  <a:moveTo>
                    <a:pt x="1255776" y="348996"/>
                  </a:moveTo>
                  <a:lnTo>
                    <a:pt x="928116" y="348996"/>
                  </a:lnTo>
                  <a:lnTo>
                    <a:pt x="928116" y="358140"/>
                  </a:lnTo>
                  <a:lnTo>
                    <a:pt x="1255776" y="358140"/>
                  </a:lnTo>
                  <a:lnTo>
                    <a:pt x="1255776" y="348996"/>
                  </a:lnTo>
                  <a:close/>
                </a:path>
                <a:path w="8732520" h="1753235">
                  <a:moveTo>
                    <a:pt x="1801368" y="1743468"/>
                  </a:moveTo>
                  <a:lnTo>
                    <a:pt x="1473708" y="1743468"/>
                  </a:lnTo>
                  <a:lnTo>
                    <a:pt x="1473708" y="1752612"/>
                  </a:lnTo>
                  <a:lnTo>
                    <a:pt x="1801368" y="1752612"/>
                  </a:lnTo>
                  <a:lnTo>
                    <a:pt x="1801368" y="1743468"/>
                  </a:lnTo>
                  <a:close/>
                </a:path>
                <a:path w="8732520" h="1753235">
                  <a:moveTo>
                    <a:pt x="1801368" y="1394460"/>
                  </a:moveTo>
                  <a:lnTo>
                    <a:pt x="1473708" y="1394460"/>
                  </a:lnTo>
                  <a:lnTo>
                    <a:pt x="1473708" y="1403604"/>
                  </a:lnTo>
                  <a:lnTo>
                    <a:pt x="1801368" y="1403604"/>
                  </a:lnTo>
                  <a:lnTo>
                    <a:pt x="1801368" y="1394460"/>
                  </a:lnTo>
                  <a:close/>
                </a:path>
                <a:path w="8732520" h="1753235">
                  <a:moveTo>
                    <a:pt x="1801368" y="1045464"/>
                  </a:moveTo>
                  <a:lnTo>
                    <a:pt x="1473708" y="1045464"/>
                  </a:lnTo>
                  <a:lnTo>
                    <a:pt x="1473708" y="1054608"/>
                  </a:lnTo>
                  <a:lnTo>
                    <a:pt x="1801368" y="1054608"/>
                  </a:lnTo>
                  <a:lnTo>
                    <a:pt x="1801368" y="1045464"/>
                  </a:lnTo>
                  <a:close/>
                </a:path>
                <a:path w="8732520" h="1753235">
                  <a:moveTo>
                    <a:pt x="1801368" y="697992"/>
                  </a:moveTo>
                  <a:lnTo>
                    <a:pt x="1473708" y="697992"/>
                  </a:lnTo>
                  <a:lnTo>
                    <a:pt x="1473708" y="707136"/>
                  </a:lnTo>
                  <a:lnTo>
                    <a:pt x="1801368" y="707136"/>
                  </a:lnTo>
                  <a:lnTo>
                    <a:pt x="1801368" y="697992"/>
                  </a:lnTo>
                  <a:close/>
                </a:path>
                <a:path w="8732520" h="1753235">
                  <a:moveTo>
                    <a:pt x="2346960" y="1743468"/>
                  </a:moveTo>
                  <a:lnTo>
                    <a:pt x="2019300" y="1743468"/>
                  </a:lnTo>
                  <a:lnTo>
                    <a:pt x="2019300" y="1752612"/>
                  </a:lnTo>
                  <a:lnTo>
                    <a:pt x="2346960" y="1752612"/>
                  </a:lnTo>
                  <a:lnTo>
                    <a:pt x="2346960" y="1743468"/>
                  </a:lnTo>
                  <a:close/>
                </a:path>
                <a:path w="8732520" h="1753235">
                  <a:moveTo>
                    <a:pt x="2346960" y="1394460"/>
                  </a:moveTo>
                  <a:lnTo>
                    <a:pt x="2019300" y="1394460"/>
                  </a:lnTo>
                  <a:lnTo>
                    <a:pt x="2019300" y="1403604"/>
                  </a:lnTo>
                  <a:lnTo>
                    <a:pt x="2346960" y="1403604"/>
                  </a:lnTo>
                  <a:lnTo>
                    <a:pt x="2346960" y="1394460"/>
                  </a:lnTo>
                  <a:close/>
                </a:path>
                <a:path w="8732520" h="1753235">
                  <a:moveTo>
                    <a:pt x="2346960" y="1045464"/>
                  </a:moveTo>
                  <a:lnTo>
                    <a:pt x="2019300" y="1045464"/>
                  </a:lnTo>
                  <a:lnTo>
                    <a:pt x="2019300" y="1054608"/>
                  </a:lnTo>
                  <a:lnTo>
                    <a:pt x="2346960" y="1054608"/>
                  </a:lnTo>
                  <a:lnTo>
                    <a:pt x="2346960" y="1045464"/>
                  </a:lnTo>
                  <a:close/>
                </a:path>
                <a:path w="8732520" h="1753235">
                  <a:moveTo>
                    <a:pt x="2346960" y="697992"/>
                  </a:moveTo>
                  <a:lnTo>
                    <a:pt x="2019300" y="697992"/>
                  </a:lnTo>
                  <a:lnTo>
                    <a:pt x="2019300" y="707136"/>
                  </a:lnTo>
                  <a:lnTo>
                    <a:pt x="2346960" y="707136"/>
                  </a:lnTo>
                  <a:lnTo>
                    <a:pt x="2346960" y="697992"/>
                  </a:lnTo>
                  <a:close/>
                </a:path>
                <a:path w="8732520" h="1753235">
                  <a:moveTo>
                    <a:pt x="2892552" y="1743468"/>
                  </a:moveTo>
                  <a:lnTo>
                    <a:pt x="2564892" y="1743468"/>
                  </a:lnTo>
                  <a:lnTo>
                    <a:pt x="2564892" y="1752612"/>
                  </a:lnTo>
                  <a:lnTo>
                    <a:pt x="2892552" y="1752612"/>
                  </a:lnTo>
                  <a:lnTo>
                    <a:pt x="2892552" y="1743468"/>
                  </a:lnTo>
                  <a:close/>
                </a:path>
                <a:path w="8732520" h="1753235">
                  <a:moveTo>
                    <a:pt x="2892552" y="1394460"/>
                  </a:moveTo>
                  <a:lnTo>
                    <a:pt x="2564892" y="1394460"/>
                  </a:lnTo>
                  <a:lnTo>
                    <a:pt x="2564892" y="1403604"/>
                  </a:lnTo>
                  <a:lnTo>
                    <a:pt x="2892552" y="1403604"/>
                  </a:lnTo>
                  <a:lnTo>
                    <a:pt x="2892552" y="1394460"/>
                  </a:lnTo>
                  <a:close/>
                </a:path>
                <a:path w="8732520" h="1753235">
                  <a:moveTo>
                    <a:pt x="2892552" y="1045464"/>
                  </a:moveTo>
                  <a:lnTo>
                    <a:pt x="2564892" y="1045464"/>
                  </a:lnTo>
                  <a:lnTo>
                    <a:pt x="2564892" y="1054608"/>
                  </a:lnTo>
                  <a:lnTo>
                    <a:pt x="2892552" y="1054608"/>
                  </a:lnTo>
                  <a:lnTo>
                    <a:pt x="2892552" y="1045464"/>
                  </a:lnTo>
                  <a:close/>
                </a:path>
                <a:path w="8732520" h="1753235">
                  <a:moveTo>
                    <a:pt x="3438144" y="1743468"/>
                  </a:moveTo>
                  <a:lnTo>
                    <a:pt x="3110484" y="1743468"/>
                  </a:lnTo>
                  <a:lnTo>
                    <a:pt x="3110484" y="1752612"/>
                  </a:lnTo>
                  <a:lnTo>
                    <a:pt x="3438144" y="1752612"/>
                  </a:lnTo>
                  <a:lnTo>
                    <a:pt x="3438144" y="1743468"/>
                  </a:lnTo>
                  <a:close/>
                </a:path>
                <a:path w="8732520" h="1753235">
                  <a:moveTo>
                    <a:pt x="3438144" y="1394460"/>
                  </a:moveTo>
                  <a:lnTo>
                    <a:pt x="3110484" y="1394460"/>
                  </a:lnTo>
                  <a:lnTo>
                    <a:pt x="3110484" y="1403604"/>
                  </a:lnTo>
                  <a:lnTo>
                    <a:pt x="3438144" y="1403604"/>
                  </a:lnTo>
                  <a:lnTo>
                    <a:pt x="3438144" y="1394460"/>
                  </a:lnTo>
                  <a:close/>
                </a:path>
                <a:path w="8732520" h="1753235">
                  <a:moveTo>
                    <a:pt x="3438144" y="1045464"/>
                  </a:moveTo>
                  <a:lnTo>
                    <a:pt x="3110484" y="1045464"/>
                  </a:lnTo>
                  <a:lnTo>
                    <a:pt x="3110484" y="1054608"/>
                  </a:lnTo>
                  <a:lnTo>
                    <a:pt x="3438144" y="1054608"/>
                  </a:lnTo>
                  <a:lnTo>
                    <a:pt x="3438144" y="1045464"/>
                  </a:lnTo>
                  <a:close/>
                </a:path>
                <a:path w="8732520" h="1753235">
                  <a:moveTo>
                    <a:pt x="3983736" y="1743468"/>
                  </a:moveTo>
                  <a:lnTo>
                    <a:pt x="3656076" y="1743468"/>
                  </a:lnTo>
                  <a:lnTo>
                    <a:pt x="3656076" y="1752612"/>
                  </a:lnTo>
                  <a:lnTo>
                    <a:pt x="3983736" y="1752612"/>
                  </a:lnTo>
                  <a:lnTo>
                    <a:pt x="3983736" y="1743468"/>
                  </a:lnTo>
                  <a:close/>
                </a:path>
                <a:path w="8732520" h="1753235">
                  <a:moveTo>
                    <a:pt x="3983736" y="1394460"/>
                  </a:moveTo>
                  <a:lnTo>
                    <a:pt x="3656076" y="1394460"/>
                  </a:lnTo>
                  <a:lnTo>
                    <a:pt x="3656076" y="1403604"/>
                  </a:lnTo>
                  <a:lnTo>
                    <a:pt x="3983736" y="1403604"/>
                  </a:lnTo>
                  <a:lnTo>
                    <a:pt x="3983736" y="1394460"/>
                  </a:lnTo>
                  <a:close/>
                </a:path>
                <a:path w="8732520" h="1753235">
                  <a:moveTo>
                    <a:pt x="4529328" y="1743468"/>
                  </a:moveTo>
                  <a:lnTo>
                    <a:pt x="4203192" y="1743468"/>
                  </a:lnTo>
                  <a:lnTo>
                    <a:pt x="4203192" y="1752612"/>
                  </a:lnTo>
                  <a:lnTo>
                    <a:pt x="4529328" y="1752612"/>
                  </a:lnTo>
                  <a:lnTo>
                    <a:pt x="4529328" y="1743468"/>
                  </a:lnTo>
                  <a:close/>
                </a:path>
                <a:path w="8732520" h="1753235">
                  <a:moveTo>
                    <a:pt x="4529328" y="1394460"/>
                  </a:moveTo>
                  <a:lnTo>
                    <a:pt x="4203192" y="1394460"/>
                  </a:lnTo>
                  <a:lnTo>
                    <a:pt x="4203192" y="1403604"/>
                  </a:lnTo>
                  <a:lnTo>
                    <a:pt x="4529328" y="1403604"/>
                  </a:lnTo>
                  <a:lnTo>
                    <a:pt x="4529328" y="1394460"/>
                  </a:lnTo>
                  <a:close/>
                </a:path>
                <a:path w="8732520" h="1753235">
                  <a:moveTo>
                    <a:pt x="5076444" y="1743468"/>
                  </a:moveTo>
                  <a:lnTo>
                    <a:pt x="4748784" y="1743468"/>
                  </a:lnTo>
                  <a:lnTo>
                    <a:pt x="4748784" y="1752612"/>
                  </a:lnTo>
                  <a:lnTo>
                    <a:pt x="5076444" y="1752612"/>
                  </a:lnTo>
                  <a:lnTo>
                    <a:pt x="5076444" y="1743468"/>
                  </a:lnTo>
                  <a:close/>
                </a:path>
                <a:path w="8732520" h="1753235">
                  <a:moveTo>
                    <a:pt x="5076444" y="1394460"/>
                  </a:moveTo>
                  <a:lnTo>
                    <a:pt x="4748784" y="1394460"/>
                  </a:lnTo>
                  <a:lnTo>
                    <a:pt x="4748784" y="1403604"/>
                  </a:lnTo>
                  <a:lnTo>
                    <a:pt x="5076444" y="1403604"/>
                  </a:lnTo>
                  <a:lnTo>
                    <a:pt x="5076444" y="1394460"/>
                  </a:lnTo>
                  <a:close/>
                </a:path>
                <a:path w="8732520" h="1753235">
                  <a:moveTo>
                    <a:pt x="5622036" y="1743468"/>
                  </a:moveTo>
                  <a:lnTo>
                    <a:pt x="5294363" y="1743468"/>
                  </a:lnTo>
                  <a:lnTo>
                    <a:pt x="5294363" y="1752612"/>
                  </a:lnTo>
                  <a:lnTo>
                    <a:pt x="5622036" y="1752612"/>
                  </a:lnTo>
                  <a:lnTo>
                    <a:pt x="5622036" y="1743468"/>
                  </a:lnTo>
                  <a:close/>
                </a:path>
                <a:path w="8732520" h="1753235">
                  <a:moveTo>
                    <a:pt x="5622036" y="1394460"/>
                  </a:moveTo>
                  <a:lnTo>
                    <a:pt x="5294363" y="1394460"/>
                  </a:lnTo>
                  <a:lnTo>
                    <a:pt x="5294363" y="1403604"/>
                  </a:lnTo>
                  <a:lnTo>
                    <a:pt x="5622036" y="1403604"/>
                  </a:lnTo>
                  <a:lnTo>
                    <a:pt x="5622036" y="1394460"/>
                  </a:lnTo>
                  <a:close/>
                </a:path>
                <a:path w="8732520" h="1753235">
                  <a:moveTo>
                    <a:pt x="6167628" y="1743468"/>
                  </a:moveTo>
                  <a:lnTo>
                    <a:pt x="5839968" y="1743468"/>
                  </a:lnTo>
                  <a:lnTo>
                    <a:pt x="5839968" y="1752612"/>
                  </a:lnTo>
                  <a:lnTo>
                    <a:pt x="6167628" y="1752612"/>
                  </a:lnTo>
                  <a:lnTo>
                    <a:pt x="6167628" y="1743468"/>
                  </a:lnTo>
                  <a:close/>
                </a:path>
                <a:path w="8732520" h="1753235">
                  <a:moveTo>
                    <a:pt x="6167628" y="1394460"/>
                  </a:moveTo>
                  <a:lnTo>
                    <a:pt x="5839968" y="1394460"/>
                  </a:lnTo>
                  <a:lnTo>
                    <a:pt x="5839968" y="1403604"/>
                  </a:lnTo>
                  <a:lnTo>
                    <a:pt x="6167628" y="1403604"/>
                  </a:lnTo>
                  <a:lnTo>
                    <a:pt x="6167628" y="1394460"/>
                  </a:lnTo>
                  <a:close/>
                </a:path>
                <a:path w="8732520" h="1753235">
                  <a:moveTo>
                    <a:pt x="6713220" y="1743468"/>
                  </a:moveTo>
                  <a:lnTo>
                    <a:pt x="6385560" y="1743468"/>
                  </a:lnTo>
                  <a:lnTo>
                    <a:pt x="6385560" y="1752612"/>
                  </a:lnTo>
                  <a:lnTo>
                    <a:pt x="6713220" y="1752612"/>
                  </a:lnTo>
                  <a:lnTo>
                    <a:pt x="6713220" y="1743468"/>
                  </a:lnTo>
                  <a:close/>
                </a:path>
                <a:path w="8732520" h="1753235">
                  <a:moveTo>
                    <a:pt x="6713220" y="1394460"/>
                  </a:moveTo>
                  <a:lnTo>
                    <a:pt x="6385560" y="1394460"/>
                  </a:lnTo>
                  <a:lnTo>
                    <a:pt x="6385560" y="1403604"/>
                  </a:lnTo>
                  <a:lnTo>
                    <a:pt x="6713220" y="1403604"/>
                  </a:lnTo>
                  <a:lnTo>
                    <a:pt x="6713220" y="1394460"/>
                  </a:lnTo>
                  <a:close/>
                </a:path>
                <a:path w="8732520" h="1753235">
                  <a:moveTo>
                    <a:pt x="7258812" y="1743468"/>
                  </a:moveTo>
                  <a:lnTo>
                    <a:pt x="6931152" y="1743468"/>
                  </a:lnTo>
                  <a:lnTo>
                    <a:pt x="6931152" y="1752612"/>
                  </a:lnTo>
                  <a:lnTo>
                    <a:pt x="7258812" y="1752612"/>
                  </a:lnTo>
                  <a:lnTo>
                    <a:pt x="7258812" y="1743468"/>
                  </a:lnTo>
                  <a:close/>
                </a:path>
                <a:path w="8732520" h="1753235">
                  <a:moveTo>
                    <a:pt x="7258812" y="1394460"/>
                  </a:moveTo>
                  <a:lnTo>
                    <a:pt x="6931152" y="1394460"/>
                  </a:lnTo>
                  <a:lnTo>
                    <a:pt x="6931152" y="1403604"/>
                  </a:lnTo>
                  <a:lnTo>
                    <a:pt x="7258812" y="1403604"/>
                  </a:lnTo>
                  <a:lnTo>
                    <a:pt x="7258812" y="1394460"/>
                  </a:lnTo>
                  <a:close/>
                </a:path>
                <a:path w="8732520" h="1753235">
                  <a:moveTo>
                    <a:pt x="7804404" y="1743468"/>
                  </a:moveTo>
                  <a:lnTo>
                    <a:pt x="7476744" y="1743468"/>
                  </a:lnTo>
                  <a:lnTo>
                    <a:pt x="7476744" y="1752612"/>
                  </a:lnTo>
                  <a:lnTo>
                    <a:pt x="7804404" y="1752612"/>
                  </a:lnTo>
                  <a:lnTo>
                    <a:pt x="7804404" y="1743468"/>
                  </a:lnTo>
                  <a:close/>
                </a:path>
                <a:path w="8732520" h="1753235">
                  <a:moveTo>
                    <a:pt x="7804404" y="1394460"/>
                  </a:moveTo>
                  <a:lnTo>
                    <a:pt x="7476744" y="1394460"/>
                  </a:lnTo>
                  <a:lnTo>
                    <a:pt x="7476744" y="1403604"/>
                  </a:lnTo>
                  <a:lnTo>
                    <a:pt x="7804404" y="1403604"/>
                  </a:lnTo>
                  <a:lnTo>
                    <a:pt x="7804404" y="1394460"/>
                  </a:lnTo>
                  <a:close/>
                </a:path>
                <a:path w="8732520" h="1753235">
                  <a:moveTo>
                    <a:pt x="8349996" y="1743468"/>
                  </a:moveTo>
                  <a:lnTo>
                    <a:pt x="8022336" y="1743468"/>
                  </a:lnTo>
                  <a:lnTo>
                    <a:pt x="8022336" y="1752612"/>
                  </a:lnTo>
                  <a:lnTo>
                    <a:pt x="8349996" y="1752612"/>
                  </a:lnTo>
                  <a:lnTo>
                    <a:pt x="8349996" y="1743468"/>
                  </a:lnTo>
                  <a:close/>
                </a:path>
                <a:path w="8732520" h="1753235">
                  <a:moveTo>
                    <a:pt x="8349996" y="1394460"/>
                  </a:moveTo>
                  <a:lnTo>
                    <a:pt x="8022336" y="1394460"/>
                  </a:lnTo>
                  <a:lnTo>
                    <a:pt x="8022336" y="1403604"/>
                  </a:lnTo>
                  <a:lnTo>
                    <a:pt x="8349996" y="1403604"/>
                  </a:lnTo>
                  <a:lnTo>
                    <a:pt x="8349996" y="1394460"/>
                  </a:lnTo>
                  <a:close/>
                </a:path>
                <a:path w="8732520" h="1753235">
                  <a:moveTo>
                    <a:pt x="8349996" y="1045464"/>
                  </a:moveTo>
                  <a:lnTo>
                    <a:pt x="3656076" y="1045464"/>
                  </a:lnTo>
                  <a:lnTo>
                    <a:pt x="3656076" y="1054608"/>
                  </a:lnTo>
                  <a:lnTo>
                    <a:pt x="8349996" y="1054608"/>
                  </a:lnTo>
                  <a:lnTo>
                    <a:pt x="8349996" y="1045464"/>
                  </a:lnTo>
                  <a:close/>
                </a:path>
                <a:path w="8732520" h="1753235">
                  <a:moveTo>
                    <a:pt x="8732507" y="1743468"/>
                  </a:moveTo>
                  <a:lnTo>
                    <a:pt x="8567928" y="1743468"/>
                  </a:lnTo>
                  <a:lnTo>
                    <a:pt x="8567928" y="1752612"/>
                  </a:lnTo>
                  <a:lnTo>
                    <a:pt x="8732507" y="1752612"/>
                  </a:lnTo>
                  <a:lnTo>
                    <a:pt x="8732507" y="1743468"/>
                  </a:lnTo>
                  <a:close/>
                </a:path>
                <a:path w="8732520" h="1753235">
                  <a:moveTo>
                    <a:pt x="8732507" y="1394460"/>
                  </a:moveTo>
                  <a:lnTo>
                    <a:pt x="8567928" y="1394460"/>
                  </a:lnTo>
                  <a:lnTo>
                    <a:pt x="8567928" y="1403604"/>
                  </a:lnTo>
                  <a:lnTo>
                    <a:pt x="8732507" y="1403604"/>
                  </a:lnTo>
                  <a:lnTo>
                    <a:pt x="8732507" y="1394460"/>
                  </a:lnTo>
                  <a:close/>
                </a:path>
                <a:path w="8732520" h="1753235">
                  <a:moveTo>
                    <a:pt x="8732507" y="1045464"/>
                  </a:moveTo>
                  <a:lnTo>
                    <a:pt x="8567928" y="1045464"/>
                  </a:lnTo>
                  <a:lnTo>
                    <a:pt x="8567928" y="1054608"/>
                  </a:lnTo>
                  <a:lnTo>
                    <a:pt x="8732507" y="1054608"/>
                  </a:lnTo>
                  <a:lnTo>
                    <a:pt x="8732507" y="1045464"/>
                  </a:lnTo>
                  <a:close/>
                </a:path>
                <a:path w="8732520" h="1753235">
                  <a:moveTo>
                    <a:pt x="8732507" y="697992"/>
                  </a:moveTo>
                  <a:lnTo>
                    <a:pt x="2564892" y="697992"/>
                  </a:lnTo>
                  <a:lnTo>
                    <a:pt x="2564892" y="707136"/>
                  </a:lnTo>
                  <a:lnTo>
                    <a:pt x="8732507" y="707136"/>
                  </a:lnTo>
                  <a:lnTo>
                    <a:pt x="8732507" y="697992"/>
                  </a:lnTo>
                  <a:close/>
                </a:path>
                <a:path w="8732520" h="1753235">
                  <a:moveTo>
                    <a:pt x="8732520" y="348996"/>
                  </a:moveTo>
                  <a:lnTo>
                    <a:pt x="1473708" y="348996"/>
                  </a:lnTo>
                  <a:lnTo>
                    <a:pt x="1473708" y="358140"/>
                  </a:lnTo>
                  <a:lnTo>
                    <a:pt x="8732520" y="358140"/>
                  </a:lnTo>
                  <a:lnTo>
                    <a:pt x="8732520" y="348996"/>
                  </a:lnTo>
                  <a:close/>
                </a:path>
                <a:path w="8732520" h="1753235">
                  <a:moveTo>
                    <a:pt x="8732520" y="0"/>
                  </a:moveTo>
                  <a:lnTo>
                    <a:pt x="0" y="0"/>
                  </a:lnTo>
                  <a:lnTo>
                    <a:pt x="0" y="9144"/>
                  </a:lnTo>
                  <a:lnTo>
                    <a:pt x="8732520" y="9144"/>
                  </a:lnTo>
                  <a:lnTo>
                    <a:pt x="8732520" y="0"/>
                  </a:lnTo>
                  <a:close/>
                </a:path>
              </a:pathLst>
            </a:custGeom>
            <a:solidFill>
              <a:srgbClr val="D8D8D8"/>
            </a:solidFill>
          </p:spPr>
          <p:txBody>
            <a:bodyPr wrap="square" lIns="0" tIns="0" rIns="0" bIns="0" rtlCol="0"/>
            <a:lstStyle/>
            <a:p>
              <a:endParaRPr sz="1539"/>
            </a:p>
          </p:txBody>
        </p:sp>
        <p:sp>
          <p:nvSpPr>
            <p:cNvPr id="10" name="object 10"/>
            <p:cNvSpPr/>
            <p:nvPr/>
          </p:nvSpPr>
          <p:spPr>
            <a:xfrm>
              <a:off x="1409700" y="6463296"/>
              <a:ext cx="8403590" cy="325120"/>
            </a:xfrm>
            <a:custGeom>
              <a:avLst/>
              <a:gdLst/>
              <a:ahLst/>
              <a:cxnLst/>
              <a:rect l="l" t="t" r="r" b="b"/>
              <a:pathLst>
                <a:path w="8403590" h="325120">
                  <a:moveTo>
                    <a:pt x="217932" y="7620"/>
                  </a:moveTo>
                  <a:lnTo>
                    <a:pt x="0" y="7620"/>
                  </a:lnTo>
                  <a:lnTo>
                    <a:pt x="0" y="324612"/>
                  </a:lnTo>
                  <a:lnTo>
                    <a:pt x="217932" y="324612"/>
                  </a:lnTo>
                  <a:lnTo>
                    <a:pt x="217932" y="7620"/>
                  </a:lnTo>
                  <a:close/>
                </a:path>
                <a:path w="8403590" h="325120">
                  <a:moveTo>
                    <a:pt x="763524" y="4572"/>
                  </a:moveTo>
                  <a:lnTo>
                    <a:pt x="545592" y="4572"/>
                  </a:lnTo>
                  <a:lnTo>
                    <a:pt x="545592" y="324612"/>
                  </a:lnTo>
                  <a:lnTo>
                    <a:pt x="763524" y="324612"/>
                  </a:lnTo>
                  <a:lnTo>
                    <a:pt x="763524" y="4572"/>
                  </a:lnTo>
                  <a:close/>
                </a:path>
                <a:path w="8403590" h="325120">
                  <a:moveTo>
                    <a:pt x="1309116" y="6096"/>
                  </a:moveTo>
                  <a:lnTo>
                    <a:pt x="1091184" y="6096"/>
                  </a:lnTo>
                  <a:lnTo>
                    <a:pt x="1091184" y="324612"/>
                  </a:lnTo>
                  <a:lnTo>
                    <a:pt x="1309116" y="324612"/>
                  </a:lnTo>
                  <a:lnTo>
                    <a:pt x="1309116" y="6096"/>
                  </a:lnTo>
                  <a:close/>
                </a:path>
                <a:path w="8403590" h="325120">
                  <a:moveTo>
                    <a:pt x="1854708" y="25908"/>
                  </a:moveTo>
                  <a:lnTo>
                    <a:pt x="1636776" y="25908"/>
                  </a:lnTo>
                  <a:lnTo>
                    <a:pt x="1636776" y="324612"/>
                  </a:lnTo>
                  <a:lnTo>
                    <a:pt x="1854708" y="324612"/>
                  </a:lnTo>
                  <a:lnTo>
                    <a:pt x="1854708" y="25908"/>
                  </a:lnTo>
                  <a:close/>
                </a:path>
                <a:path w="8403590" h="325120">
                  <a:moveTo>
                    <a:pt x="2400300" y="45720"/>
                  </a:moveTo>
                  <a:lnTo>
                    <a:pt x="2182368" y="45720"/>
                  </a:lnTo>
                  <a:lnTo>
                    <a:pt x="2182368" y="324612"/>
                  </a:lnTo>
                  <a:lnTo>
                    <a:pt x="2400300" y="324612"/>
                  </a:lnTo>
                  <a:lnTo>
                    <a:pt x="2400300" y="45720"/>
                  </a:lnTo>
                  <a:close/>
                </a:path>
                <a:path w="8403590" h="325120">
                  <a:moveTo>
                    <a:pt x="2945892" y="83820"/>
                  </a:moveTo>
                  <a:lnTo>
                    <a:pt x="2727960" y="83820"/>
                  </a:lnTo>
                  <a:lnTo>
                    <a:pt x="2727960" y="324612"/>
                  </a:lnTo>
                  <a:lnTo>
                    <a:pt x="2945892" y="324612"/>
                  </a:lnTo>
                  <a:lnTo>
                    <a:pt x="2945892" y="83820"/>
                  </a:lnTo>
                  <a:close/>
                </a:path>
                <a:path w="8403590" h="325120">
                  <a:moveTo>
                    <a:pt x="3491484" y="89916"/>
                  </a:moveTo>
                  <a:lnTo>
                    <a:pt x="3273552" y="89916"/>
                  </a:lnTo>
                  <a:lnTo>
                    <a:pt x="3273552" y="324612"/>
                  </a:lnTo>
                  <a:lnTo>
                    <a:pt x="3491484" y="324612"/>
                  </a:lnTo>
                  <a:lnTo>
                    <a:pt x="3491484" y="89916"/>
                  </a:lnTo>
                  <a:close/>
                </a:path>
                <a:path w="8403590" h="325120">
                  <a:moveTo>
                    <a:pt x="4038600" y="91440"/>
                  </a:moveTo>
                  <a:lnTo>
                    <a:pt x="3819144" y="91440"/>
                  </a:lnTo>
                  <a:lnTo>
                    <a:pt x="3819144" y="324612"/>
                  </a:lnTo>
                  <a:lnTo>
                    <a:pt x="4038600" y="324612"/>
                  </a:lnTo>
                  <a:lnTo>
                    <a:pt x="4038600" y="91440"/>
                  </a:lnTo>
                  <a:close/>
                </a:path>
                <a:path w="8403590" h="325120">
                  <a:moveTo>
                    <a:pt x="4584192" y="103632"/>
                  </a:moveTo>
                  <a:lnTo>
                    <a:pt x="4364736" y="103632"/>
                  </a:lnTo>
                  <a:lnTo>
                    <a:pt x="4364736" y="324612"/>
                  </a:lnTo>
                  <a:lnTo>
                    <a:pt x="4584192" y="324612"/>
                  </a:lnTo>
                  <a:lnTo>
                    <a:pt x="4584192" y="103632"/>
                  </a:lnTo>
                  <a:close/>
                </a:path>
                <a:path w="8403590" h="325120">
                  <a:moveTo>
                    <a:pt x="5129771" y="96012"/>
                  </a:moveTo>
                  <a:lnTo>
                    <a:pt x="4911852" y="96012"/>
                  </a:lnTo>
                  <a:lnTo>
                    <a:pt x="4911852" y="324612"/>
                  </a:lnTo>
                  <a:lnTo>
                    <a:pt x="5129771" y="324612"/>
                  </a:lnTo>
                  <a:lnTo>
                    <a:pt x="5129771" y="96012"/>
                  </a:lnTo>
                  <a:close/>
                </a:path>
                <a:path w="8403590" h="325120">
                  <a:moveTo>
                    <a:pt x="5675376" y="76200"/>
                  </a:moveTo>
                  <a:lnTo>
                    <a:pt x="5457444" y="76200"/>
                  </a:lnTo>
                  <a:lnTo>
                    <a:pt x="5457444" y="324612"/>
                  </a:lnTo>
                  <a:lnTo>
                    <a:pt x="5675376" y="324612"/>
                  </a:lnTo>
                  <a:lnTo>
                    <a:pt x="5675376" y="76200"/>
                  </a:lnTo>
                  <a:close/>
                </a:path>
                <a:path w="8403590" h="325120">
                  <a:moveTo>
                    <a:pt x="6220968" y="73152"/>
                  </a:moveTo>
                  <a:lnTo>
                    <a:pt x="6003036" y="73152"/>
                  </a:lnTo>
                  <a:lnTo>
                    <a:pt x="6003036" y="324612"/>
                  </a:lnTo>
                  <a:lnTo>
                    <a:pt x="6220968" y="324612"/>
                  </a:lnTo>
                  <a:lnTo>
                    <a:pt x="6220968" y="73152"/>
                  </a:lnTo>
                  <a:close/>
                </a:path>
                <a:path w="8403590" h="325120">
                  <a:moveTo>
                    <a:pt x="6766560" y="64008"/>
                  </a:moveTo>
                  <a:lnTo>
                    <a:pt x="6548628" y="64008"/>
                  </a:lnTo>
                  <a:lnTo>
                    <a:pt x="6548628" y="324612"/>
                  </a:lnTo>
                  <a:lnTo>
                    <a:pt x="6766560" y="324612"/>
                  </a:lnTo>
                  <a:lnTo>
                    <a:pt x="6766560" y="64008"/>
                  </a:lnTo>
                  <a:close/>
                </a:path>
                <a:path w="8403590" h="325120">
                  <a:moveTo>
                    <a:pt x="7312152" y="47244"/>
                  </a:moveTo>
                  <a:lnTo>
                    <a:pt x="7094220" y="47244"/>
                  </a:lnTo>
                  <a:lnTo>
                    <a:pt x="7094220" y="324612"/>
                  </a:lnTo>
                  <a:lnTo>
                    <a:pt x="7312152" y="324612"/>
                  </a:lnTo>
                  <a:lnTo>
                    <a:pt x="7312152" y="47244"/>
                  </a:lnTo>
                  <a:close/>
                </a:path>
                <a:path w="8403590" h="325120">
                  <a:moveTo>
                    <a:pt x="7857744" y="22860"/>
                  </a:moveTo>
                  <a:lnTo>
                    <a:pt x="7639812" y="22860"/>
                  </a:lnTo>
                  <a:lnTo>
                    <a:pt x="7639812" y="324612"/>
                  </a:lnTo>
                  <a:lnTo>
                    <a:pt x="7857744" y="324612"/>
                  </a:lnTo>
                  <a:lnTo>
                    <a:pt x="7857744" y="22860"/>
                  </a:lnTo>
                  <a:close/>
                </a:path>
                <a:path w="8403590" h="325120">
                  <a:moveTo>
                    <a:pt x="8403336" y="0"/>
                  </a:moveTo>
                  <a:lnTo>
                    <a:pt x="8185404" y="0"/>
                  </a:lnTo>
                  <a:lnTo>
                    <a:pt x="8185404" y="324612"/>
                  </a:lnTo>
                  <a:lnTo>
                    <a:pt x="8403336" y="324612"/>
                  </a:lnTo>
                  <a:lnTo>
                    <a:pt x="8403336" y="0"/>
                  </a:lnTo>
                  <a:close/>
                </a:path>
              </a:pathLst>
            </a:custGeom>
            <a:solidFill>
              <a:srgbClr val="99FF66"/>
            </a:solidFill>
          </p:spPr>
          <p:txBody>
            <a:bodyPr wrap="square" lIns="0" tIns="0" rIns="0" bIns="0" rtlCol="0"/>
            <a:lstStyle/>
            <a:p>
              <a:endParaRPr sz="1539"/>
            </a:p>
          </p:txBody>
        </p:sp>
        <p:sp>
          <p:nvSpPr>
            <p:cNvPr id="11" name="object 11"/>
            <p:cNvSpPr/>
            <p:nvPr/>
          </p:nvSpPr>
          <p:spPr>
            <a:xfrm>
              <a:off x="1409700" y="4808220"/>
              <a:ext cx="8403590" cy="1758950"/>
            </a:xfrm>
            <a:custGeom>
              <a:avLst/>
              <a:gdLst/>
              <a:ahLst/>
              <a:cxnLst/>
              <a:rect l="l" t="t" r="r" b="b"/>
              <a:pathLst>
                <a:path w="8403590" h="1758950">
                  <a:moveTo>
                    <a:pt x="217932" y="0"/>
                  </a:moveTo>
                  <a:lnTo>
                    <a:pt x="0" y="0"/>
                  </a:lnTo>
                  <a:lnTo>
                    <a:pt x="0" y="1662696"/>
                  </a:lnTo>
                  <a:lnTo>
                    <a:pt x="217932" y="1662696"/>
                  </a:lnTo>
                  <a:lnTo>
                    <a:pt x="217932" y="0"/>
                  </a:lnTo>
                  <a:close/>
                </a:path>
                <a:path w="8403590" h="1758950">
                  <a:moveTo>
                    <a:pt x="763524" y="35052"/>
                  </a:moveTo>
                  <a:lnTo>
                    <a:pt x="545592" y="35052"/>
                  </a:lnTo>
                  <a:lnTo>
                    <a:pt x="545592" y="1659648"/>
                  </a:lnTo>
                  <a:lnTo>
                    <a:pt x="763524" y="1659648"/>
                  </a:lnTo>
                  <a:lnTo>
                    <a:pt x="763524" y="35052"/>
                  </a:lnTo>
                  <a:close/>
                </a:path>
                <a:path w="8403590" h="1758950">
                  <a:moveTo>
                    <a:pt x="1309116" y="173736"/>
                  </a:moveTo>
                  <a:lnTo>
                    <a:pt x="1091184" y="173736"/>
                  </a:lnTo>
                  <a:lnTo>
                    <a:pt x="1091184" y="1661172"/>
                  </a:lnTo>
                  <a:lnTo>
                    <a:pt x="1309116" y="1661172"/>
                  </a:lnTo>
                  <a:lnTo>
                    <a:pt x="1309116" y="173736"/>
                  </a:lnTo>
                  <a:close/>
                </a:path>
                <a:path w="8403590" h="1758950">
                  <a:moveTo>
                    <a:pt x="1854708" y="289560"/>
                  </a:moveTo>
                  <a:lnTo>
                    <a:pt x="1636776" y="289560"/>
                  </a:lnTo>
                  <a:lnTo>
                    <a:pt x="1636776" y="1680984"/>
                  </a:lnTo>
                  <a:lnTo>
                    <a:pt x="1854708" y="1680984"/>
                  </a:lnTo>
                  <a:lnTo>
                    <a:pt x="1854708" y="289560"/>
                  </a:lnTo>
                  <a:close/>
                </a:path>
                <a:path w="8403590" h="1758950">
                  <a:moveTo>
                    <a:pt x="2400300" y="560832"/>
                  </a:moveTo>
                  <a:lnTo>
                    <a:pt x="2182368" y="560832"/>
                  </a:lnTo>
                  <a:lnTo>
                    <a:pt x="2182368" y="1700796"/>
                  </a:lnTo>
                  <a:lnTo>
                    <a:pt x="2400300" y="1700796"/>
                  </a:lnTo>
                  <a:lnTo>
                    <a:pt x="2400300" y="560832"/>
                  </a:lnTo>
                  <a:close/>
                </a:path>
                <a:path w="8403590" h="1758950">
                  <a:moveTo>
                    <a:pt x="2945892" y="713232"/>
                  </a:moveTo>
                  <a:lnTo>
                    <a:pt x="2727960" y="713232"/>
                  </a:lnTo>
                  <a:lnTo>
                    <a:pt x="2727960" y="1738896"/>
                  </a:lnTo>
                  <a:lnTo>
                    <a:pt x="2945892" y="1738896"/>
                  </a:lnTo>
                  <a:lnTo>
                    <a:pt x="2945892" y="713232"/>
                  </a:lnTo>
                  <a:close/>
                </a:path>
                <a:path w="8403590" h="1758950">
                  <a:moveTo>
                    <a:pt x="3491484" y="874776"/>
                  </a:moveTo>
                  <a:lnTo>
                    <a:pt x="3273552" y="874776"/>
                  </a:lnTo>
                  <a:lnTo>
                    <a:pt x="3273552" y="1744992"/>
                  </a:lnTo>
                  <a:lnTo>
                    <a:pt x="3491484" y="1744992"/>
                  </a:lnTo>
                  <a:lnTo>
                    <a:pt x="3491484" y="874776"/>
                  </a:lnTo>
                  <a:close/>
                </a:path>
                <a:path w="8403590" h="1758950">
                  <a:moveTo>
                    <a:pt x="4038600" y="973836"/>
                  </a:moveTo>
                  <a:lnTo>
                    <a:pt x="3819144" y="973836"/>
                  </a:lnTo>
                  <a:lnTo>
                    <a:pt x="3819144" y="1746516"/>
                  </a:lnTo>
                  <a:lnTo>
                    <a:pt x="4038600" y="1746516"/>
                  </a:lnTo>
                  <a:lnTo>
                    <a:pt x="4038600" y="973836"/>
                  </a:lnTo>
                  <a:close/>
                </a:path>
                <a:path w="8403590" h="1758950">
                  <a:moveTo>
                    <a:pt x="4584192" y="1019556"/>
                  </a:moveTo>
                  <a:lnTo>
                    <a:pt x="4364736" y="1019556"/>
                  </a:lnTo>
                  <a:lnTo>
                    <a:pt x="4364736" y="1758708"/>
                  </a:lnTo>
                  <a:lnTo>
                    <a:pt x="4584192" y="1758708"/>
                  </a:lnTo>
                  <a:lnTo>
                    <a:pt x="4584192" y="1019556"/>
                  </a:lnTo>
                  <a:close/>
                </a:path>
                <a:path w="8403590" h="1758950">
                  <a:moveTo>
                    <a:pt x="5129771" y="1042416"/>
                  </a:moveTo>
                  <a:lnTo>
                    <a:pt x="4911852" y="1042416"/>
                  </a:lnTo>
                  <a:lnTo>
                    <a:pt x="4911852" y="1751088"/>
                  </a:lnTo>
                  <a:lnTo>
                    <a:pt x="5129771" y="1751088"/>
                  </a:lnTo>
                  <a:lnTo>
                    <a:pt x="5129771" y="1042416"/>
                  </a:lnTo>
                  <a:close/>
                </a:path>
                <a:path w="8403590" h="1758950">
                  <a:moveTo>
                    <a:pt x="5675376" y="1001268"/>
                  </a:moveTo>
                  <a:lnTo>
                    <a:pt x="5457444" y="1001268"/>
                  </a:lnTo>
                  <a:lnTo>
                    <a:pt x="5457444" y="1731276"/>
                  </a:lnTo>
                  <a:lnTo>
                    <a:pt x="5675376" y="1731276"/>
                  </a:lnTo>
                  <a:lnTo>
                    <a:pt x="5675376" y="1001268"/>
                  </a:lnTo>
                  <a:close/>
                </a:path>
                <a:path w="8403590" h="1758950">
                  <a:moveTo>
                    <a:pt x="6220968" y="1027176"/>
                  </a:moveTo>
                  <a:lnTo>
                    <a:pt x="6003036" y="1027176"/>
                  </a:lnTo>
                  <a:lnTo>
                    <a:pt x="6003036" y="1728228"/>
                  </a:lnTo>
                  <a:lnTo>
                    <a:pt x="6220968" y="1728228"/>
                  </a:lnTo>
                  <a:lnTo>
                    <a:pt x="6220968" y="1027176"/>
                  </a:lnTo>
                  <a:close/>
                </a:path>
                <a:path w="8403590" h="1758950">
                  <a:moveTo>
                    <a:pt x="6766560" y="1063752"/>
                  </a:moveTo>
                  <a:lnTo>
                    <a:pt x="6548628" y="1063752"/>
                  </a:lnTo>
                  <a:lnTo>
                    <a:pt x="6548628" y="1719084"/>
                  </a:lnTo>
                  <a:lnTo>
                    <a:pt x="6766560" y="1719084"/>
                  </a:lnTo>
                  <a:lnTo>
                    <a:pt x="6766560" y="1063752"/>
                  </a:lnTo>
                  <a:close/>
                </a:path>
                <a:path w="8403590" h="1758950">
                  <a:moveTo>
                    <a:pt x="7312152" y="1050036"/>
                  </a:moveTo>
                  <a:lnTo>
                    <a:pt x="7094220" y="1050036"/>
                  </a:lnTo>
                  <a:lnTo>
                    <a:pt x="7094220" y="1702320"/>
                  </a:lnTo>
                  <a:lnTo>
                    <a:pt x="7312152" y="1702320"/>
                  </a:lnTo>
                  <a:lnTo>
                    <a:pt x="7312152" y="1050036"/>
                  </a:lnTo>
                  <a:close/>
                </a:path>
                <a:path w="8403590" h="1758950">
                  <a:moveTo>
                    <a:pt x="7857744" y="957072"/>
                  </a:moveTo>
                  <a:lnTo>
                    <a:pt x="7639812" y="957072"/>
                  </a:lnTo>
                  <a:lnTo>
                    <a:pt x="7639812" y="1677936"/>
                  </a:lnTo>
                  <a:lnTo>
                    <a:pt x="7857744" y="1677936"/>
                  </a:lnTo>
                  <a:lnTo>
                    <a:pt x="7857744" y="957072"/>
                  </a:lnTo>
                  <a:close/>
                </a:path>
                <a:path w="8403590" h="1758950">
                  <a:moveTo>
                    <a:pt x="8403336" y="850392"/>
                  </a:moveTo>
                  <a:lnTo>
                    <a:pt x="8185404" y="850392"/>
                  </a:lnTo>
                  <a:lnTo>
                    <a:pt x="8185404" y="1655076"/>
                  </a:lnTo>
                  <a:lnTo>
                    <a:pt x="8403336" y="1655076"/>
                  </a:lnTo>
                  <a:lnTo>
                    <a:pt x="8403336" y="850392"/>
                  </a:lnTo>
                  <a:close/>
                </a:path>
              </a:pathLst>
            </a:custGeom>
            <a:solidFill>
              <a:srgbClr val="FF99CC"/>
            </a:solidFill>
          </p:spPr>
          <p:txBody>
            <a:bodyPr wrap="square" lIns="0" tIns="0" rIns="0" bIns="0" rtlCol="0"/>
            <a:lstStyle/>
            <a:p>
              <a:endParaRPr sz="1539"/>
            </a:p>
          </p:txBody>
        </p:sp>
        <p:sp>
          <p:nvSpPr>
            <p:cNvPr id="12" name="object 12"/>
            <p:cNvSpPr/>
            <p:nvPr/>
          </p:nvSpPr>
          <p:spPr>
            <a:xfrm>
              <a:off x="1245108" y="6783329"/>
              <a:ext cx="8732520" cy="9525"/>
            </a:xfrm>
            <a:custGeom>
              <a:avLst/>
              <a:gdLst/>
              <a:ahLst/>
              <a:cxnLst/>
              <a:rect l="l" t="t" r="r" b="b"/>
              <a:pathLst>
                <a:path w="8732520" h="9525">
                  <a:moveTo>
                    <a:pt x="8732520" y="0"/>
                  </a:moveTo>
                  <a:lnTo>
                    <a:pt x="0" y="0"/>
                  </a:lnTo>
                  <a:lnTo>
                    <a:pt x="0" y="9144"/>
                  </a:lnTo>
                  <a:lnTo>
                    <a:pt x="8732520" y="9144"/>
                  </a:lnTo>
                  <a:lnTo>
                    <a:pt x="8732520" y="0"/>
                  </a:lnTo>
                  <a:close/>
                </a:path>
              </a:pathLst>
            </a:custGeom>
            <a:solidFill>
              <a:srgbClr val="4F80BC"/>
            </a:solidFill>
          </p:spPr>
          <p:txBody>
            <a:bodyPr wrap="square" lIns="0" tIns="0" rIns="0" bIns="0" rtlCol="0"/>
            <a:lstStyle/>
            <a:p>
              <a:endParaRPr sz="1539"/>
            </a:p>
          </p:txBody>
        </p:sp>
        <p:sp>
          <p:nvSpPr>
            <p:cNvPr id="13" name="object 13"/>
            <p:cNvSpPr/>
            <p:nvPr/>
          </p:nvSpPr>
          <p:spPr>
            <a:xfrm>
              <a:off x="1479804" y="4992624"/>
              <a:ext cx="8240395" cy="878205"/>
            </a:xfrm>
            <a:custGeom>
              <a:avLst/>
              <a:gdLst/>
              <a:ahLst/>
              <a:cxnLst/>
              <a:rect l="l" t="t" r="r" b="b"/>
              <a:pathLst>
                <a:path w="8240395" h="878204">
                  <a:moveTo>
                    <a:pt x="8240268" y="73152"/>
                  </a:moveTo>
                  <a:lnTo>
                    <a:pt x="8234172" y="65532"/>
                  </a:lnTo>
                  <a:lnTo>
                    <a:pt x="8226552" y="65532"/>
                  </a:lnTo>
                  <a:lnTo>
                    <a:pt x="7833309" y="30480"/>
                  </a:lnTo>
                  <a:lnTo>
                    <a:pt x="7679436" y="16764"/>
                  </a:lnTo>
                  <a:lnTo>
                    <a:pt x="7133844" y="0"/>
                  </a:lnTo>
                  <a:lnTo>
                    <a:pt x="7130796" y="0"/>
                  </a:lnTo>
                  <a:lnTo>
                    <a:pt x="6585204" y="82296"/>
                  </a:lnTo>
                  <a:lnTo>
                    <a:pt x="6039612" y="204216"/>
                  </a:lnTo>
                  <a:lnTo>
                    <a:pt x="5494020" y="268224"/>
                  </a:lnTo>
                  <a:lnTo>
                    <a:pt x="4946904" y="321564"/>
                  </a:lnTo>
                  <a:lnTo>
                    <a:pt x="4401680" y="409905"/>
                  </a:lnTo>
                  <a:lnTo>
                    <a:pt x="3858768" y="397764"/>
                  </a:lnTo>
                  <a:lnTo>
                    <a:pt x="3855720" y="397764"/>
                  </a:lnTo>
                  <a:lnTo>
                    <a:pt x="3310128" y="509016"/>
                  </a:lnTo>
                  <a:lnTo>
                    <a:pt x="2765526" y="644410"/>
                  </a:lnTo>
                  <a:lnTo>
                    <a:pt x="2659977" y="637032"/>
                  </a:lnTo>
                  <a:lnTo>
                    <a:pt x="2223516" y="606552"/>
                  </a:lnTo>
                  <a:lnTo>
                    <a:pt x="2218944" y="606552"/>
                  </a:lnTo>
                  <a:lnTo>
                    <a:pt x="1671828" y="726948"/>
                  </a:lnTo>
                  <a:lnTo>
                    <a:pt x="1127760" y="726948"/>
                  </a:lnTo>
                  <a:lnTo>
                    <a:pt x="583692" y="797052"/>
                  </a:lnTo>
                  <a:lnTo>
                    <a:pt x="73126" y="819886"/>
                  </a:lnTo>
                  <a:lnTo>
                    <a:pt x="72390" y="818388"/>
                  </a:lnTo>
                  <a:lnTo>
                    <a:pt x="71628" y="816864"/>
                  </a:lnTo>
                  <a:lnTo>
                    <a:pt x="67056" y="812292"/>
                  </a:lnTo>
                  <a:lnTo>
                    <a:pt x="67056" y="810768"/>
                  </a:lnTo>
                  <a:lnTo>
                    <a:pt x="60960" y="806196"/>
                  </a:lnTo>
                  <a:lnTo>
                    <a:pt x="54864" y="803148"/>
                  </a:lnTo>
                  <a:lnTo>
                    <a:pt x="47244" y="800100"/>
                  </a:lnTo>
                  <a:lnTo>
                    <a:pt x="30480" y="800100"/>
                  </a:lnTo>
                  <a:lnTo>
                    <a:pt x="18288" y="806196"/>
                  </a:lnTo>
                  <a:lnTo>
                    <a:pt x="16764" y="806196"/>
                  </a:lnTo>
                  <a:lnTo>
                    <a:pt x="12192" y="810768"/>
                  </a:lnTo>
                  <a:lnTo>
                    <a:pt x="12192" y="812292"/>
                  </a:lnTo>
                  <a:lnTo>
                    <a:pt x="7620" y="816864"/>
                  </a:lnTo>
                  <a:lnTo>
                    <a:pt x="4572" y="822960"/>
                  </a:lnTo>
                  <a:lnTo>
                    <a:pt x="3048" y="822960"/>
                  </a:lnTo>
                  <a:lnTo>
                    <a:pt x="3048" y="824484"/>
                  </a:lnTo>
                  <a:lnTo>
                    <a:pt x="1524" y="830580"/>
                  </a:lnTo>
                  <a:lnTo>
                    <a:pt x="1524" y="832104"/>
                  </a:lnTo>
                  <a:lnTo>
                    <a:pt x="0" y="838200"/>
                  </a:lnTo>
                  <a:lnTo>
                    <a:pt x="0" y="839724"/>
                  </a:lnTo>
                  <a:lnTo>
                    <a:pt x="1524" y="845820"/>
                  </a:lnTo>
                  <a:lnTo>
                    <a:pt x="1524" y="847344"/>
                  </a:lnTo>
                  <a:lnTo>
                    <a:pt x="3048" y="853440"/>
                  </a:lnTo>
                  <a:lnTo>
                    <a:pt x="4572" y="854964"/>
                  </a:lnTo>
                  <a:lnTo>
                    <a:pt x="7620" y="859536"/>
                  </a:lnTo>
                  <a:lnTo>
                    <a:pt x="7620" y="861060"/>
                  </a:lnTo>
                  <a:lnTo>
                    <a:pt x="12192" y="865632"/>
                  </a:lnTo>
                  <a:lnTo>
                    <a:pt x="12192" y="867156"/>
                  </a:lnTo>
                  <a:lnTo>
                    <a:pt x="16764" y="870204"/>
                  </a:lnTo>
                  <a:lnTo>
                    <a:pt x="18288" y="870204"/>
                  </a:lnTo>
                  <a:lnTo>
                    <a:pt x="18288" y="871728"/>
                  </a:lnTo>
                  <a:lnTo>
                    <a:pt x="24384" y="874776"/>
                  </a:lnTo>
                  <a:lnTo>
                    <a:pt x="30480" y="876300"/>
                  </a:lnTo>
                  <a:lnTo>
                    <a:pt x="32004" y="876300"/>
                  </a:lnTo>
                  <a:lnTo>
                    <a:pt x="39624" y="877824"/>
                  </a:lnTo>
                  <a:lnTo>
                    <a:pt x="54864" y="874776"/>
                  </a:lnTo>
                  <a:lnTo>
                    <a:pt x="60960" y="871728"/>
                  </a:lnTo>
                  <a:lnTo>
                    <a:pt x="60960" y="870204"/>
                  </a:lnTo>
                  <a:lnTo>
                    <a:pt x="67056" y="867156"/>
                  </a:lnTo>
                  <a:lnTo>
                    <a:pt x="67056" y="865632"/>
                  </a:lnTo>
                  <a:lnTo>
                    <a:pt x="71628" y="861060"/>
                  </a:lnTo>
                  <a:lnTo>
                    <a:pt x="71628" y="859536"/>
                  </a:lnTo>
                  <a:lnTo>
                    <a:pt x="74676" y="854964"/>
                  </a:lnTo>
                  <a:lnTo>
                    <a:pt x="74676" y="853440"/>
                  </a:lnTo>
                  <a:lnTo>
                    <a:pt x="76200" y="850392"/>
                  </a:lnTo>
                  <a:lnTo>
                    <a:pt x="76276" y="850226"/>
                  </a:lnTo>
                  <a:lnTo>
                    <a:pt x="583692" y="827532"/>
                  </a:lnTo>
                  <a:lnTo>
                    <a:pt x="1130808" y="757428"/>
                  </a:lnTo>
                  <a:lnTo>
                    <a:pt x="1677924" y="757428"/>
                  </a:lnTo>
                  <a:lnTo>
                    <a:pt x="2223935" y="637286"/>
                  </a:lnTo>
                  <a:lnTo>
                    <a:pt x="2766060" y="675132"/>
                  </a:lnTo>
                  <a:lnTo>
                    <a:pt x="2770632" y="675132"/>
                  </a:lnTo>
                  <a:lnTo>
                    <a:pt x="2893225" y="644652"/>
                  </a:lnTo>
                  <a:lnTo>
                    <a:pt x="3316224" y="539496"/>
                  </a:lnTo>
                  <a:lnTo>
                    <a:pt x="3861511" y="428307"/>
                  </a:lnTo>
                  <a:lnTo>
                    <a:pt x="4404360" y="440436"/>
                  </a:lnTo>
                  <a:lnTo>
                    <a:pt x="4407408" y="440436"/>
                  </a:lnTo>
                  <a:lnTo>
                    <a:pt x="4482655" y="428244"/>
                  </a:lnTo>
                  <a:lnTo>
                    <a:pt x="4595533" y="409956"/>
                  </a:lnTo>
                  <a:lnTo>
                    <a:pt x="4953000" y="352044"/>
                  </a:lnTo>
                  <a:lnTo>
                    <a:pt x="5497068" y="298704"/>
                  </a:lnTo>
                  <a:lnTo>
                    <a:pt x="6042660" y="234696"/>
                  </a:lnTo>
                  <a:lnTo>
                    <a:pt x="6591300" y="112776"/>
                  </a:lnTo>
                  <a:lnTo>
                    <a:pt x="7135101" y="30530"/>
                  </a:lnTo>
                  <a:lnTo>
                    <a:pt x="7679436" y="47244"/>
                  </a:lnTo>
                  <a:lnTo>
                    <a:pt x="8223504" y="96012"/>
                  </a:lnTo>
                  <a:lnTo>
                    <a:pt x="8232648" y="96012"/>
                  </a:lnTo>
                  <a:lnTo>
                    <a:pt x="8238744" y="89916"/>
                  </a:lnTo>
                  <a:lnTo>
                    <a:pt x="8240268" y="82296"/>
                  </a:lnTo>
                  <a:lnTo>
                    <a:pt x="8240268" y="73152"/>
                  </a:lnTo>
                  <a:close/>
                </a:path>
              </a:pathLst>
            </a:custGeom>
            <a:solidFill>
              <a:srgbClr val="FF0000"/>
            </a:solidFill>
          </p:spPr>
          <p:txBody>
            <a:bodyPr wrap="square" lIns="0" tIns="0" rIns="0" bIns="0" rtlCol="0"/>
            <a:lstStyle/>
            <a:p>
              <a:endParaRPr sz="1539"/>
            </a:p>
          </p:txBody>
        </p:sp>
        <p:pic>
          <p:nvPicPr>
            <p:cNvPr id="14" name="object 14"/>
            <p:cNvPicPr/>
            <p:nvPr/>
          </p:nvPicPr>
          <p:blipFill>
            <a:blip r:embed="rId2" cstate="print"/>
            <a:stretch>
              <a:fillRect/>
            </a:stretch>
          </p:blipFill>
          <p:spPr>
            <a:xfrm>
              <a:off x="2025395" y="5768340"/>
              <a:ext cx="77724" cy="77724"/>
            </a:xfrm>
            <a:prstGeom prst="rect">
              <a:avLst/>
            </a:prstGeom>
          </p:spPr>
        </p:pic>
        <p:pic>
          <p:nvPicPr>
            <p:cNvPr id="15" name="object 15"/>
            <p:cNvPicPr/>
            <p:nvPr/>
          </p:nvPicPr>
          <p:blipFill>
            <a:blip r:embed="rId3" cstate="print"/>
            <a:stretch>
              <a:fillRect/>
            </a:stretch>
          </p:blipFill>
          <p:spPr>
            <a:xfrm>
              <a:off x="2570988" y="5696712"/>
              <a:ext cx="77724" cy="77724"/>
            </a:xfrm>
            <a:prstGeom prst="rect">
              <a:avLst/>
            </a:prstGeom>
          </p:spPr>
        </p:pic>
        <p:pic>
          <p:nvPicPr>
            <p:cNvPr id="16" name="object 16"/>
            <p:cNvPicPr/>
            <p:nvPr/>
          </p:nvPicPr>
          <p:blipFill>
            <a:blip r:embed="rId2" cstate="print"/>
            <a:stretch>
              <a:fillRect/>
            </a:stretch>
          </p:blipFill>
          <p:spPr>
            <a:xfrm>
              <a:off x="3116580" y="5698236"/>
              <a:ext cx="77724" cy="77724"/>
            </a:xfrm>
            <a:prstGeom prst="rect">
              <a:avLst/>
            </a:prstGeom>
          </p:spPr>
        </p:pic>
        <p:pic>
          <p:nvPicPr>
            <p:cNvPr id="17" name="object 17"/>
            <p:cNvPicPr/>
            <p:nvPr/>
          </p:nvPicPr>
          <p:blipFill>
            <a:blip r:embed="rId3" cstate="print"/>
            <a:stretch>
              <a:fillRect/>
            </a:stretch>
          </p:blipFill>
          <p:spPr>
            <a:xfrm>
              <a:off x="3662172" y="5577840"/>
              <a:ext cx="77724" cy="77724"/>
            </a:xfrm>
            <a:prstGeom prst="rect">
              <a:avLst/>
            </a:prstGeom>
          </p:spPr>
        </p:pic>
        <p:pic>
          <p:nvPicPr>
            <p:cNvPr id="18" name="object 18"/>
            <p:cNvPicPr/>
            <p:nvPr/>
          </p:nvPicPr>
          <p:blipFill>
            <a:blip r:embed="rId3" cstate="print"/>
            <a:stretch>
              <a:fillRect/>
            </a:stretch>
          </p:blipFill>
          <p:spPr>
            <a:xfrm>
              <a:off x="4207763" y="5615940"/>
              <a:ext cx="77724" cy="77724"/>
            </a:xfrm>
            <a:prstGeom prst="rect">
              <a:avLst/>
            </a:prstGeom>
          </p:spPr>
        </p:pic>
        <p:pic>
          <p:nvPicPr>
            <p:cNvPr id="19" name="object 19"/>
            <p:cNvPicPr/>
            <p:nvPr/>
          </p:nvPicPr>
          <p:blipFill>
            <a:blip r:embed="rId4" cstate="print"/>
            <a:stretch>
              <a:fillRect/>
            </a:stretch>
          </p:blipFill>
          <p:spPr>
            <a:xfrm>
              <a:off x="4753355" y="5480304"/>
              <a:ext cx="77724" cy="77724"/>
            </a:xfrm>
            <a:prstGeom prst="rect">
              <a:avLst/>
            </a:prstGeom>
          </p:spPr>
        </p:pic>
        <p:pic>
          <p:nvPicPr>
            <p:cNvPr id="20" name="object 20"/>
            <p:cNvPicPr/>
            <p:nvPr/>
          </p:nvPicPr>
          <p:blipFill>
            <a:blip r:embed="rId3" cstate="print"/>
            <a:stretch>
              <a:fillRect/>
            </a:stretch>
          </p:blipFill>
          <p:spPr>
            <a:xfrm>
              <a:off x="5298948" y="5369052"/>
              <a:ext cx="77724" cy="77724"/>
            </a:xfrm>
            <a:prstGeom prst="rect">
              <a:avLst/>
            </a:prstGeom>
          </p:spPr>
        </p:pic>
        <p:pic>
          <p:nvPicPr>
            <p:cNvPr id="21" name="object 21"/>
            <p:cNvPicPr/>
            <p:nvPr/>
          </p:nvPicPr>
          <p:blipFill>
            <a:blip r:embed="rId4" cstate="print"/>
            <a:stretch>
              <a:fillRect/>
            </a:stretch>
          </p:blipFill>
          <p:spPr>
            <a:xfrm>
              <a:off x="5846063" y="5379720"/>
              <a:ext cx="77724" cy="77723"/>
            </a:xfrm>
            <a:prstGeom prst="rect">
              <a:avLst/>
            </a:prstGeom>
          </p:spPr>
        </p:pic>
        <p:pic>
          <p:nvPicPr>
            <p:cNvPr id="22" name="object 22"/>
            <p:cNvPicPr/>
            <p:nvPr/>
          </p:nvPicPr>
          <p:blipFill>
            <a:blip r:embed="rId3" cstate="print"/>
            <a:stretch>
              <a:fillRect/>
            </a:stretch>
          </p:blipFill>
          <p:spPr>
            <a:xfrm>
              <a:off x="6391655" y="5291328"/>
              <a:ext cx="77724" cy="77724"/>
            </a:xfrm>
            <a:prstGeom prst="rect">
              <a:avLst/>
            </a:prstGeom>
          </p:spPr>
        </p:pic>
        <p:pic>
          <p:nvPicPr>
            <p:cNvPr id="23" name="object 23"/>
            <p:cNvPicPr/>
            <p:nvPr/>
          </p:nvPicPr>
          <p:blipFill>
            <a:blip r:embed="rId4" cstate="print"/>
            <a:stretch>
              <a:fillRect/>
            </a:stretch>
          </p:blipFill>
          <p:spPr>
            <a:xfrm>
              <a:off x="6937248" y="5237988"/>
              <a:ext cx="77724" cy="77724"/>
            </a:xfrm>
            <a:prstGeom prst="rect">
              <a:avLst/>
            </a:prstGeom>
          </p:spPr>
        </p:pic>
        <p:pic>
          <p:nvPicPr>
            <p:cNvPr id="24" name="object 24"/>
            <p:cNvPicPr/>
            <p:nvPr/>
          </p:nvPicPr>
          <p:blipFill>
            <a:blip r:embed="rId5" cstate="print"/>
            <a:stretch>
              <a:fillRect/>
            </a:stretch>
          </p:blipFill>
          <p:spPr>
            <a:xfrm>
              <a:off x="7482840" y="5175504"/>
              <a:ext cx="77724" cy="77724"/>
            </a:xfrm>
            <a:prstGeom prst="rect">
              <a:avLst/>
            </a:prstGeom>
          </p:spPr>
        </p:pic>
        <p:pic>
          <p:nvPicPr>
            <p:cNvPr id="25" name="object 25"/>
            <p:cNvPicPr/>
            <p:nvPr/>
          </p:nvPicPr>
          <p:blipFill>
            <a:blip r:embed="rId4" cstate="print"/>
            <a:stretch>
              <a:fillRect/>
            </a:stretch>
          </p:blipFill>
          <p:spPr>
            <a:xfrm>
              <a:off x="8028431" y="5052060"/>
              <a:ext cx="77724" cy="77724"/>
            </a:xfrm>
            <a:prstGeom prst="rect">
              <a:avLst/>
            </a:prstGeom>
          </p:spPr>
        </p:pic>
        <p:pic>
          <p:nvPicPr>
            <p:cNvPr id="26" name="object 26"/>
            <p:cNvPicPr/>
            <p:nvPr/>
          </p:nvPicPr>
          <p:blipFill>
            <a:blip r:embed="rId5" cstate="print"/>
            <a:stretch>
              <a:fillRect/>
            </a:stretch>
          </p:blipFill>
          <p:spPr>
            <a:xfrm>
              <a:off x="8574024" y="4971288"/>
              <a:ext cx="77724" cy="77724"/>
            </a:xfrm>
            <a:prstGeom prst="rect">
              <a:avLst/>
            </a:prstGeom>
          </p:spPr>
        </p:pic>
        <p:pic>
          <p:nvPicPr>
            <p:cNvPr id="27" name="object 27"/>
            <p:cNvPicPr/>
            <p:nvPr/>
          </p:nvPicPr>
          <p:blipFill>
            <a:blip r:embed="rId3" cstate="print"/>
            <a:stretch>
              <a:fillRect/>
            </a:stretch>
          </p:blipFill>
          <p:spPr>
            <a:xfrm>
              <a:off x="9119615" y="4986528"/>
              <a:ext cx="77724" cy="77724"/>
            </a:xfrm>
            <a:prstGeom prst="rect">
              <a:avLst/>
            </a:prstGeom>
          </p:spPr>
        </p:pic>
        <p:sp>
          <p:nvSpPr>
            <p:cNvPr id="28" name="object 28"/>
            <p:cNvSpPr/>
            <p:nvPr/>
          </p:nvSpPr>
          <p:spPr>
            <a:xfrm>
              <a:off x="9665208" y="5035296"/>
              <a:ext cx="78105" cy="78105"/>
            </a:xfrm>
            <a:custGeom>
              <a:avLst/>
              <a:gdLst/>
              <a:ahLst/>
              <a:cxnLst/>
              <a:rect l="l" t="t" r="r" b="b"/>
              <a:pathLst>
                <a:path w="78104" h="78104">
                  <a:moveTo>
                    <a:pt x="77724" y="30480"/>
                  </a:moveTo>
                  <a:lnTo>
                    <a:pt x="74676" y="24384"/>
                  </a:lnTo>
                  <a:lnTo>
                    <a:pt x="74676" y="22860"/>
                  </a:lnTo>
                  <a:lnTo>
                    <a:pt x="72390" y="18288"/>
                  </a:lnTo>
                  <a:lnTo>
                    <a:pt x="71628" y="16764"/>
                  </a:lnTo>
                  <a:lnTo>
                    <a:pt x="67056" y="12192"/>
                  </a:lnTo>
                  <a:lnTo>
                    <a:pt x="67056" y="10668"/>
                  </a:lnTo>
                  <a:lnTo>
                    <a:pt x="60960" y="6096"/>
                  </a:lnTo>
                  <a:lnTo>
                    <a:pt x="54864" y="3048"/>
                  </a:lnTo>
                  <a:lnTo>
                    <a:pt x="47244" y="0"/>
                  </a:lnTo>
                  <a:lnTo>
                    <a:pt x="30480" y="0"/>
                  </a:lnTo>
                  <a:lnTo>
                    <a:pt x="18288" y="6096"/>
                  </a:lnTo>
                  <a:lnTo>
                    <a:pt x="16764" y="6096"/>
                  </a:lnTo>
                  <a:lnTo>
                    <a:pt x="12192" y="10668"/>
                  </a:lnTo>
                  <a:lnTo>
                    <a:pt x="12192" y="12192"/>
                  </a:lnTo>
                  <a:lnTo>
                    <a:pt x="7620" y="16764"/>
                  </a:lnTo>
                  <a:lnTo>
                    <a:pt x="4572" y="22860"/>
                  </a:lnTo>
                  <a:lnTo>
                    <a:pt x="3048" y="22860"/>
                  </a:lnTo>
                  <a:lnTo>
                    <a:pt x="3048" y="24384"/>
                  </a:lnTo>
                  <a:lnTo>
                    <a:pt x="1524" y="30480"/>
                  </a:lnTo>
                  <a:lnTo>
                    <a:pt x="1524" y="32004"/>
                  </a:lnTo>
                  <a:lnTo>
                    <a:pt x="0" y="38100"/>
                  </a:lnTo>
                  <a:lnTo>
                    <a:pt x="0" y="39624"/>
                  </a:lnTo>
                  <a:lnTo>
                    <a:pt x="1524" y="45720"/>
                  </a:lnTo>
                  <a:lnTo>
                    <a:pt x="1524" y="47244"/>
                  </a:lnTo>
                  <a:lnTo>
                    <a:pt x="3048" y="53340"/>
                  </a:lnTo>
                  <a:lnTo>
                    <a:pt x="4572" y="54864"/>
                  </a:lnTo>
                  <a:lnTo>
                    <a:pt x="7620" y="59436"/>
                  </a:lnTo>
                  <a:lnTo>
                    <a:pt x="7620" y="60960"/>
                  </a:lnTo>
                  <a:lnTo>
                    <a:pt x="12192" y="65532"/>
                  </a:lnTo>
                  <a:lnTo>
                    <a:pt x="12192" y="67056"/>
                  </a:lnTo>
                  <a:lnTo>
                    <a:pt x="16764" y="70104"/>
                  </a:lnTo>
                  <a:lnTo>
                    <a:pt x="18288" y="70104"/>
                  </a:lnTo>
                  <a:lnTo>
                    <a:pt x="18288" y="71628"/>
                  </a:lnTo>
                  <a:lnTo>
                    <a:pt x="24384" y="74676"/>
                  </a:lnTo>
                  <a:lnTo>
                    <a:pt x="30480" y="76200"/>
                  </a:lnTo>
                  <a:lnTo>
                    <a:pt x="32004" y="76200"/>
                  </a:lnTo>
                  <a:lnTo>
                    <a:pt x="39624" y="77724"/>
                  </a:lnTo>
                  <a:lnTo>
                    <a:pt x="54864" y="74676"/>
                  </a:lnTo>
                  <a:lnTo>
                    <a:pt x="60960" y="71628"/>
                  </a:lnTo>
                  <a:lnTo>
                    <a:pt x="60960" y="70104"/>
                  </a:lnTo>
                  <a:lnTo>
                    <a:pt x="67056" y="67056"/>
                  </a:lnTo>
                  <a:lnTo>
                    <a:pt x="67056" y="65532"/>
                  </a:lnTo>
                  <a:lnTo>
                    <a:pt x="71628" y="60960"/>
                  </a:lnTo>
                  <a:lnTo>
                    <a:pt x="71628" y="59436"/>
                  </a:lnTo>
                  <a:lnTo>
                    <a:pt x="74676" y="54864"/>
                  </a:lnTo>
                  <a:lnTo>
                    <a:pt x="74676" y="53340"/>
                  </a:lnTo>
                  <a:lnTo>
                    <a:pt x="76200" y="50292"/>
                  </a:lnTo>
                  <a:lnTo>
                    <a:pt x="77724" y="47244"/>
                  </a:lnTo>
                  <a:lnTo>
                    <a:pt x="77724" y="32004"/>
                  </a:lnTo>
                  <a:lnTo>
                    <a:pt x="77724" y="30480"/>
                  </a:lnTo>
                  <a:close/>
                </a:path>
              </a:pathLst>
            </a:custGeom>
            <a:solidFill>
              <a:srgbClr val="FF0000"/>
            </a:solidFill>
          </p:spPr>
          <p:txBody>
            <a:bodyPr wrap="square" lIns="0" tIns="0" rIns="0" bIns="0" rtlCol="0"/>
            <a:lstStyle/>
            <a:p>
              <a:endParaRPr sz="1539"/>
            </a:p>
          </p:txBody>
        </p:sp>
      </p:grpSp>
      <p:sp>
        <p:nvSpPr>
          <p:cNvPr id="29" name="object 29"/>
          <p:cNvSpPr txBox="1"/>
          <p:nvPr/>
        </p:nvSpPr>
        <p:spPr>
          <a:xfrm>
            <a:off x="1615512" y="4165842"/>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27.9</a:t>
            </a:r>
            <a:endParaRPr sz="941">
              <a:latin typeface="メイリオ"/>
              <a:cs typeface="メイリオ"/>
            </a:endParaRPr>
          </a:p>
        </p:txBody>
      </p:sp>
      <p:sp>
        <p:nvSpPr>
          <p:cNvPr id="30" name="object 30"/>
          <p:cNvSpPr txBox="1"/>
          <p:nvPr/>
        </p:nvSpPr>
        <p:spPr>
          <a:xfrm>
            <a:off x="2105509" y="4292250"/>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25.9</a:t>
            </a:r>
            <a:endParaRPr sz="941">
              <a:latin typeface="メイリオ"/>
              <a:cs typeface="メイリオ"/>
            </a:endParaRPr>
          </a:p>
        </p:txBody>
      </p:sp>
      <p:sp>
        <p:nvSpPr>
          <p:cNvPr id="31" name="object 31"/>
          <p:cNvSpPr txBox="1"/>
          <p:nvPr/>
        </p:nvSpPr>
        <p:spPr>
          <a:xfrm>
            <a:off x="2573352" y="4344378"/>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24.2</a:t>
            </a:r>
            <a:endParaRPr sz="941">
              <a:latin typeface="メイリオ"/>
              <a:cs typeface="メイリオ"/>
            </a:endParaRPr>
          </a:p>
        </p:txBody>
      </p:sp>
      <p:sp>
        <p:nvSpPr>
          <p:cNvPr id="32" name="object 32"/>
          <p:cNvSpPr txBox="1"/>
          <p:nvPr/>
        </p:nvSpPr>
        <p:spPr>
          <a:xfrm>
            <a:off x="3039891" y="4577647"/>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20.3</a:t>
            </a:r>
            <a:endParaRPr sz="941">
              <a:latin typeface="メイリオ"/>
              <a:cs typeface="メイリオ"/>
            </a:endParaRPr>
          </a:p>
        </p:txBody>
      </p:sp>
      <p:sp>
        <p:nvSpPr>
          <p:cNvPr id="33" name="object 33"/>
          <p:cNvSpPr txBox="1"/>
          <p:nvPr/>
        </p:nvSpPr>
        <p:spPr>
          <a:xfrm>
            <a:off x="3498612" y="4718391"/>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8.2</a:t>
            </a:r>
            <a:endParaRPr sz="941">
              <a:latin typeface="メイリオ"/>
              <a:cs typeface="メイリオ"/>
            </a:endParaRPr>
          </a:p>
        </p:txBody>
      </p:sp>
      <p:sp>
        <p:nvSpPr>
          <p:cNvPr id="34" name="object 34"/>
          <p:cNvSpPr txBox="1"/>
          <p:nvPr/>
        </p:nvSpPr>
        <p:spPr>
          <a:xfrm>
            <a:off x="3953423" y="4904746"/>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5.8</a:t>
            </a:r>
            <a:endParaRPr sz="941">
              <a:latin typeface="メイリオ"/>
              <a:cs typeface="メイリオ"/>
            </a:endParaRPr>
          </a:p>
        </p:txBody>
      </p:sp>
      <p:sp>
        <p:nvSpPr>
          <p:cNvPr id="35" name="object 35"/>
          <p:cNvSpPr txBox="1"/>
          <p:nvPr/>
        </p:nvSpPr>
        <p:spPr>
          <a:xfrm>
            <a:off x="4419962" y="4989454"/>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4.4</a:t>
            </a:r>
            <a:endParaRPr sz="941">
              <a:latin typeface="メイリオ"/>
              <a:cs typeface="メイリオ"/>
            </a:endParaRPr>
          </a:p>
        </p:txBody>
      </p:sp>
      <p:sp>
        <p:nvSpPr>
          <p:cNvPr id="36" name="object 36"/>
          <p:cNvSpPr txBox="1"/>
          <p:nvPr/>
        </p:nvSpPr>
        <p:spPr>
          <a:xfrm>
            <a:off x="4887804" y="5027245"/>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3.8</a:t>
            </a:r>
            <a:endParaRPr sz="941">
              <a:latin typeface="メイリオ"/>
              <a:cs typeface="メイリオ"/>
            </a:endParaRPr>
          </a:p>
        </p:txBody>
      </p:sp>
      <p:sp>
        <p:nvSpPr>
          <p:cNvPr id="37" name="object 37"/>
          <p:cNvSpPr txBox="1"/>
          <p:nvPr/>
        </p:nvSpPr>
        <p:spPr>
          <a:xfrm>
            <a:off x="5354344" y="5035064"/>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3.4</a:t>
            </a:r>
            <a:endParaRPr sz="941">
              <a:latin typeface="メイリオ"/>
              <a:cs typeface="メイリオ"/>
            </a:endParaRPr>
          </a:p>
        </p:txBody>
      </p:sp>
      <p:sp>
        <p:nvSpPr>
          <p:cNvPr id="38" name="object 38"/>
          <p:cNvSpPr txBox="1"/>
          <p:nvPr/>
        </p:nvSpPr>
        <p:spPr>
          <a:xfrm>
            <a:off x="5820884" y="5011607"/>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4.0</a:t>
            </a:r>
            <a:endParaRPr sz="941">
              <a:latin typeface="メイリオ"/>
              <a:cs typeface="メイリオ"/>
            </a:endParaRPr>
          </a:p>
        </p:txBody>
      </p:sp>
      <p:sp>
        <p:nvSpPr>
          <p:cNvPr id="39" name="object 39"/>
          <p:cNvSpPr txBox="1"/>
          <p:nvPr/>
        </p:nvSpPr>
        <p:spPr>
          <a:xfrm>
            <a:off x="6287423" y="5035064"/>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3.6</a:t>
            </a:r>
            <a:endParaRPr sz="941">
              <a:latin typeface="メイリオ"/>
              <a:cs typeface="メイリオ"/>
            </a:endParaRPr>
          </a:p>
        </p:txBody>
      </p:sp>
      <p:sp>
        <p:nvSpPr>
          <p:cNvPr id="40" name="object 40"/>
          <p:cNvSpPr txBox="1"/>
          <p:nvPr/>
        </p:nvSpPr>
        <p:spPr>
          <a:xfrm>
            <a:off x="6753962" y="5041580"/>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3.1</a:t>
            </a:r>
            <a:endParaRPr sz="941">
              <a:latin typeface="メイリオ"/>
              <a:cs typeface="メイリオ"/>
            </a:endParaRPr>
          </a:p>
        </p:txBody>
      </p:sp>
      <p:sp>
        <p:nvSpPr>
          <p:cNvPr id="41" name="object 41"/>
          <p:cNvSpPr txBox="1"/>
          <p:nvPr/>
        </p:nvSpPr>
        <p:spPr>
          <a:xfrm>
            <a:off x="7220502" y="5029852"/>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3.3</a:t>
            </a:r>
            <a:endParaRPr sz="941">
              <a:latin typeface="メイリオ"/>
              <a:cs typeface="メイリオ"/>
            </a:endParaRPr>
          </a:p>
        </p:txBody>
      </p:sp>
      <p:sp>
        <p:nvSpPr>
          <p:cNvPr id="42" name="object 42"/>
          <p:cNvSpPr txBox="1"/>
          <p:nvPr/>
        </p:nvSpPr>
        <p:spPr>
          <a:xfrm>
            <a:off x="7687042" y="4962086"/>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14.7</a:t>
            </a:r>
            <a:endParaRPr sz="941">
              <a:latin typeface="メイリオ"/>
              <a:cs typeface="メイリオ"/>
            </a:endParaRPr>
          </a:p>
        </p:txBody>
      </p:sp>
      <p:sp>
        <p:nvSpPr>
          <p:cNvPr id="43" name="object 43"/>
          <p:cNvSpPr txBox="1"/>
          <p:nvPr/>
        </p:nvSpPr>
        <p:spPr>
          <a:xfrm>
            <a:off x="8141851" y="4860438"/>
            <a:ext cx="314936" cy="158491"/>
          </a:xfrm>
          <a:prstGeom prst="rect">
            <a:avLst/>
          </a:prstGeom>
        </p:spPr>
        <p:txBody>
          <a:bodyPr vert="horz" wrap="square" lIns="0" tIns="13575" rIns="0" bIns="0" rtlCol="0">
            <a:spAutoFit/>
          </a:bodyPr>
          <a:lstStyle/>
          <a:p>
            <a:pPr marL="10860">
              <a:spcBef>
                <a:spcPts val="107"/>
              </a:spcBef>
            </a:pPr>
            <a:r>
              <a:rPr sz="941" b="1" spc="-17" dirty="0">
                <a:latin typeface="メイリオ"/>
                <a:cs typeface="メイリオ"/>
              </a:rPr>
              <a:t>16.2</a:t>
            </a:r>
            <a:endParaRPr sz="941">
              <a:latin typeface="メイリオ"/>
              <a:cs typeface="メイリオ"/>
            </a:endParaRPr>
          </a:p>
        </p:txBody>
      </p:sp>
      <p:grpSp>
        <p:nvGrpSpPr>
          <p:cNvPr id="44" name="object 44"/>
          <p:cNvGrpSpPr/>
          <p:nvPr/>
        </p:nvGrpSpPr>
        <p:grpSpPr>
          <a:xfrm>
            <a:off x="1054275" y="4459492"/>
            <a:ext cx="7248412" cy="722181"/>
            <a:chOff x="1232916" y="4986528"/>
            <a:chExt cx="8476615" cy="844550"/>
          </a:xfrm>
        </p:grpSpPr>
        <p:sp>
          <p:nvSpPr>
            <p:cNvPr id="45" name="object 45"/>
            <p:cNvSpPr/>
            <p:nvPr/>
          </p:nvSpPr>
          <p:spPr>
            <a:xfrm>
              <a:off x="1513332" y="4986528"/>
              <a:ext cx="8196580" cy="844550"/>
            </a:xfrm>
            <a:custGeom>
              <a:avLst/>
              <a:gdLst/>
              <a:ahLst/>
              <a:cxnLst/>
              <a:rect l="l" t="t" r="r" b="b"/>
              <a:pathLst>
                <a:path w="8196580" h="844550">
                  <a:moveTo>
                    <a:pt x="22860" y="772668"/>
                  </a:moveTo>
                  <a:lnTo>
                    <a:pt x="13716" y="769620"/>
                  </a:lnTo>
                  <a:lnTo>
                    <a:pt x="0" y="841248"/>
                  </a:lnTo>
                  <a:lnTo>
                    <a:pt x="9144" y="844296"/>
                  </a:lnTo>
                  <a:lnTo>
                    <a:pt x="22860" y="772668"/>
                  </a:lnTo>
                  <a:close/>
                </a:path>
                <a:path w="8196580" h="844550">
                  <a:moveTo>
                    <a:pt x="8196072" y="85344"/>
                  </a:moveTo>
                  <a:lnTo>
                    <a:pt x="8182356" y="0"/>
                  </a:lnTo>
                  <a:lnTo>
                    <a:pt x="8173212" y="1524"/>
                  </a:lnTo>
                  <a:lnTo>
                    <a:pt x="8186928" y="86868"/>
                  </a:lnTo>
                  <a:lnTo>
                    <a:pt x="8196072" y="85344"/>
                  </a:lnTo>
                  <a:close/>
                </a:path>
              </a:pathLst>
            </a:custGeom>
            <a:solidFill>
              <a:srgbClr val="A5A5A5"/>
            </a:solidFill>
          </p:spPr>
          <p:txBody>
            <a:bodyPr wrap="square" lIns="0" tIns="0" rIns="0" bIns="0" rtlCol="0"/>
            <a:lstStyle/>
            <a:p>
              <a:endParaRPr sz="1539"/>
            </a:p>
          </p:txBody>
        </p:sp>
        <p:sp>
          <p:nvSpPr>
            <p:cNvPr id="46" name="object 46"/>
            <p:cNvSpPr/>
            <p:nvPr/>
          </p:nvSpPr>
          <p:spPr>
            <a:xfrm>
              <a:off x="1237488" y="5532120"/>
              <a:ext cx="588645" cy="227329"/>
            </a:xfrm>
            <a:custGeom>
              <a:avLst/>
              <a:gdLst/>
              <a:ahLst/>
              <a:cxnLst/>
              <a:rect l="l" t="t" r="r" b="b"/>
              <a:pathLst>
                <a:path w="588644" h="227329">
                  <a:moveTo>
                    <a:pt x="588263" y="0"/>
                  </a:moveTo>
                  <a:lnTo>
                    <a:pt x="0" y="0"/>
                  </a:lnTo>
                  <a:lnTo>
                    <a:pt x="0" y="227075"/>
                  </a:lnTo>
                  <a:lnTo>
                    <a:pt x="588263" y="227075"/>
                  </a:lnTo>
                  <a:lnTo>
                    <a:pt x="588263" y="0"/>
                  </a:lnTo>
                  <a:close/>
                </a:path>
              </a:pathLst>
            </a:custGeom>
            <a:solidFill>
              <a:srgbClr val="FFFFFF"/>
            </a:solidFill>
          </p:spPr>
          <p:txBody>
            <a:bodyPr wrap="square" lIns="0" tIns="0" rIns="0" bIns="0" rtlCol="0"/>
            <a:lstStyle/>
            <a:p>
              <a:endParaRPr sz="1539"/>
            </a:p>
          </p:txBody>
        </p:sp>
        <p:sp>
          <p:nvSpPr>
            <p:cNvPr id="47" name="object 47"/>
            <p:cNvSpPr/>
            <p:nvPr/>
          </p:nvSpPr>
          <p:spPr>
            <a:xfrm>
              <a:off x="1232916" y="5527548"/>
              <a:ext cx="599440" cy="236220"/>
            </a:xfrm>
            <a:custGeom>
              <a:avLst/>
              <a:gdLst/>
              <a:ahLst/>
              <a:cxnLst/>
              <a:rect l="l" t="t" r="r" b="b"/>
              <a:pathLst>
                <a:path w="599439" h="236220">
                  <a:moveTo>
                    <a:pt x="595884" y="0"/>
                  </a:moveTo>
                  <a:lnTo>
                    <a:pt x="1524" y="0"/>
                  </a:lnTo>
                  <a:lnTo>
                    <a:pt x="0" y="3048"/>
                  </a:lnTo>
                  <a:lnTo>
                    <a:pt x="0" y="233172"/>
                  </a:lnTo>
                  <a:lnTo>
                    <a:pt x="1524" y="236219"/>
                  </a:lnTo>
                  <a:lnTo>
                    <a:pt x="595884" y="236219"/>
                  </a:lnTo>
                  <a:lnTo>
                    <a:pt x="598932" y="233172"/>
                  </a:lnTo>
                  <a:lnTo>
                    <a:pt x="598932" y="231648"/>
                  </a:lnTo>
                  <a:lnTo>
                    <a:pt x="10668" y="231648"/>
                  </a:lnTo>
                  <a:lnTo>
                    <a:pt x="4571" y="225551"/>
                  </a:lnTo>
                  <a:lnTo>
                    <a:pt x="10668" y="225551"/>
                  </a:lnTo>
                  <a:lnTo>
                    <a:pt x="10668" y="10668"/>
                  </a:lnTo>
                  <a:lnTo>
                    <a:pt x="4571" y="10668"/>
                  </a:lnTo>
                  <a:lnTo>
                    <a:pt x="10668" y="4572"/>
                  </a:lnTo>
                  <a:lnTo>
                    <a:pt x="598932" y="4572"/>
                  </a:lnTo>
                  <a:lnTo>
                    <a:pt x="598932" y="3048"/>
                  </a:lnTo>
                  <a:lnTo>
                    <a:pt x="595884" y="0"/>
                  </a:lnTo>
                  <a:close/>
                </a:path>
                <a:path w="599439" h="236220">
                  <a:moveTo>
                    <a:pt x="10668" y="225551"/>
                  </a:moveTo>
                  <a:lnTo>
                    <a:pt x="4571" y="225551"/>
                  </a:lnTo>
                  <a:lnTo>
                    <a:pt x="10668" y="231648"/>
                  </a:lnTo>
                  <a:lnTo>
                    <a:pt x="10668" y="225551"/>
                  </a:lnTo>
                  <a:close/>
                </a:path>
                <a:path w="599439" h="236220">
                  <a:moveTo>
                    <a:pt x="588264" y="225551"/>
                  </a:moveTo>
                  <a:lnTo>
                    <a:pt x="10668" y="225551"/>
                  </a:lnTo>
                  <a:lnTo>
                    <a:pt x="10668" y="231648"/>
                  </a:lnTo>
                  <a:lnTo>
                    <a:pt x="588264" y="231648"/>
                  </a:lnTo>
                  <a:lnTo>
                    <a:pt x="588264" y="225551"/>
                  </a:lnTo>
                  <a:close/>
                </a:path>
                <a:path w="599439" h="236220">
                  <a:moveTo>
                    <a:pt x="588264" y="4572"/>
                  </a:moveTo>
                  <a:lnTo>
                    <a:pt x="588264" y="231648"/>
                  </a:lnTo>
                  <a:lnTo>
                    <a:pt x="592835" y="225551"/>
                  </a:lnTo>
                  <a:lnTo>
                    <a:pt x="598932" y="225551"/>
                  </a:lnTo>
                  <a:lnTo>
                    <a:pt x="598932" y="10668"/>
                  </a:lnTo>
                  <a:lnTo>
                    <a:pt x="592835" y="10668"/>
                  </a:lnTo>
                  <a:lnTo>
                    <a:pt x="588264" y="4572"/>
                  </a:lnTo>
                  <a:close/>
                </a:path>
                <a:path w="599439" h="236220">
                  <a:moveTo>
                    <a:pt x="598932" y="225551"/>
                  </a:moveTo>
                  <a:lnTo>
                    <a:pt x="592835" y="225551"/>
                  </a:lnTo>
                  <a:lnTo>
                    <a:pt x="588264" y="231648"/>
                  </a:lnTo>
                  <a:lnTo>
                    <a:pt x="598932" y="231648"/>
                  </a:lnTo>
                  <a:lnTo>
                    <a:pt x="598932" y="225551"/>
                  </a:lnTo>
                  <a:close/>
                </a:path>
                <a:path w="599439" h="236220">
                  <a:moveTo>
                    <a:pt x="10668" y="4572"/>
                  </a:moveTo>
                  <a:lnTo>
                    <a:pt x="4571" y="10668"/>
                  </a:lnTo>
                  <a:lnTo>
                    <a:pt x="10668" y="10668"/>
                  </a:lnTo>
                  <a:lnTo>
                    <a:pt x="10668" y="4572"/>
                  </a:lnTo>
                  <a:close/>
                </a:path>
                <a:path w="599439" h="236220">
                  <a:moveTo>
                    <a:pt x="588264" y="4572"/>
                  </a:moveTo>
                  <a:lnTo>
                    <a:pt x="10668" y="4572"/>
                  </a:lnTo>
                  <a:lnTo>
                    <a:pt x="10668" y="10668"/>
                  </a:lnTo>
                  <a:lnTo>
                    <a:pt x="588264" y="10668"/>
                  </a:lnTo>
                  <a:lnTo>
                    <a:pt x="588264" y="4572"/>
                  </a:lnTo>
                  <a:close/>
                </a:path>
                <a:path w="599439" h="236220">
                  <a:moveTo>
                    <a:pt x="598932" y="4572"/>
                  </a:moveTo>
                  <a:lnTo>
                    <a:pt x="588264" y="4572"/>
                  </a:lnTo>
                  <a:lnTo>
                    <a:pt x="592835" y="10668"/>
                  </a:lnTo>
                  <a:lnTo>
                    <a:pt x="598932" y="10668"/>
                  </a:lnTo>
                  <a:lnTo>
                    <a:pt x="598932" y="4572"/>
                  </a:lnTo>
                  <a:close/>
                </a:path>
              </a:pathLst>
            </a:custGeom>
            <a:solidFill>
              <a:srgbClr val="FF0000"/>
            </a:solidFill>
          </p:spPr>
          <p:txBody>
            <a:bodyPr wrap="square" lIns="0" tIns="0" rIns="0" bIns="0" rtlCol="0"/>
            <a:lstStyle/>
            <a:p>
              <a:endParaRPr sz="1539"/>
            </a:p>
          </p:txBody>
        </p:sp>
      </p:grpSp>
      <p:sp>
        <p:nvSpPr>
          <p:cNvPr id="48" name="object 48"/>
          <p:cNvSpPr txBox="1"/>
          <p:nvPr/>
        </p:nvSpPr>
        <p:spPr>
          <a:xfrm>
            <a:off x="1083814" y="4926900"/>
            <a:ext cx="455028" cy="158491"/>
          </a:xfrm>
          <a:prstGeom prst="rect">
            <a:avLst/>
          </a:prstGeom>
        </p:spPr>
        <p:txBody>
          <a:bodyPr vert="horz" wrap="square" lIns="0" tIns="13575" rIns="0" bIns="0" rtlCol="0">
            <a:spAutoFit/>
          </a:bodyPr>
          <a:lstStyle/>
          <a:p>
            <a:pPr marL="10860">
              <a:spcBef>
                <a:spcPts val="107"/>
              </a:spcBef>
            </a:pPr>
            <a:r>
              <a:rPr sz="941" b="1" spc="-9" dirty="0">
                <a:solidFill>
                  <a:srgbClr val="FF0000"/>
                </a:solidFill>
                <a:latin typeface="メイリオ"/>
                <a:cs typeface="メイリオ"/>
              </a:rPr>
              <a:t>16.0%</a:t>
            </a:r>
            <a:endParaRPr sz="941">
              <a:latin typeface="メイリオ"/>
              <a:cs typeface="メイリオ"/>
            </a:endParaRPr>
          </a:p>
        </p:txBody>
      </p:sp>
      <p:sp>
        <p:nvSpPr>
          <p:cNvPr id="49" name="object 49"/>
          <p:cNvSpPr/>
          <p:nvPr/>
        </p:nvSpPr>
        <p:spPr>
          <a:xfrm>
            <a:off x="8031516" y="4275743"/>
            <a:ext cx="510956" cy="188961"/>
          </a:xfrm>
          <a:custGeom>
            <a:avLst/>
            <a:gdLst/>
            <a:ahLst/>
            <a:cxnLst/>
            <a:rect l="l" t="t" r="r" b="b"/>
            <a:pathLst>
              <a:path w="597534" h="220979">
                <a:moveTo>
                  <a:pt x="595884" y="0"/>
                </a:moveTo>
                <a:lnTo>
                  <a:pt x="1524" y="0"/>
                </a:lnTo>
                <a:lnTo>
                  <a:pt x="0" y="1524"/>
                </a:lnTo>
                <a:lnTo>
                  <a:pt x="0" y="219456"/>
                </a:lnTo>
                <a:lnTo>
                  <a:pt x="1524" y="220980"/>
                </a:lnTo>
                <a:lnTo>
                  <a:pt x="595884" y="220980"/>
                </a:lnTo>
                <a:lnTo>
                  <a:pt x="597408" y="219456"/>
                </a:lnTo>
                <a:lnTo>
                  <a:pt x="597408" y="216408"/>
                </a:lnTo>
                <a:lnTo>
                  <a:pt x="9144" y="216408"/>
                </a:lnTo>
                <a:lnTo>
                  <a:pt x="4572" y="211836"/>
                </a:lnTo>
                <a:lnTo>
                  <a:pt x="9144" y="211836"/>
                </a:lnTo>
                <a:lnTo>
                  <a:pt x="9144" y="9144"/>
                </a:lnTo>
                <a:lnTo>
                  <a:pt x="4572" y="9144"/>
                </a:lnTo>
                <a:lnTo>
                  <a:pt x="9144" y="4572"/>
                </a:lnTo>
                <a:lnTo>
                  <a:pt x="597408" y="4572"/>
                </a:lnTo>
                <a:lnTo>
                  <a:pt x="597408" y="1524"/>
                </a:lnTo>
                <a:lnTo>
                  <a:pt x="595884" y="0"/>
                </a:lnTo>
                <a:close/>
              </a:path>
              <a:path w="597534" h="220979">
                <a:moveTo>
                  <a:pt x="9144" y="211836"/>
                </a:moveTo>
                <a:lnTo>
                  <a:pt x="4572" y="211836"/>
                </a:lnTo>
                <a:lnTo>
                  <a:pt x="9144" y="216408"/>
                </a:lnTo>
                <a:lnTo>
                  <a:pt x="9144" y="211836"/>
                </a:lnTo>
                <a:close/>
              </a:path>
              <a:path w="597534" h="220979">
                <a:moveTo>
                  <a:pt x="588264" y="211836"/>
                </a:moveTo>
                <a:lnTo>
                  <a:pt x="9144" y="211836"/>
                </a:lnTo>
                <a:lnTo>
                  <a:pt x="9144" y="216408"/>
                </a:lnTo>
                <a:lnTo>
                  <a:pt x="588264" y="216408"/>
                </a:lnTo>
                <a:lnTo>
                  <a:pt x="588264" y="211836"/>
                </a:lnTo>
                <a:close/>
              </a:path>
              <a:path w="597534" h="220979">
                <a:moveTo>
                  <a:pt x="588264" y="4572"/>
                </a:moveTo>
                <a:lnTo>
                  <a:pt x="588264" y="216408"/>
                </a:lnTo>
                <a:lnTo>
                  <a:pt x="592836" y="211836"/>
                </a:lnTo>
                <a:lnTo>
                  <a:pt x="597408" y="211836"/>
                </a:lnTo>
                <a:lnTo>
                  <a:pt x="597408" y="9144"/>
                </a:lnTo>
                <a:lnTo>
                  <a:pt x="592836" y="9144"/>
                </a:lnTo>
                <a:lnTo>
                  <a:pt x="588264" y="4572"/>
                </a:lnTo>
                <a:close/>
              </a:path>
              <a:path w="597534" h="220979">
                <a:moveTo>
                  <a:pt x="597408" y="211836"/>
                </a:moveTo>
                <a:lnTo>
                  <a:pt x="592836" y="211836"/>
                </a:lnTo>
                <a:lnTo>
                  <a:pt x="588264" y="216408"/>
                </a:lnTo>
                <a:lnTo>
                  <a:pt x="597408" y="216408"/>
                </a:lnTo>
                <a:lnTo>
                  <a:pt x="597408" y="211836"/>
                </a:lnTo>
                <a:close/>
              </a:path>
              <a:path w="597534" h="220979">
                <a:moveTo>
                  <a:pt x="9144" y="4572"/>
                </a:moveTo>
                <a:lnTo>
                  <a:pt x="4572" y="9144"/>
                </a:lnTo>
                <a:lnTo>
                  <a:pt x="9144" y="9144"/>
                </a:lnTo>
                <a:lnTo>
                  <a:pt x="9144" y="4572"/>
                </a:lnTo>
                <a:close/>
              </a:path>
              <a:path w="597534" h="220979">
                <a:moveTo>
                  <a:pt x="588264" y="4572"/>
                </a:moveTo>
                <a:lnTo>
                  <a:pt x="9144" y="4572"/>
                </a:lnTo>
                <a:lnTo>
                  <a:pt x="9144" y="9144"/>
                </a:lnTo>
                <a:lnTo>
                  <a:pt x="588264" y="9144"/>
                </a:lnTo>
                <a:lnTo>
                  <a:pt x="588264" y="4572"/>
                </a:lnTo>
                <a:close/>
              </a:path>
              <a:path w="597534" h="220979">
                <a:moveTo>
                  <a:pt x="597408" y="4572"/>
                </a:moveTo>
                <a:lnTo>
                  <a:pt x="588264" y="4572"/>
                </a:lnTo>
                <a:lnTo>
                  <a:pt x="592836" y="9144"/>
                </a:lnTo>
                <a:lnTo>
                  <a:pt x="597408" y="9144"/>
                </a:lnTo>
                <a:lnTo>
                  <a:pt x="597408" y="4572"/>
                </a:lnTo>
                <a:close/>
              </a:path>
            </a:pathLst>
          </a:custGeom>
          <a:solidFill>
            <a:srgbClr val="FF0000"/>
          </a:solidFill>
        </p:spPr>
        <p:txBody>
          <a:bodyPr wrap="square" lIns="0" tIns="0" rIns="0" bIns="0" rtlCol="0"/>
          <a:lstStyle/>
          <a:p>
            <a:endParaRPr sz="1539"/>
          </a:p>
        </p:txBody>
      </p:sp>
      <p:sp>
        <p:nvSpPr>
          <p:cNvPr id="50" name="object 50"/>
          <p:cNvSpPr txBox="1"/>
          <p:nvPr/>
        </p:nvSpPr>
        <p:spPr>
          <a:xfrm>
            <a:off x="8059751" y="4274005"/>
            <a:ext cx="455028" cy="158491"/>
          </a:xfrm>
          <a:prstGeom prst="rect">
            <a:avLst/>
          </a:prstGeom>
        </p:spPr>
        <p:txBody>
          <a:bodyPr vert="horz" wrap="square" lIns="0" tIns="13575" rIns="0" bIns="0" rtlCol="0">
            <a:spAutoFit/>
          </a:bodyPr>
          <a:lstStyle/>
          <a:p>
            <a:pPr marL="10860">
              <a:spcBef>
                <a:spcPts val="107"/>
              </a:spcBef>
            </a:pPr>
            <a:r>
              <a:rPr sz="941" b="1" spc="-9" dirty="0">
                <a:solidFill>
                  <a:srgbClr val="FF0000"/>
                </a:solidFill>
                <a:latin typeface="メイリオ"/>
                <a:cs typeface="メイリオ"/>
              </a:rPr>
              <a:t>28.7%</a:t>
            </a:r>
            <a:endParaRPr sz="941">
              <a:latin typeface="メイリオ"/>
              <a:cs typeface="メイリオ"/>
            </a:endParaRPr>
          </a:p>
        </p:txBody>
      </p:sp>
      <p:sp>
        <p:nvSpPr>
          <p:cNvPr id="51" name="object 51"/>
          <p:cNvSpPr txBox="1"/>
          <p:nvPr/>
        </p:nvSpPr>
        <p:spPr>
          <a:xfrm>
            <a:off x="8635758" y="5901686"/>
            <a:ext cx="266067" cy="158491"/>
          </a:xfrm>
          <a:prstGeom prst="rect">
            <a:avLst/>
          </a:prstGeom>
        </p:spPr>
        <p:txBody>
          <a:bodyPr vert="horz" wrap="square" lIns="0" tIns="13575" rIns="0" bIns="0" rtlCol="0">
            <a:spAutoFit/>
          </a:bodyPr>
          <a:lstStyle/>
          <a:p>
            <a:pPr marL="10860">
              <a:spcBef>
                <a:spcPts val="107"/>
              </a:spcBef>
            </a:pPr>
            <a:r>
              <a:rPr sz="941" spc="-17" dirty="0">
                <a:latin typeface="Calibri"/>
                <a:cs typeface="Calibri"/>
              </a:rPr>
              <a:t>0.0%</a:t>
            </a:r>
            <a:endParaRPr sz="941">
              <a:latin typeface="Calibri"/>
              <a:cs typeface="Calibri"/>
            </a:endParaRPr>
          </a:p>
        </p:txBody>
      </p:sp>
      <p:sp>
        <p:nvSpPr>
          <p:cNvPr id="52" name="object 52"/>
          <p:cNvSpPr txBox="1"/>
          <p:nvPr/>
        </p:nvSpPr>
        <p:spPr>
          <a:xfrm>
            <a:off x="8635758" y="5646262"/>
            <a:ext cx="266067" cy="158491"/>
          </a:xfrm>
          <a:prstGeom prst="rect">
            <a:avLst/>
          </a:prstGeom>
        </p:spPr>
        <p:txBody>
          <a:bodyPr vert="horz" wrap="square" lIns="0" tIns="13575" rIns="0" bIns="0" rtlCol="0">
            <a:spAutoFit/>
          </a:bodyPr>
          <a:lstStyle/>
          <a:p>
            <a:pPr marL="10860">
              <a:spcBef>
                <a:spcPts val="107"/>
              </a:spcBef>
            </a:pPr>
            <a:r>
              <a:rPr sz="941" spc="-17" dirty="0">
                <a:latin typeface="Calibri"/>
                <a:cs typeface="Calibri"/>
              </a:rPr>
              <a:t>5.0%</a:t>
            </a:r>
            <a:endParaRPr sz="941">
              <a:latin typeface="Calibri"/>
              <a:cs typeface="Calibri"/>
            </a:endParaRPr>
          </a:p>
        </p:txBody>
      </p:sp>
      <p:sp>
        <p:nvSpPr>
          <p:cNvPr id="53" name="object 53"/>
          <p:cNvSpPr txBox="1"/>
          <p:nvPr/>
        </p:nvSpPr>
        <p:spPr>
          <a:xfrm>
            <a:off x="8635759" y="5390833"/>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10.0%</a:t>
            </a:r>
            <a:endParaRPr sz="941">
              <a:latin typeface="Calibri"/>
              <a:cs typeface="Calibri"/>
            </a:endParaRPr>
          </a:p>
        </p:txBody>
      </p:sp>
      <p:sp>
        <p:nvSpPr>
          <p:cNvPr id="54" name="object 54"/>
          <p:cNvSpPr txBox="1"/>
          <p:nvPr/>
        </p:nvSpPr>
        <p:spPr>
          <a:xfrm>
            <a:off x="8635759" y="5135410"/>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15.0%</a:t>
            </a:r>
            <a:endParaRPr sz="941">
              <a:latin typeface="Calibri"/>
              <a:cs typeface="Calibri"/>
            </a:endParaRPr>
          </a:p>
        </p:txBody>
      </p:sp>
      <p:sp>
        <p:nvSpPr>
          <p:cNvPr id="55" name="object 55"/>
          <p:cNvSpPr txBox="1"/>
          <p:nvPr/>
        </p:nvSpPr>
        <p:spPr>
          <a:xfrm>
            <a:off x="8635759" y="4879985"/>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20.0%</a:t>
            </a:r>
            <a:endParaRPr sz="941">
              <a:latin typeface="Calibri"/>
              <a:cs typeface="Calibri"/>
            </a:endParaRPr>
          </a:p>
        </p:txBody>
      </p:sp>
      <p:sp>
        <p:nvSpPr>
          <p:cNvPr id="56" name="object 56"/>
          <p:cNvSpPr txBox="1"/>
          <p:nvPr/>
        </p:nvSpPr>
        <p:spPr>
          <a:xfrm>
            <a:off x="8635759" y="4623259"/>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25.0%</a:t>
            </a:r>
            <a:endParaRPr sz="941">
              <a:latin typeface="Calibri"/>
              <a:cs typeface="Calibri"/>
            </a:endParaRPr>
          </a:p>
        </p:txBody>
      </p:sp>
      <p:sp>
        <p:nvSpPr>
          <p:cNvPr id="57" name="object 57"/>
          <p:cNvSpPr txBox="1"/>
          <p:nvPr/>
        </p:nvSpPr>
        <p:spPr>
          <a:xfrm>
            <a:off x="8635759" y="4367834"/>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30.0%</a:t>
            </a:r>
            <a:endParaRPr sz="941">
              <a:latin typeface="Calibri"/>
              <a:cs typeface="Calibri"/>
            </a:endParaRPr>
          </a:p>
        </p:txBody>
      </p:sp>
      <p:sp>
        <p:nvSpPr>
          <p:cNvPr id="58" name="object 58"/>
          <p:cNvSpPr txBox="1"/>
          <p:nvPr/>
        </p:nvSpPr>
        <p:spPr>
          <a:xfrm>
            <a:off x="8635759" y="4112411"/>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35.0%</a:t>
            </a:r>
            <a:endParaRPr sz="941">
              <a:latin typeface="Calibri"/>
              <a:cs typeface="Calibri"/>
            </a:endParaRPr>
          </a:p>
        </p:txBody>
      </p:sp>
      <p:sp>
        <p:nvSpPr>
          <p:cNvPr id="59" name="object 59"/>
          <p:cNvSpPr txBox="1"/>
          <p:nvPr/>
        </p:nvSpPr>
        <p:spPr>
          <a:xfrm>
            <a:off x="850544" y="5901686"/>
            <a:ext cx="84164" cy="158491"/>
          </a:xfrm>
          <a:prstGeom prst="rect">
            <a:avLst/>
          </a:prstGeom>
        </p:spPr>
        <p:txBody>
          <a:bodyPr vert="horz" wrap="square" lIns="0" tIns="13575" rIns="0" bIns="0" rtlCol="0">
            <a:spAutoFit/>
          </a:bodyPr>
          <a:lstStyle/>
          <a:p>
            <a:pPr marL="10860">
              <a:spcBef>
                <a:spcPts val="107"/>
              </a:spcBef>
            </a:pPr>
            <a:r>
              <a:rPr sz="941" spc="-43" dirty="0">
                <a:latin typeface="Calibri"/>
                <a:cs typeface="Calibri"/>
              </a:rPr>
              <a:t>0</a:t>
            </a:r>
            <a:endParaRPr sz="941">
              <a:latin typeface="Calibri"/>
              <a:cs typeface="Calibri"/>
            </a:endParaRPr>
          </a:p>
        </p:txBody>
      </p:sp>
      <p:sp>
        <p:nvSpPr>
          <p:cNvPr id="60" name="object 60"/>
          <p:cNvSpPr txBox="1"/>
          <p:nvPr/>
        </p:nvSpPr>
        <p:spPr>
          <a:xfrm>
            <a:off x="850544" y="5603256"/>
            <a:ext cx="84164" cy="158491"/>
          </a:xfrm>
          <a:prstGeom prst="rect">
            <a:avLst/>
          </a:prstGeom>
        </p:spPr>
        <p:txBody>
          <a:bodyPr vert="horz" wrap="square" lIns="0" tIns="13575" rIns="0" bIns="0" rtlCol="0">
            <a:spAutoFit/>
          </a:bodyPr>
          <a:lstStyle/>
          <a:p>
            <a:pPr marL="10860">
              <a:spcBef>
                <a:spcPts val="107"/>
              </a:spcBef>
            </a:pPr>
            <a:r>
              <a:rPr sz="941" spc="-43" dirty="0">
                <a:latin typeface="Calibri"/>
                <a:cs typeface="Calibri"/>
              </a:rPr>
              <a:t>5</a:t>
            </a:r>
            <a:endParaRPr sz="941">
              <a:latin typeface="Calibri"/>
              <a:cs typeface="Calibri"/>
            </a:endParaRPr>
          </a:p>
        </p:txBody>
      </p:sp>
      <p:sp>
        <p:nvSpPr>
          <p:cNvPr id="61" name="object 61"/>
          <p:cNvSpPr txBox="1"/>
          <p:nvPr/>
        </p:nvSpPr>
        <p:spPr>
          <a:xfrm>
            <a:off x="787990" y="5304824"/>
            <a:ext cx="146608" cy="158491"/>
          </a:xfrm>
          <a:prstGeom prst="rect">
            <a:avLst/>
          </a:prstGeom>
        </p:spPr>
        <p:txBody>
          <a:bodyPr vert="horz" wrap="square" lIns="0" tIns="13575" rIns="0" bIns="0" rtlCol="0">
            <a:spAutoFit/>
          </a:bodyPr>
          <a:lstStyle/>
          <a:p>
            <a:pPr marL="10860">
              <a:spcBef>
                <a:spcPts val="107"/>
              </a:spcBef>
            </a:pPr>
            <a:r>
              <a:rPr sz="941" spc="-21" dirty="0">
                <a:latin typeface="Calibri"/>
                <a:cs typeface="Calibri"/>
              </a:rPr>
              <a:t>10</a:t>
            </a:r>
            <a:endParaRPr sz="941">
              <a:latin typeface="Calibri"/>
              <a:cs typeface="Calibri"/>
            </a:endParaRPr>
          </a:p>
        </p:txBody>
      </p:sp>
      <p:sp>
        <p:nvSpPr>
          <p:cNvPr id="62" name="object 62"/>
          <p:cNvSpPr txBox="1"/>
          <p:nvPr/>
        </p:nvSpPr>
        <p:spPr>
          <a:xfrm>
            <a:off x="787990" y="5007697"/>
            <a:ext cx="146608" cy="158491"/>
          </a:xfrm>
          <a:prstGeom prst="rect">
            <a:avLst/>
          </a:prstGeom>
        </p:spPr>
        <p:txBody>
          <a:bodyPr vert="horz" wrap="square" lIns="0" tIns="13575" rIns="0" bIns="0" rtlCol="0">
            <a:spAutoFit/>
          </a:bodyPr>
          <a:lstStyle/>
          <a:p>
            <a:pPr marL="10860">
              <a:spcBef>
                <a:spcPts val="107"/>
              </a:spcBef>
            </a:pPr>
            <a:r>
              <a:rPr sz="941" spc="-21" dirty="0">
                <a:latin typeface="Calibri"/>
                <a:cs typeface="Calibri"/>
              </a:rPr>
              <a:t>15</a:t>
            </a:r>
            <a:endParaRPr sz="941">
              <a:latin typeface="Calibri"/>
              <a:cs typeface="Calibri"/>
            </a:endParaRPr>
          </a:p>
        </p:txBody>
      </p:sp>
      <p:sp>
        <p:nvSpPr>
          <p:cNvPr id="63" name="object 63"/>
          <p:cNvSpPr txBox="1"/>
          <p:nvPr/>
        </p:nvSpPr>
        <p:spPr>
          <a:xfrm>
            <a:off x="787990" y="4709268"/>
            <a:ext cx="146608" cy="158491"/>
          </a:xfrm>
          <a:prstGeom prst="rect">
            <a:avLst/>
          </a:prstGeom>
        </p:spPr>
        <p:txBody>
          <a:bodyPr vert="horz" wrap="square" lIns="0" tIns="13575" rIns="0" bIns="0" rtlCol="0">
            <a:spAutoFit/>
          </a:bodyPr>
          <a:lstStyle/>
          <a:p>
            <a:pPr marL="10860">
              <a:spcBef>
                <a:spcPts val="107"/>
              </a:spcBef>
            </a:pPr>
            <a:r>
              <a:rPr sz="941" spc="-21" dirty="0">
                <a:latin typeface="Calibri"/>
                <a:cs typeface="Calibri"/>
              </a:rPr>
              <a:t>20</a:t>
            </a:r>
            <a:endParaRPr sz="941">
              <a:latin typeface="Calibri"/>
              <a:cs typeface="Calibri"/>
            </a:endParaRPr>
          </a:p>
        </p:txBody>
      </p:sp>
      <p:sp>
        <p:nvSpPr>
          <p:cNvPr id="64" name="object 64"/>
          <p:cNvSpPr txBox="1"/>
          <p:nvPr/>
        </p:nvSpPr>
        <p:spPr>
          <a:xfrm>
            <a:off x="787990" y="4410840"/>
            <a:ext cx="146608" cy="158491"/>
          </a:xfrm>
          <a:prstGeom prst="rect">
            <a:avLst/>
          </a:prstGeom>
        </p:spPr>
        <p:txBody>
          <a:bodyPr vert="horz" wrap="square" lIns="0" tIns="13575" rIns="0" bIns="0" rtlCol="0">
            <a:spAutoFit/>
          </a:bodyPr>
          <a:lstStyle/>
          <a:p>
            <a:pPr marL="10860">
              <a:spcBef>
                <a:spcPts val="107"/>
              </a:spcBef>
            </a:pPr>
            <a:r>
              <a:rPr sz="941" spc="-21" dirty="0">
                <a:latin typeface="Calibri"/>
                <a:cs typeface="Calibri"/>
              </a:rPr>
              <a:t>25</a:t>
            </a:r>
            <a:endParaRPr sz="941">
              <a:latin typeface="Calibri"/>
              <a:cs typeface="Calibri"/>
            </a:endParaRPr>
          </a:p>
        </p:txBody>
      </p:sp>
      <p:sp>
        <p:nvSpPr>
          <p:cNvPr id="65" name="object 65"/>
          <p:cNvSpPr txBox="1"/>
          <p:nvPr/>
        </p:nvSpPr>
        <p:spPr>
          <a:xfrm>
            <a:off x="787990" y="4112411"/>
            <a:ext cx="146608" cy="158491"/>
          </a:xfrm>
          <a:prstGeom prst="rect">
            <a:avLst/>
          </a:prstGeom>
        </p:spPr>
        <p:txBody>
          <a:bodyPr vert="horz" wrap="square" lIns="0" tIns="13575" rIns="0" bIns="0" rtlCol="0">
            <a:spAutoFit/>
          </a:bodyPr>
          <a:lstStyle/>
          <a:p>
            <a:pPr marL="10860">
              <a:spcBef>
                <a:spcPts val="107"/>
              </a:spcBef>
            </a:pPr>
            <a:r>
              <a:rPr sz="941" spc="-21" dirty="0">
                <a:latin typeface="Calibri"/>
                <a:cs typeface="Calibri"/>
              </a:rPr>
              <a:t>30</a:t>
            </a:r>
            <a:endParaRPr sz="941">
              <a:latin typeface="Calibri"/>
              <a:cs typeface="Calibri"/>
            </a:endParaRPr>
          </a:p>
        </p:txBody>
      </p:sp>
      <p:sp>
        <p:nvSpPr>
          <p:cNvPr id="66" name="object 66"/>
          <p:cNvSpPr txBox="1"/>
          <p:nvPr/>
        </p:nvSpPr>
        <p:spPr>
          <a:xfrm>
            <a:off x="1090330" y="6111497"/>
            <a:ext cx="418647" cy="158491"/>
          </a:xfrm>
          <a:prstGeom prst="rect">
            <a:avLst/>
          </a:prstGeom>
        </p:spPr>
        <p:txBody>
          <a:bodyPr vert="horz" wrap="square" lIns="0" tIns="13575" rIns="0" bIns="0" rtlCol="0">
            <a:spAutoFit/>
          </a:bodyPr>
          <a:lstStyle/>
          <a:p>
            <a:pPr marL="10860">
              <a:spcBef>
                <a:spcPts val="107"/>
              </a:spcBef>
            </a:pPr>
            <a:r>
              <a:rPr sz="941" dirty="0">
                <a:latin typeface="メイリオ"/>
                <a:cs typeface="メイリオ"/>
              </a:rPr>
              <a:t>平成</a:t>
            </a:r>
            <a:r>
              <a:rPr sz="941" spc="-21" dirty="0">
                <a:latin typeface="メイリオ"/>
                <a:cs typeface="メイリオ"/>
              </a:rPr>
              <a:t>11</a:t>
            </a:r>
            <a:endParaRPr sz="941">
              <a:latin typeface="メイリオ"/>
              <a:cs typeface="メイリオ"/>
            </a:endParaRPr>
          </a:p>
        </p:txBody>
      </p:sp>
      <p:sp>
        <p:nvSpPr>
          <p:cNvPr id="67" name="object 67"/>
          <p:cNvSpPr txBox="1"/>
          <p:nvPr/>
        </p:nvSpPr>
        <p:spPr>
          <a:xfrm>
            <a:off x="1679367"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2</a:t>
            </a:r>
            <a:endParaRPr sz="941">
              <a:latin typeface="メイリオ"/>
              <a:cs typeface="メイリオ"/>
            </a:endParaRPr>
          </a:p>
        </p:txBody>
      </p:sp>
      <p:sp>
        <p:nvSpPr>
          <p:cNvPr id="68" name="object 68"/>
          <p:cNvSpPr txBox="1"/>
          <p:nvPr/>
        </p:nvSpPr>
        <p:spPr>
          <a:xfrm>
            <a:off x="2145908"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3</a:t>
            </a:r>
            <a:endParaRPr sz="941">
              <a:latin typeface="メイリオ"/>
              <a:cs typeface="メイリオ"/>
            </a:endParaRPr>
          </a:p>
        </p:txBody>
      </p:sp>
      <p:sp>
        <p:nvSpPr>
          <p:cNvPr id="69" name="object 69"/>
          <p:cNvSpPr txBox="1"/>
          <p:nvPr/>
        </p:nvSpPr>
        <p:spPr>
          <a:xfrm>
            <a:off x="2612446"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4</a:t>
            </a:r>
            <a:endParaRPr sz="941">
              <a:latin typeface="メイリオ"/>
              <a:cs typeface="メイリオ"/>
            </a:endParaRPr>
          </a:p>
        </p:txBody>
      </p:sp>
      <p:sp>
        <p:nvSpPr>
          <p:cNvPr id="70" name="object 70"/>
          <p:cNvSpPr txBox="1"/>
          <p:nvPr/>
        </p:nvSpPr>
        <p:spPr>
          <a:xfrm>
            <a:off x="3078986"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5</a:t>
            </a:r>
            <a:endParaRPr sz="941">
              <a:latin typeface="メイリオ"/>
              <a:cs typeface="メイリオ"/>
            </a:endParaRPr>
          </a:p>
        </p:txBody>
      </p:sp>
      <p:sp>
        <p:nvSpPr>
          <p:cNvPr id="71" name="object 71"/>
          <p:cNvSpPr txBox="1"/>
          <p:nvPr/>
        </p:nvSpPr>
        <p:spPr>
          <a:xfrm>
            <a:off x="3545526"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6</a:t>
            </a:r>
            <a:endParaRPr sz="941">
              <a:latin typeface="メイリオ"/>
              <a:cs typeface="メイリオ"/>
            </a:endParaRPr>
          </a:p>
        </p:txBody>
      </p:sp>
      <p:sp>
        <p:nvSpPr>
          <p:cNvPr id="72" name="object 72"/>
          <p:cNvSpPr txBox="1"/>
          <p:nvPr/>
        </p:nvSpPr>
        <p:spPr>
          <a:xfrm>
            <a:off x="4012066"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7</a:t>
            </a:r>
            <a:endParaRPr sz="941">
              <a:latin typeface="メイリオ"/>
              <a:cs typeface="メイリオ"/>
            </a:endParaRPr>
          </a:p>
        </p:txBody>
      </p:sp>
      <p:sp>
        <p:nvSpPr>
          <p:cNvPr id="73" name="object 73"/>
          <p:cNvSpPr txBox="1"/>
          <p:nvPr/>
        </p:nvSpPr>
        <p:spPr>
          <a:xfrm>
            <a:off x="4478604"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8</a:t>
            </a:r>
            <a:endParaRPr sz="941">
              <a:latin typeface="メイリオ"/>
              <a:cs typeface="メイリオ"/>
            </a:endParaRPr>
          </a:p>
        </p:txBody>
      </p:sp>
      <p:sp>
        <p:nvSpPr>
          <p:cNvPr id="74" name="object 74"/>
          <p:cNvSpPr txBox="1"/>
          <p:nvPr/>
        </p:nvSpPr>
        <p:spPr>
          <a:xfrm>
            <a:off x="4945144"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9</a:t>
            </a:r>
            <a:endParaRPr sz="941">
              <a:latin typeface="メイリオ"/>
              <a:cs typeface="メイリオ"/>
            </a:endParaRPr>
          </a:p>
        </p:txBody>
      </p:sp>
      <p:sp>
        <p:nvSpPr>
          <p:cNvPr id="75" name="object 75"/>
          <p:cNvSpPr txBox="1"/>
          <p:nvPr/>
        </p:nvSpPr>
        <p:spPr>
          <a:xfrm>
            <a:off x="5411684"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0</a:t>
            </a:r>
            <a:endParaRPr sz="941">
              <a:latin typeface="メイリオ"/>
              <a:cs typeface="メイリオ"/>
            </a:endParaRPr>
          </a:p>
        </p:txBody>
      </p:sp>
      <p:sp>
        <p:nvSpPr>
          <p:cNvPr id="76" name="object 76"/>
          <p:cNvSpPr txBox="1"/>
          <p:nvPr/>
        </p:nvSpPr>
        <p:spPr>
          <a:xfrm>
            <a:off x="5879527" y="6084131"/>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1</a:t>
            </a:r>
            <a:endParaRPr sz="941">
              <a:latin typeface="メイリオ"/>
              <a:cs typeface="メイリオ"/>
            </a:endParaRPr>
          </a:p>
        </p:txBody>
      </p:sp>
      <p:sp>
        <p:nvSpPr>
          <p:cNvPr id="77" name="object 77"/>
          <p:cNvSpPr txBox="1"/>
          <p:nvPr/>
        </p:nvSpPr>
        <p:spPr>
          <a:xfrm>
            <a:off x="6346066" y="6084131"/>
            <a:ext cx="2223556" cy="450558"/>
          </a:xfrm>
          <a:prstGeom prst="rect">
            <a:avLst/>
          </a:prstGeom>
        </p:spPr>
        <p:txBody>
          <a:bodyPr vert="horz" wrap="square" lIns="0" tIns="13575" rIns="0" bIns="0" rtlCol="0">
            <a:spAutoFit/>
          </a:bodyPr>
          <a:lstStyle/>
          <a:p>
            <a:pPr marL="10860">
              <a:spcBef>
                <a:spcPts val="107"/>
              </a:spcBef>
              <a:tabLst>
                <a:tab pos="477287" algn="l"/>
                <a:tab pos="943714" algn="l"/>
                <a:tab pos="1410141" algn="l"/>
                <a:tab pos="1876568" algn="l"/>
              </a:tabLst>
            </a:pPr>
            <a:r>
              <a:rPr sz="941" spc="-21" dirty="0">
                <a:latin typeface="メイリオ"/>
                <a:cs typeface="メイリオ"/>
              </a:rPr>
              <a:t>22</a:t>
            </a:r>
            <a:r>
              <a:rPr sz="941" dirty="0">
                <a:latin typeface="メイリオ"/>
                <a:cs typeface="メイリオ"/>
              </a:rPr>
              <a:t>	</a:t>
            </a:r>
            <a:r>
              <a:rPr sz="941" spc="-21" dirty="0">
                <a:latin typeface="メイリオ"/>
                <a:cs typeface="メイリオ"/>
              </a:rPr>
              <a:t>23</a:t>
            </a:r>
            <a:r>
              <a:rPr sz="941" dirty="0">
                <a:latin typeface="メイリオ"/>
                <a:cs typeface="メイリオ"/>
              </a:rPr>
              <a:t>	</a:t>
            </a:r>
            <a:r>
              <a:rPr sz="941" spc="-21" dirty="0">
                <a:latin typeface="メイリオ"/>
                <a:cs typeface="メイリオ"/>
              </a:rPr>
              <a:t>24</a:t>
            </a:r>
            <a:r>
              <a:rPr sz="941" dirty="0">
                <a:latin typeface="メイリオ"/>
                <a:cs typeface="メイリオ"/>
              </a:rPr>
              <a:t>	</a:t>
            </a:r>
            <a:r>
              <a:rPr sz="941" spc="-21" dirty="0">
                <a:latin typeface="メイリオ"/>
                <a:cs typeface="メイリオ"/>
              </a:rPr>
              <a:t>25</a:t>
            </a:r>
            <a:r>
              <a:rPr sz="941" dirty="0">
                <a:latin typeface="メイリオ"/>
                <a:cs typeface="メイリオ"/>
              </a:rPr>
              <a:t>	</a:t>
            </a:r>
            <a:r>
              <a:rPr sz="941" spc="-21" dirty="0">
                <a:latin typeface="メイリオ"/>
                <a:cs typeface="メイリオ"/>
              </a:rPr>
              <a:t>26</a:t>
            </a:r>
            <a:endParaRPr sz="941">
              <a:latin typeface="メイリオ"/>
              <a:cs typeface="メイリオ"/>
            </a:endParaRPr>
          </a:p>
          <a:p>
            <a:pPr marL="118914">
              <a:spcBef>
                <a:spcPts val="1184"/>
              </a:spcBef>
            </a:pPr>
            <a:r>
              <a:rPr sz="898" spc="-34" dirty="0">
                <a:latin typeface="ＭＳ Ｐゴシック"/>
                <a:cs typeface="ＭＳ Ｐゴシック"/>
              </a:rPr>
              <a:t>出所：国土交通省「建設工事施工統計調査」</a:t>
            </a:r>
            <a:endParaRPr sz="898">
              <a:latin typeface="ＭＳ Ｐゴシック"/>
              <a:cs typeface="ＭＳ Ｐゴシック"/>
            </a:endParaRPr>
          </a:p>
        </p:txBody>
      </p:sp>
      <p:grpSp>
        <p:nvGrpSpPr>
          <p:cNvPr id="78" name="object 78"/>
          <p:cNvGrpSpPr/>
          <p:nvPr/>
        </p:nvGrpSpPr>
        <p:grpSpPr>
          <a:xfrm>
            <a:off x="3652821" y="3843919"/>
            <a:ext cx="2979075" cy="733727"/>
            <a:chOff x="4271771" y="4611623"/>
            <a:chExt cx="3053226" cy="410209"/>
          </a:xfrm>
        </p:grpSpPr>
        <p:sp>
          <p:nvSpPr>
            <p:cNvPr id="79" name="object 79"/>
            <p:cNvSpPr/>
            <p:nvPr/>
          </p:nvSpPr>
          <p:spPr>
            <a:xfrm>
              <a:off x="4276343" y="4616195"/>
              <a:ext cx="3048654" cy="401320"/>
            </a:xfrm>
            <a:custGeom>
              <a:avLst/>
              <a:gdLst/>
              <a:ahLst/>
              <a:cxnLst/>
              <a:rect l="l" t="t" r="r" b="b"/>
              <a:pathLst>
                <a:path w="2872740" h="401320">
                  <a:moveTo>
                    <a:pt x="2872740" y="0"/>
                  </a:moveTo>
                  <a:lnTo>
                    <a:pt x="0" y="0"/>
                  </a:lnTo>
                  <a:lnTo>
                    <a:pt x="0" y="400812"/>
                  </a:lnTo>
                  <a:lnTo>
                    <a:pt x="2872740" y="400812"/>
                  </a:lnTo>
                  <a:lnTo>
                    <a:pt x="2872740" y="0"/>
                  </a:lnTo>
                  <a:close/>
                </a:path>
              </a:pathLst>
            </a:custGeom>
            <a:solidFill>
              <a:srgbClr val="FFFFFF"/>
            </a:solidFill>
          </p:spPr>
          <p:txBody>
            <a:bodyPr wrap="square" lIns="0" tIns="0" rIns="0" bIns="0" rtlCol="0"/>
            <a:lstStyle/>
            <a:p>
              <a:endParaRPr sz="1539"/>
            </a:p>
          </p:txBody>
        </p:sp>
        <p:sp>
          <p:nvSpPr>
            <p:cNvPr id="80" name="object 80"/>
            <p:cNvSpPr/>
            <p:nvPr/>
          </p:nvSpPr>
          <p:spPr>
            <a:xfrm>
              <a:off x="4271771" y="4611623"/>
              <a:ext cx="2882265" cy="410209"/>
            </a:xfrm>
            <a:custGeom>
              <a:avLst/>
              <a:gdLst/>
              <a:ahLst/>
              <a:cxnLst/>
              <a:rect l="l" t="t" r="r" b="b"/>
              <a:pathLst>
                <a:path w="2882265" h="410210">
                  <a:moveTo>
                    <a:pt x="2877311" y="0"/>
                  </a:moveTo>
                  <a:lnTo>
                    <a:pt x="4572" y="0"/>
                  </a:lnTo>
                  <a:lnTo>
                    <a:pt x="1524" y="1524"/>
                  </a:lnTo>
                  <a:lnTo>
                    <a:pt x="0" y="4572"/>
                  </a:lnTo>
                  <a:lnTo>
                    <a:pt x="0" y="405384"/>
                  </a:lnTo>
                  <a:lnTo>
                    <a:pt x="1524" y="408431"/>
                  </a:lnTo>
                  <a:lnTo>
                    <a:pt x="4572" y="409956"/>
                  </a:lnTo>
                  <a:lnTo>
                    <a:pt x="2877311" y="409956"/>
                  </a:lnTo>
                  <a:lnTo>
                    <a:pt x="2880359" y="408431"/>
                  </a:lnTo>
                  <a:lnTo>
                    <a:pt x="2881883" y="405384"/>
                  </a:lnTo>
                  <a:lnTo>
                    <a:pt x="9143" y="405384"/>
                  </a:lnTo>
                  <a:lnTo>
                    <a:pt x="4572" y="400812"/>
                  </a:lnTo>
                  <a:lnTo>
                    <a:pt x="9143" y="400812"/>
                  </a:lnTo>
                  <a:lnTo>
                    <a:pt x="9143" y="9143"/>
                  </a:lnTo>
                  <a:lnTo>
                    <a:pt x="4572" y="9143"/>
                  </a:lnTo>
                  <a:lnTo>
                    <a:pt x="9143" y="4572"/>
                  </a:lnTo>
                  <a:lnTo>
                    <a:pt x="2881883" y="4572"/>
                  </a:lnTo>
                  <a:lnTo>
                    <a:pt x="2880359" y="1524"/>
                  </a:lnTo>
                  <a:lnTo>
                    <a:pt x="2877311" y="0"/>
                  </a:lnTo>
                  <a:close/>
                </a:path>
                <a:path w="2882265" h="410210">
                  <a:moveTo>
                    <a:pt x="9143" y="400812"/>
                  </a:moveTo>
                  <a:lnTo>
                    <a:pt x="4572" y="400812"/>
                  </a:lnTo>
                  <a:lnTo>
                    <a:pt x="9143" y="405384"/>
                  </a:lnTo>
                  <a:lnTo>
                    <a:pt x="9143" y="400812"/>
                  </a:lnTo>
                  <a:close/>
                </a:path>
                <a:path w="2882265" h="410210">
                  <a:moveTo>
                    <a:pt x="2872739" y="400812"/>
                  </a:moveTo>
                  <a:lnTo>
                    <a:pt x="9143" y="400812"/>
                  </a:lnTo>
                  <a:lnTo>
                    <a:pt x="9143" y="405384"/>
                  </a:lnTo>
                  <a:lnTo>
                    <a:pt x="2872739" y="405384"/>
                  </a:lnTo>
                  <a:lnTo>
                    <a:pt x="2872739" y="400812"/>
                  </a:lnTo>
                  <a:close/>
                </a:path>
                <a:path w="2882265" h="410210">
                  <a:moveTo>
                    <a:pt x="2872739" y="4572"/>
                  </a:moveTo>
                  <a:lnTo>
                    <a:pt x="2872739" y="405384"/>
                  </a:lnTo>
                  <a:lnTo>
                    <a:pt x="2877311" y="400812"/>
                  </a:lnTo>
                  <a:lnTo>
                    <a:pt x="2881883" y="400812"/>
                  </a:lnTo>
                  <a:lnTo>
                    <a:pt x="2881883" y="9143"/>
                  </a:lnTo>
                  <a:lnTo>
                    <a:pt x="2877311" y="9143"/>
                  </a:lnTo>
                  <a:lnTo>
                    <a:pt x="2872739" y="4572"/>
                  </a:lnTo>
                  <a:close/>
                </a:path>
                <a:path w="2882265" h="410210">
                  <a:moveTo>
                    <a:pt x="2881883" y="400812"/>
                  </a:moveTo>
                  <a:lnTo>
                    <a:pt x="2877311" y="400812"/>
                  </a:lnTo>
                  <a:lnTo>
                    <a:pt x="2872739" y="405384"/>
                  </a:lnTo>
                  <a:lnTo>
                    <a:pt x="2881883" y="405384"/>
                  </a:lnTo>
                  <a:lnTo>
                    <a:pt x="2881883" y="400812"/>
                  </a:lnTo>
                  <a:close/>
                </a:path>
                <a:path w="2882265" h="410210">
                  <a:moveTo>
                    <a:pt x="9143" y="4572"/>
                  </a:moveTo>
                  <a:lnTo>
                    <a:pt x="4572" y="9143"/>
                  </a:lnTo>
                  <a:lnTo>
                    <a:pt x="9143" y="9143"/>
                  </a:lnTo>
                  <a:lnTo>
                    <a:pt x="9143" y="4572"/>
                  </a:lnTo>
                  <a:close/>
                </a:path>
                <a:path w="2882265" h="410210">
                  <a:moveTo>
                    <a:pt x="2872739" y="4572"/>
                  </a:moveTo>
                  <a:lnTo>
                    <a:pt x="9143" y="4572"/>
                  </a:lnTo>
                  <a:lnTo>
                    <a:pt x="9143" y="9143"/>
                  </a:lnTo>
                  <a:lnTo>
                    <a:pt x="2872739" y="9143"/>
                  </a:lnTo>
                  <a:lnTo>
                    <a:pt x="2872739" y="4572"/>
                  </a:lnTo>
                  <a:close/>
                </a:path>
                <a:path w="2882265" h="410210">
                  <a:moveTo>
                    <a:pt x="2881883" y="4572"/>
                  </a:moveTo>
                  <a:lnTo>
                    <a:pt x="2872739" y="4572"/>
                  </a:lnTo>
                  <a:lnTo>
                    <a:pt x="2877311" y="9143"/>
                  </a:lnTo>
                  <a:lnTo>
                    <a:pt x="2881883" y="9143"/>
                  </a:lnTo>
                  <a:lnTo>
                    <a:pt x="2881883" y="4572"/>
                  </a:lnTo>
                  <a:close/>
                </a:path>
              </a:pathLst>
            </a:custGeom>
            <a:solidFill>
              <a:srgbClr val="000000"/>
            </a:solidFill>
          </p:spPr>
          <p:txBody>
            <a:bodyPr wrap="square" lIns="0" tIns="0" rIns="0" bIns="0" rtlCol="0"/>
            <a:lstStyle/>
            <a:p>
              <a:endParaRPr sz="1539"/>
            </a:p>
          </p:txBody>
        </p:sp>
        <p:sp>
          <p:nvSpPr>
            <p:cNvPr id="81" name="object 81"/>
            <p:cNvSpPr/>
            <p:nvPr/>
          </p:nvSpPr>
          <p:spPr>
            <a:xfrm>
              <a:off x="4325111" y="4671059"/>
              <a:ext cx="264160" cy="91440"/>
            </a:xfrm>
            <a:custGeom>
              <a:avLst/>
              <a:gdLst/>
              <a:ahLst/>
              <a:cxnLst/>
              <a:rect l="l" t="t" r="r" b="b"/>
              <a:pathLst>
                <a:path w="264160" h="91439">
                  <a:moveTo>
                    <a:pt x="263651" y="0"/>
                  </a:moveTo>
                  <a:lnTo>
                    <a:pt x="0" y="0"/>
                  </a:lnTo>
                  <a:lnTo>
                    <a:pt x="0" y="91439"/>
                  </a:lnTo>
                  <a:lnTo>
                    <a:pt x="263651" y="91439"/>
                  </a:lnTo>
                  <a:lnTo>
                    <a:pt x="263651" y="0"/>
                  </a:lnTo>
                  <a:close/>
                </a:path>
              </a:pathLst>
            </a:custGeom>
            <a:solidFill>
              <a:srgbClr val="99FF66"/>
            </a:solidFill>
          </p:spPr>
          <p:txBody>
            <a:bodyPr wrap="square" lIns="0" tIns="0" rIns="0" bIns="0" rtlCol="0"/>
            <a:lstStyle/>
            <a:p>
              <a:endParaRPr sz="1539"/>
            </a:p>
          </p:txBody>
        </p:sp>
      </p:grpSp>
      <p:sp>
        <p:nvSpPr>
          <p:cNvPr id="82" name="object 82"/>
          <p:cNvSpPr txBox="1"/>
          <p:nvPr/>
        </p:nvSpPr>
        <p:spPr>
          <a:xfrm>
            <a:off x="4032621" y="3980259"/>
            <a:ext cx="490866" cy="152435"/>
          </a:xfrm>
          <a:prstGeom prst="rect">
            <a:avLst/>
          </a:prstGeom>
        </p:spPr>
        <p:txBody>
          <a:bodyPr vert="horz" wrap="square" lIns="0" tIns="14118" rIns="0" bIns="0" rtlCol="0">
            <a:spAutoFit/>
          </a:bodyPr>
          <a:lstStyle/>
          <a:p>
            <a:pPr marL="10860">
              <a:spcBef>
                <a:spcPts val="111"/>
              </a:spcBef>
            </a:pPr>
            <a:r>
              <a:rPr sz="898" spc="-13" dirty="0">
                <a:latin typeface="メイリオ"/>
                <a:cs typeface="メイリオ"/>
              </a:rPr>
              <a:t>維持修繕</a:t>
            </a:r>
            <a:endParaRPr sz="898" dirty="0">
              <a:latin typeface="メイリオ"/>
              <a:cs typeface="メイリオ"/>
            </a:endParaRPr>
          </a:p>
        </p:txBody>
      </p:sp>
      <p:sp>
        <p:nvSpPr>
          <p:cNvPr id="83" name="object 83"/>
          <p:cNvSpPr/>
          <p:nvPr/>
        </p:nvSpPr>
        <p:spPr>
          <a:xfrm>
            <a:off x="4927335" y="4189732"/>
            <a:ext cx="224256" cy="78191"/>
          </a:xfrm>
          <a:custGeom>
            <a:avLst/>
            <a:gdLst/>
            <a:ahLst/>
            <a:cxnLst/>
            <a:rect l="l" t="t" r="r" b="b"/>
            <a:pathLst>
              <a:path w="262254" h="91439">
                <a:moveTo>
                  <a:pt x="262127" y="0"/>
                </a:moveTo>
                <a:lnTo>
                  <a:pt x="0" y="0"/>
                </a:lnTo>
                <a:lnTo>
                  <a:pt x="0" y="91439"/>
                </a:lnTo>
                <a:lnTo>
                  <a:pt x="262127" y="91439"/>
                </a:lnTo>
                <a:lnTo>
                  <a:pt x="262127" y="0"/>
                </a:lnTo>
                <a:close/>
              </a:path>
            </a:pathLst>
          </a:custGeom>
          <a:solidFill>
            <a:srgbClr val="FF99CC"/>
          </a:solidFill>
        </p:spPr>
        <p:txBody>
          <a:bodyPr wrap="square" lIns="0" tIns="0" rIns="0" bIns="0" rtlCol="0"/>
          <a:lstStyle/>
          <a:p>
            <a:endParaRPr sz="1539"/>
          </a:p>
        </p:txBody>
      </p:sp>
      <p:sp>
        <p:nvSpPr>
          <p:cNvPr id="84" name="object 84"/>
          <p:cNvSpPr txBox="1"/>
          <p:nvPr/>
        </p:nvSpPr>
        <p:spPr>
          <a:xfrm>
            <a:off x="5165382" y="4122837"/>
            <a:ext cx="256293" cy="152435"/>
          </a:xfrm>
          <a:prstGeom prst="rect">
            <a:avLst/>
          </a:prstGeom>
        </p:spPr>
        <p:txBody>
          <a:bodyPr vert="horz" wrap="square" lIns="0" tIns="14118" rIns="0" bIns="0" rtlCol="0">
            <a:spAutoFit/>
          </a:bodyPr>
          <a:lstStyle/>
          <a:p>
            <a:pPr marL="10860">
              <a:spcBef>
                <a:spcPts val="111"/>
              </a:spcBef>
            </a:pPr>
            <a:r>
              <a:rPr sz="898" spc="-21" dirty="0">
                <a:latin typeface="メイリオ"/>
                <a:cs typeface="メイリオ"/>
              </a:rPr>
              <a:t>新設</a:t>
            </a:r>
            <a:endParaRPr sz="898" dirty="0">
              <a:latin typeface="メイリオ"/>
              <a:cs typeface="メイリオ"/>
            </a:endParaRPr>
          </a:p>
        </p:txBody>
      </p:sp>
      <p:sp>
        <p:nvSpPr>
          <p:cNvPr id="85" name="object 85"/>
          <p:cNvSpPr txBox="1"/>
          <p:nvPr/>
        </p:nvSpPr>
        <p:spPr>
          <a:xfrm>
            <a:off x="3948645" y="4318960"/>
            <a:ext cx="307877" cy="130677"/>
          </a:xfrm>
          <a:prstGeom prst="rect">
            <a:avLst/>
          </a:prstGeom>
        </p:spPr>
        <p:txBody>
          <a:bodyPr vert="horz" wrap="square" lIns="0" tIns="0" rIns="0" bIns="0" rtlCol="0">
            <a:spAutoFit/>
          </a:bodyPr>
          <a:lstStyle/>
          <a:p>
            <a:pPr>
              <a:lnSpc>
                <a:spcPts val="988"/>
              </a:lnSpc>
            </a:pPr>
            <a:r>
              <a:rPr sz="898" dirty="0">
                <a:latin typeface="メイリオ"/>
                <a:cs typeface="メイリオ"/>
              </a:rPr>
              <a:t>系列</a:t>
            </a:r>
            <a:r>
              <a:rPr sz="898" spc="-43" dirty="0">
                <a:latin typeface="メイリオ"/>
                <a:cs typeface="メイリオ"/>
              </a:rPr>
              <a:t>4</a:t>
            </a:r>
            <a:endParaRPr sz="898">
              <a:latin typeface="メイリオ"/>
              <a:cs typeface="メイリオ"/>
            </a:endParaRPr>
          </a:p>
        </p:txBody>
      </p:sp>
      <p:grpSp>
        <p:nvGrpSpPr>
          <p:cNvPr id="86" name="object 86"/>
          <p:cNvGrpSpPr/>
          <p:nvPr/>
        </p:nvGrpSpPr>
        <p:grpSpPr>
          <a:xfrm>
            <a:off x="4914302" y="4368268"/>
            <a:ext cx="250320" cy="65159"/>
            <a:chOff x="5747003" y="4879847"/>
            <a:chExt cx="292735" cy="76200"/>
          </a:xfrm>
        </p:grpSpPr>
        <p:sp>
          <p:nvSpPr>
            <p:cNvPr id="87" name="object 87"/>
            <p:cNvSpPr/>
            <p:nvPr/>
          </p:nvSpPr>
          <p:spPr>
            <a:xfrm>
              <a:off x="5747003" y="4901183"/>
              <a:ext cx="292735" cy="30480"/>
            </a:xfrm>
            <a:custGeom>
              <a:avLst/>
              <a:gdLst/>
              <a:ahLst/>
              <a:cxnLst/>
              <a:rect l="l" t="t" r="r" b="b"/>
              <a:pathLst>
                <a:path w="292735" h="30479">
                  <a:moveTo>
                    <a:pt x="284988" y="0"/>
                  </a:moveTo>
                  <a:lnTo>
                    <a:pt x="15240" y="0"/>
                  </a:lnTo>
                  <a:lnTo>
                    <a:pt x="6096" y="0"/>
                  </a:lnTo>
                  <a:lnTo>
                    <a:pt x="0" y="6095"/>
                  </a:lnTo>
                  <a:lnTo>
                    <a:pt x="0" y="22859"/>
                  </a:lnTo>
                  <a:lnTo>
                    <a:pt x="6096" y="30480"/>
                  </a:lnTo>
                  <a:lnTo>
                    <a:pt x="284988" y="30480"/>
                  </a:lnTo>
                  <a:lnTo>
                    <a:pt x="292608" y="22859"/>
                  </a:lnTo>
                  <a:lnTo>
                    <a:pt x="292608" y="6095"/>
                  </a:lnTo>
                  <a:lnTo>
                    <a:pt x="284988" y="0"/>
                  </a:lnTo>
                  <a:close/>
                </a:path>
              </a:pathLst>
            </a:custGeom>
            <a:solidFill>
              <a:srgbClr val="FF0000"/>
            </a:solidFill>
          </p:spPr>
          <p:txBody>
            <a:bodyPr wrap="square" lIns="0" tIns="0" rIns="0" bIns="0" rtlCol="0"/>
            <a:lstStyle/>
            <a:p>
              <a:endParaRPr sz="1539"/>
            </a:p>
          </p:txBody>
        </p:sp>
        <p:pic>
          <p:nvPicPr>
            <p:cNvPr id="88" name="object 88"/>
            <p:cNvPicPr/>
            <p:nvPr/>
          </p:nvPicPr>
          <p:blipFill>
            <a:blip r:embed="rId6" cstate="print"/>
            <a:stretch>
              <a:fillRect/>
            </a:stretch>
          </p:blipFill>
          <p:spPr>
            <a:xfrm>
              <a:off x="5855207" y="4879847"/>
              <a:ext cx="76200" cy="76200"/>
            </a:xfrm>
            <a:prstGeom prst="rect">
              <a:avLst/>
            </a:prstGeom>
          </p:spPr>
        </p:pic>
      </p:grpSp>
      <p:sp>
        <p:nvSpPr>
          <p:cNvPr id="89" name="object 89"/>
          <p:cNvSpPr txBox="1"/>
          <p:nvPr/>
        </p:nvSpPr>
        <p:spPr>
          <a:xfrm>
            <a:off x="5165383" y="4293554"/>
            <a:ext cx="960011" cy="152435"/>
          </a:xfrm>
          <a:prstGeom prst="rect">
            <a:avLst/>
          </a:prstGeom>
        </p:spPr>
        <p:txBody>
          <a:bodyPr vert="horz" wrap="square" lIns="0" tIns="14118" rIns="0" bIns="0" rtlCol="0">
            <a:spAutoFit/>
          </a:bodyPr>
          <a:lstStyle/>
          <a:p>
            <a:pPr marL="10860">
              <a:spcBef>
                <a:spcPts val="111"/>
              </a:spcBef>
            </a:pPr>
            <a:r>
              <a:rPr sz="898" spc="-9" dirty="0">
                <a:latin typeface="メイリオ"/>
                <a:cs typeface="メイリオ"/>
              </a:rPr>
              <a:t>維持修繕工事比率</a:t>
            </a:r>
            <a:endParaRPr sz="898" dirty="0">
              <a:latin typeface="メイリオ"/>
              <a:cs typeface="メイリオ"/>
            </a:endParaRPr>
          </a:p>
        </p:txBody>
      </p:sp>
      <p:sp>
        <p:nvSpPr>
          <p:cNvPr id="90" name="object 90"/>
          <p:cNvSpPr/>
          <p:nvPr/>
        </p:nvSpPr>
        <p:spPr>
          <a:xfrm>
            <a:off x="3741437" y="4290078"/>
            <a:ext cx="897024" cy="165613"/>
          </a:xfrm>
          <a:custGeom>
            <a:avLst/>
            <a:gdLst/>
            <a:ahLst/>
            <a:cxnLst/>
            <a:rect l="l" t="t" r="r" b="b"/>
            <a:pathLst>
              <a:path w="1049020" h="193675">
                <a:moveTo>
                  <a:pt x="1048512" y="0"/>
                </a:moveTo>
                <a:lnTo>
                  <a:pt x="0" y="0"/>
                </a:lnTo>
                <a:lnTo>
                  <a:pt x="0" y="193547"/>
                </a:lnTo>
                <a:lnTo>
                  <a:pt x="1048512" y="193547"/>
                </a:lnTo>
                <a:lnTo>
                  <a:pt x="1048512" y="0"/>
                </a:lnTo>
                <a:close/>
              </a:path>
            </a:pathLst>
          </a:custGeom>
          <a:solidFill>
            <a:srgbClr val="FFFFFF"/>
          </a:solidFill>
        </p:spPr>
        <p:txBody>
          <a:bodyPr wrap="square" lIns="0" tIns="0" rIns="0" bIns="0" rtlCol="0"/>
          <a:lstStyle/>
          <a:p>
            <a:endParaRPr sz="1539"/>
          </a:p>
        </p:txBody>
      </p:sp>
      <p:sp>
        <p:nvSpPr>
          <p:cNvPr id="91" name="object 91"/>
          <p:cNvSpPr txBox="1"/>
          <p:nvPr/>
        </p:nvSpPr>
        <p:spPr>
          <a:xfrm>
            <a:off x="924825" y="3966454"/>
            <a:ext cx="532133" cy="316098"/>
          </a:xfrm>
          <a:prstGeom prst="rect">
            <a:avLst/>
          </a:prstGeom>
        </p:spPr>
        <p:txBody>
          <a:bodyPr vert="horz" wrap="square" lIns="0" tIns="13575" rIns="0" bIns="0" rtlCol="0">
            <a:spAutoFit/>
          </a:bodyPr>
          <a:lstStyle/>
          <a:p>
            <a:pPr marL="10860">
              <a:spcBef>
                <a:spcPts val="107"/>
              </a:spcBef>
            </a:pPr>
            <a:r>
              <a:rPr sz="941" dirty="0">
                <a:latin typeface="ＭＳ Ｐゴシック"/>
                <a:cs typeface="ＭＳ Ｐゴシック"/>
              </a:rPr>
              <a:t>（兆円</a:t>
            </a:r>
            <a:r>
              <a:rPr sz="941" spc="-43" dirty="0">
                <a:latin typeface="ＭＳ Ｐゴシック"/>
                <a:cs typeface="ＭＳ Ｐゴシック"/>
              </a:rPr>
              <a:t>）</a:t>
            </a:r>
            <a:endParaRPr sz="941">
              <a:latin typeface="ＭＳ Ｐゴシック"/>
              <a:cs typeface="ＭＳ Ｐゴシック"/>
            </a:endParaRPr>
          </a:p>
          <a:p>
            <a:pPr marL="228055">
              <a:spcBef>
                <a:spcPts val="73"/>
              </a:spcBef>
            </a:pPr>
            <a:r>
              <a:rPr sz="941" b="1" spc="-17" dirty="0">
                <a:latin typeface="メイリオ"/>
                <a:cs typeface="メイリオ"/>
              </a:rPr>
              <a:t>28.4</a:t>
            </a:r>
            <a:endParaRPr sz="941">
              <a:latin typeface="メイリオ"/>
              <a:cs typeface="メイリオ"/>
            </a:endParaRPr>
          </a:p>
        </p:txBody>
      </p:sp>
      <p:grpSp>
        <p:nvGrpSpPr>
          <p:cNvPr id="92" name="object 92"/>
          <p:cNvGrpSpPr/>
          <p:nvPr/>
        </p:nvGrpSpPr>
        <p:grpSpPr>
          <a:xfrm>
            <a:off x="1032121" y="1919587"/>
            <a:ext cx="7548144" cy="1698482"/>
            <a:chOff x="1207008" y="2016251"/>
            <a:chExt cx="8827135" cy="1986280"/>
          </a:xfrm>
        </p:grpSpPr>
        <p:sp>
          <p:nvSpPr>
            <p:cNvPr id="93" name="object 93"/>
            <p:cNvSpPr/>
            <p:nvPr/>
          </p:nvSpPr>
          <p:spPr>
            <a:xfrm>
              <a:off x="1232916" y="2831591"/>
              <a:ext cx="8732520" cy="939165"/>
            </a:xfrm>
            <a:custGeom>
              <a:avLst/>
              <a:gdLst/>
              <a:ahLst/>
              <a:cxnLst/>
              <a:rect l="l" t="t" r="r" b="b"/>
              <a:pathLst>
                <a:path w="8732520" h="939164">
                  <a:moveTo>
                    <a:pt x="164592" y="929640"/>
                  </a:moveTo>
                  <a:lnTo>
                    <a:pt x="0" y="929640"/>
                  </a:lnTo>
                  <a:lnTo>
                    <a:pt x="0" y="938784"/>
                  </a:lnTo>
                  <a:lnTo>
                    <a:pt x="164592" y="938784"/>
                  </a:lnTo>
                  <a:lnTo>
                    <a:pt x="164592" y="929640"/>
                  </a:lnTo>
                  <a:close/>
                </a:path>
                <a:path w="8732520" h="939164">
                  <a:moveTo>
                    <a:pt x="164592" y="696468"/>
                  </a:moveTo>
                  <a:lnTo>
                    <a:pt x="0" y="696468"/>
                  </a:lnTo>
                  <a:lnTo>
                    <a:pt x="0" y="705612"/>
                  </a:lnTo>
                  <a:lnTo>
                    <a:pt x="164592" y="705612"/>
                  </a:lnTo>
                  <a:lnTo>
                    <a:pt x="164592" y="696468"/>
                  </a:lnTo>
                  <a:close/>
                </a:path>
                <a:path w="8732520" h="939164">
                  <a:moveTo>
                    <a:pt x="164592" y="464820"/>
                  </a:moveTo>
                  <a:lnTo>
                    <a:pt x="0" y="464820"/>
                  </a:lnTo>
                  <a:lnTo>
                    <a:pt x="0" y="473964"/>
                  </a:lnTo>
                  <a:lnTo>
                    <a:pt x="164592" y="473964"/>
                  </a:lnTo>
                  <a:lnTo>
                    <a:pt x="164592" y="464820"/>
                  </a:lnTo>
                  <a:close/>
                </a:path>
                <a:path w="8732520" h="939164">
                  <a:moveTo>
                    <a:pt x="164592" y="231648"/>
                  </a:moveTo>
                  <a:lnTo>
                    <a:pt x="0" y="231648"/>
                  </a:lnTo>
                  <a:lnTo>
                    <a:pt x="0" y="240792"/>
                  </a:lnTo>
                  <a:lnTo>
                    <a:pt x="164592" y="240792"/>
                  </a:lnTo>
                  <a:lnTo>
                    <a:pt x="164592" y="231648"/>
                  </a:lnTo>
                  <a:close/>
                </a:path>
                <a:path w="8732520" h="939164">
                  <a:moveTo>
                    <a:pt x="710184" y="929640"/>
                  </a:moveTo>
                  <a:lnTo>
                    <a:pt x="382524" y="929640"/>
                  </a:lnTo>
                  <a:lnTo>
                    <a:pt x="382524" y="938784"/>
                  </a:lnTo>
                  <a:lnTo>
                    <a:pt x="710184" y="938784"/>
                  </a:lnTo>
                  <a:lnTo>
                    <a:pt x="710184" y="929640"/>
                  </a:lnTo>
                  <a:close/>
                </a:path>
                <a:path w="8732520" h="939164">
                  <a:moveTo>
                    <a:pt x="710184" y="696468"/>
                  </a:moveTo>
                  <a:lnTo>
                    <a:pt x="382524" y="696468"/>
                  </a:lnTo>
                  <a:lnTo>
                    <a:pt x="382524" y="705612"/>
                  </a:lnTo>
                  <a:lnTo>
                    <a:pt x="710184" y="705612"/>
                  </a:lnTo>
                  <a:lnTo>
                    <a:pt x="710184" y="696468"/>
                  </a:lnTo>
                  <a:close/>
                </a:path>
                <a:path w="8732520" h="939164">
                  <a:moveTo>
                    <a:pt x="710184" y="464820"/>
                  </a:moveTo>
                  <a:lnTo>
                    <a:pt x="382524" y="464820"/>
                  </a:lnTo>
                  <a:lnTo>
                    <a:pt x="382524" y="473964"/>
                  </a:lnTo>
                  <a:lnTo>
                    <a:pt x="710184" y="473964"/>
                  </a:lnTo>
                  <a:lnTo>
                    <a:pt x="710184" y="464820"/>
                  </a:lnTo>
                  <a:close/>
                </a:path>
                <a:path w="8732520" h="939164">
                  <a:moveTo>
                    <a:pt x="710184" y="231648"/>
                  </a:moveTo>
                  <a:lnTo>
                    <a:pt x="382524" y="231648"/>
                  </a:lnTo>
                  <a:lnTo>
                    <a:pt x="382524" y="240792"/>
                  </a:lnTo>
                  <a:lnTo>
                    <a:pt x="710184" y="240792"/>
                  </a:lnTo>
                  <a:lnTo>
                    <a:pt x="710184" y="231648"/>
                  </a:lnTo>
                  <a:close/>
                </a:path>
                <a:path w="8732520" h="939164">
                  <a:moveTo>
                    <a:pt x="710184" y="0"/>
                  </a:moveTo>
                  <a:lnTo>
                    <a:pt x="568452" y="0"/>
                  </a:lnTo>
                  <a:lnTo>
                    <a:pt x="568452" y="9144"/>
                  </a:lnTo>
                  <a:lnTo>
                    <a:pt x="710184" y="9144"/>
                  </a:lnTo>
                  <a:lnTo>
                    <a:pt x="710184" y="0"/>
                  </a:lnTo>
                  <a:close/>
                </a:path>
                <a:path w="8732520" h="939164">
                  <a:moveTo>
                    <a:pt x="1255776" y="929640"/>
                  </a:moveTo>
                  <a:lnTo>
                    <a:pt x="928116" y="929640"/>
                  </a:lnTo>
                  <a:lnTo>
                    <a:pt x="928116" y="938784"/>
                  </a:lnTo>
                  <a:lnTo>
                    <a:pt x="1255776" y="938784"/>
                  </a:lnTo>
                  <a:lnTo>
                    <a:pt x="1255776" y="929640"/>
                  </a:lnTo>
                  <a:close/>
                </a:path>
                <a:path w="8732520" h="939164">
                  <a:moveTo>
                    <a:pt x="1255776" y="696468"/>
                  </a:moveTo>
                  <a:lnTo>
                    <a:pt x="928116" y="696468"/>
                  </a:lnTo>
                  <a:lnTo>
                    <a:pt x="928116" y="705612"/>
                  </a:lnTo>
                  <a:lnTo>
                    <a:pt x="1255776" y="705612"/>
                  </a:lnTo>
                  <a:lnTo>
                    <a:pt x="1255776" y="696468"/>
                  </a:lnTo>
                  <a:close/>
                </a:path>
                <a:path w="8732520" h="939164">
                  <a:moveTo>
                    <a:pt x="1255776" y="464820"/>
                  </a:moveTo>
                  <a:lnTo>
                    <a:pt x="928116" y="464820"/>
                  </a:lnTo>
                  <a:lnTo>
                    <a:pt x="928116" y="473964"/>
                  </a:lnTo>
                  <a:lnTo>
                    <a:pt x="1255776" y="473964"/>
                  </a:lnTo>
                  <a:lnTo>
                    <a:pt x="1255776" y="464820"/>
                  </a:lnTo>
                  <a:close/>
                </a:path>
                <a:path w="8732520" h="939164">
                  <a:moveTo>
                    <a:pt x="1255776" y="231648"/>
                  </a:moveTo>
                  <a:lnTo>
                    <a:pt x="928116" y="231648"/>
                  </a:lnTo>
                  <a:lnTo>
                    <a:pt x="928116" y="240792"/>
                  </a:lnTo>
                  <a:lnTo>
                    <a:pt x="1255776" y="240792"/>
                  </a:lnTo>
                  <a:lnTo>
                    <a:pt x="1255776" y="231648"/>
                  </a:lnTo>
                  <a:close/>
                </a:path>
                <a:path w="8732520" h="939164">
                  <a:moveTo>
                    <a:pt x="1801368" y="929640"/>
                  </a:moveTo>
                  <a:lnTo>
                    <a:pt x="1473708" y="929640"/>
                  </a:lnTo>
                  <a:lnTo>
                    <a:pt x="1473708" y="938784"/>
                  </a:lnTo>
                  <a:lnTo>
                    <a:pt x="1801368" y="938784"/>
                  </a:lnTo>
                  <a:lnTo>
                    <a:pt x="1801368" y="929640"/>
                  </a:lnTo>
                  <a:close/>
                </a:path>
                <a:path w="8732520" h="939164">
                  <a:moveTo>
                    <a:pt x="1801368" y="696468"/>
                  </a:moveTo>
                  <a:lnTo>
                    <a:pt x="1473708" y="696468"/>
                  </a:lnTo>
                  <a:lnTo>
                    <a:pt x="1473708" y="705612"/>
                  </a:lnTo>
                  <a:lnTo>
                    <a:pt x="1801368" y="705612"/>
                  </a:lnTo>
                  <a:lnTo>
                    <a:pt x="1801368" y="696468"/>
                  </a:lnTo>
                  <a:close/>
                </a:path>
                <a:path w="8732520" h="939164">
                  <a:moveTo>
                    <a:pt x="1801368" y="464820"/>
                  </a:moveTo>
                  <a:lnTo>
                    <a:pt x="1473708" y="464820"/>
                  </a:lnTo>
                  <a:lnTo>
                    <a:pt x="1473708" y="473964"/>
                  </a:lnTo>
                  <a:lnTo>
                    <a:pt x="1801368" y="473964"/>
                  </a:lnTo>
                  <a:lnTo>
                    <a:pt x="1801368" y="464820"/>
                  </a:lnTo>
                  <a:close/>
                </a:path>
                <a:path w="8732520" h="939164">
                  <a:moveTo>
                    <a:pt x="1801368" y="231648"/>
                  </a:moveTo>
                  <a:lnTo>
                    <a:pt x="1473708" y="231648"/>
                  </a:lnTo>
                  <a:lnTo>
                    <a:pt x="1473708" y="240792"/>
                  </a:lnTo>
                  <a:lnTo>
                    <a:pt x="1801368" y="240792"/>
                  </a:lnTo>
                  <a:lnTo>
                    <a:pt x="1801368" y="231648"/>
                  </a:lnTo>
                  <a:close/>
                </a:path>
                <a:path w="8732520" h="939164">
                  <a:moveTo>
                    <a:pt x="1801368" y="0"/>
                  </a:moveTo>
                  <a:lnTo>
                    <a:pt x="1473708" y="0"/>
                  </a:lnTo>
                  <a:lnTo>
                    <a:pt x="1473708" y="9144"/>
                  </a:lnTo>
                  <a:lnTo>
                    <a:pt x="1801368" y="9144"/>
                  </a:lnTo>
                  <a:lnTo>
                    <a:pt x="1801368" y="0"/>
                  </a:lnTo>
                  <a:close/>
                </a:path>
                <a:path w="8732520" h="939164">
                  <a:moveTo>
                    <a:pt x="2346960" y="929640"/>
                  </a:moveTo>
                  <a:lnTo>
                    <a:pt x="2019287" y="929640"/>
                  </a:lnTo>
                  <a:lnTo>
                    <a:pt x="2019287" y="938784"/>
                  </a:lnTo>
                  <a:lnTo>
                    <a:pt x="2346960" y="938784"/>
                  </a:lnTo>
                  <a:lnTo>
                    <a:pt x="2346960" y="929640"/>
                  </a:lnTo>
                  <a:close/>
                </a:path>
                <a:path w="8732520" h="939164">
                  <a:moveTo>
                    <a:pt x="2346960" y="696468"/>
                  </a:moveTo>
                  <a:lnTo>
                    <a:pt x="2019287" y="696468"/>
                  </a:lnTo>
                  <a:lnTo>
                    <a:pt x="2019287" y="705612"/>
                  </a:lnTo>
                  <a:lnTo>
                    <a:pt x="2346960" y="705612"/>
                  </a:lnTo>
                  <a:lnTo>
                    <a:pt x="2346960" y="696468"/>
                  </a:lnTo>
                  <a:close/>
                </a:path>
                <a:path w="8732520" h="939164">
                  <a:moveTo>
                    <a:pt x="2346960" y="464820"/>
                  </a:moveTo>
                  <a:lnTo>
                    <a:pt x="2019287" y="464820"/>
                  </a:lnTo>
                  <a:lnTo>
                    <a:pt x="2019287" y="473964"/>
                  </a:lnTo>
                  <a:lnTo>
                    <a:pt x="2346960" y="473964"/>
                  </a:lnTo>
                  <a:lnTo>
                    <a:pt x="2346960" y="464820"/>
                  </a:lnTo>
                  <a:close/>
                </a:path>
                <a:path w="8732520" h="939164">
                  <a:moveTo>
                    <a:pt x="2346960" y="231648"/>
                  </a:moveTo>
                  <a:lnTo>
                    <a:pt x="2019287" y="231648"/>
                  </a:lnTo>
                  <a:lnTo>
                    <a:pt x="2019287" y="240792"/>
                  </a:lnTo>
                  <a:lnTo>
                    <a:pt x="2346960" y="240792"/>
                  </a:lnTo>
                  <a:lnTo>
                    <a:pt x="2346960" y="231648"/>
                  </a:lnTo>
                  <a:close/>
                </a:path>
                <a:path w="8732520" h="939164">
                  <a:moveTo>
                    <a:pt x="2346960" y="0"/>
                  </a:moveTo>
                  <a:lnTo>
                    <a:pt x="2019287" y="0"/>
                  </a:lnTo>
                  <a:lnTo>
                    <a:pt x="2019287" y="9144"/>
                  </a:lnTo>
                  <a:lnTo>
                    <a:pt x="2346960" y="9144"/>
                  </a:lnTo>
                  <a:lnTo>
                    <a:pt x="2346960" y="0"/>
                  </a:lnTo>
                  <a:close/>
                </a:path>
                <a:path w="8732520" h="939164">
                  <a:moveTo>
                    <a:pt x="2892552" y="929640"/>
                  </a:moveTo>
                  <a:lnTo>
                    <a:pt x="2564892" y="929640"/>
                  </a:lnTo>
                  <a:lnTo>
                    <a:pt x="2564892" y="938784"/>
                  </a:lnTo>
                  <a:lnTo>
                    <a:pt x="2892552" y="938784"/>
                  </a:lnTo>
                  <a:lnTo>
                    <a:pt x="2892552" y="929640"/>
                  </a:lnTo>
                  <a:close/>
                </a:path>
                <a:path w="8732520" h="939164">
                  <a:moveTo>
                    <a:pt x="2892552" y="696468"/>
                  </a:moveTo>
                  <a:lnTo>
                    <a:pt x="2564892" y="696468"/>
                  </a:lnTo>
                  <a:lnTo>
                    <a:pt x="2564892" y="705612"/>
                  </a:lnTo>
                  <a:lnTo>
                    <a:pt x="2892552" y="705612"/>
                  </a:lnTo>
                  <a:lnTo>
                    <a:pt x="2892552" y="696468"/>
                  </a:lnTo>
                  <a:close/>
                </a:path>
                <a:path w="8732520" h="939164">
                  <a:moveTo>
                    <a:pt x="2892552" y="464820"/>
                  </a:moveTo>
                  <a:lnTo>
                    <a:pt x="2564892" y="464820"/>
                  </a:lnTo>
                  <a:lnTo>
                    <a:pt x="2564892" y="473964"/>
                  </a:lnTo>
                  <a:lnTo>
                    <a:pt x="2892552" y="473964"/>
                  </a:lnTo>
                  <a:lnTo>
                    <a:pt x="2892552" y="464820"/>
                  </a:lnTo>
                  <a:close/>
                </a:path>
                <a:path w="8732520" h="939164">
                  <a:moveTo>
                    <a:pt x="2892552" y="231648"/>
                  </a:moveTo>
                  <a:lnTo>
                    <a:pt x="2564892" y="231648"/>
                  </a:lnTo>
                  <a:lnTo>
                    <a:pt x="2564892" y="240792"/>
                  </a:lnTo>
                  <a:lnTo>
                    <a:pt x="2892552" y="240792"/>
                  </a:lnTo>
                  <a:lnTo>
                    <a:pt x="2892552" y="231648"/>
                  </a:lnTo>
                  <a:close/>
                </a:path>
                <a:path w="8732520" h="939164">
                  <a:moveTo>
                    <a:pt x="3438144" y="929640"/>
                  </a:moveTo>
                  <a:lnTo>
                    <a:pt x="3112008" y="929640"/>
                  </a:lnTo>
                  <a:lnTo>
                    <a:pt x="3112008" y="938784"/>
                  </a:lnTo>
                  <a:lnTo>
                    <a:pt x="3438144" y="938784"/>
                  </a:lnTo>
                  <a:lnTo>
                    <a:pt x="3438144" y="929640"/>
                  </a:lnTo>
                  <a:close/>
                </a:path>
                <a:path w="8732520" h="939164">
                  <a:moveTo>
                    <a:pt x="3438144" y="696468"/>
                  </a:moveTo>
                  <a:lnTo>
                    <a:pt x="3112008" y="696468"/>
                  </a:lnTo>
                  <a:lnTo>
                    <a:pt x="3112008" y="705612"/>
                  </a:lnTo>
                  <a:lnTo>
                    <a:pt x="3438144" y="705612"/>
                  </a:lnTo>
                  <a:lnTo>
                    <a:pt x="3438144" y="696468"/>
                  </a:lnTo>
                  <a:close/>
                </a:path>
                <a:path w="8732520" h="939164">
                  <a:moveTo>
                    <a:pt x="3438144" y="464820"/>
                  </a:moveTo>
                  <a:lnTo>
                    <a:pt x="3112008" y="464820"/>
                  </a:lnTo>
                  <a:lnTo>
                    <a:pt x="3112008" y="473964"/>
                  </a:lnTo>
                  <a:lnTo>
                    <a:pt x="3438144" y="473964"/>
                  </a:lnTo>
                  <a:lnTo>
                    <a:pt x="3438144" y="464820"/>
                  </a:lnTo>
                  <a:close/>
                </a:path>
                <a:path w="8732520" h="939164">
                  <a:moveTo>
                    <a:pt x="3438144" y="231648"/>
                  </a:moveTo>
                  <a:lnTo>
                    <a:pt x="3112008" y="231648"/>
                  </a:lnTo>
                  <a:lnTo>
                    <a:pt x="3112008" y="240792"/>
                  </a:lnTo>
                  <a:lnTo>
                    <a:pt x="3438144" y="240792"/>
                  </a:lnTo>
                  <a:lnTo>
                    <a:pt x="3438144" y="231648"/>
                  </a:lnTo>
                  <a:close/>
                </a:path>
                <a:path w="8732520" h="939164">
                  <a:moveTo>
                    <a:pt x="3438144" y="0"/>
                  </a:moveTo>
                  <a:lnTo>
                    <a:pt x="3112008" y="0"/>
                  </a:lnTo>
                  <a:lnTo>
                    <a:pt x="3112008" y="9144"/>
                  </a:lnTo>
                  <a:lnTo>
                    <a:pt x="3438144" y="9144"/>
                  </a:lnTo>
                  <a:lnTo>
                    <a:pt x="3438144" y="0"/>
                  </a:lnTo>
                  <a:close/>
                </a:path>
                <a:path w="8732520" h="939164">
                  <a:moveTo>
                    <a:pt x="3983736" y="929640"/>
                  </a:moveTo>
                  <a:lnTo>
                    <a:pt x="3657600" y="929640"/>
                  </a:lnTo>
                  <a:lnTo>
                    <a:pt x="3657600" y="938784"/>
                  </a:lnTo>
                  <a:lnTo>
                    <a:pt x="3983736" y="938784"/>
                  </a:lnTo>
                  <a:lnTo>
                    <a:pt x="3983736" y="929640"/>
                  </a:lnTo>
                  <a:close/>
                </a:path>
                <a:path w="8732520" h="939164">
                  <a:moveTo>
                    <a:pt x="3983736" y="696468"/>
                  </a:moveTo>
                  <a:lnTo>
                    <a:pt x="3657600" y="696468"/>
                  </a:lnTo>
                  <a:lnTo>
                    <a:pt x="3657600" y="705612"/>
                  </a:lnTo>
                  <a:lnTo>
                    <a:pt x="3983736" y="705612"/>
                  </a:lnTo>
                  <a:lnTo>
                    <a:pt x="3983736" y="696468"/>
                  </a:lnTo>
                  <a:close/>
                </a:path>
                <a:path w="8732520" h="939164">
                  <a:moveTo>
                    <a:pt x="3983736" y="464820"/>
                  </a:moveTo>
                  <a:lnTo>
                    <a:pt x="3657600" y="464820"/>
                  </a:lnTo>
                  <a:lnTo>
                    <a:pt x="3657600" y="473964"/>
                  </a:lnTo>
                  <a:lnTo>
                    <a:pt x="3983736" y="473964"/>
                  </a:lnTo>
                  <a:lnTo>
                    <a:pt x="3983736" y="464820"/>
                  </a:lnTo>
                  <a:close/>
                </a:path>
                <a:path w="8732520" h="939164">
                  <a:moveTo>
                    <a:pt x="3983736" y="231648"/>
                  </a:moveTo>
                  <a:lnTo>
                    <a:pt x="3657600" y="231648"/>
                  </a:lnTo>
                  <a:lnTo>
                    <a:pt x="3657600" y="240792"/>
                  </a:lnTo>
                  <a:lnTo>
                    <a:pt x="3983736" y="240792"/>
                  </a:lnTo>
                  <a:lnTo>
                    <a:pt x="3983736" y="231648"/>
                  </a:lnTo>
                  <a:close/>
                </a:path>
                <a:path w="8732520" h="939164">
                  <a:moveTo>
                    <a:pt x="3983736" y="0"/>
                  </a:moveTo>
                  <a:lnTo>
                    <a:pt x="3657600" y="0"/>
                  </a:lnTo>
                  <a:lnTo>
                    <a:pt x="3657600" y="9144"/>
                  </a:lnTo>
                  <a:lnTo>
                    <a:pt x="3983736" y="9144"/>
                  </a:lnTo>
                  <a:lnTo>
                    <a:pt x="3983736" y="0"/>
                  </a:lnTo>
                  <a:close/>
                </a:path>
                <a:path w="8732520" h="939164">
                  <a:moveTo>
                    <a:pt x="4530852" y="929640"/>
                  </a:moveTo>
                  <a:lnTo>
                    <a:pt x="4203192" y="929640"/>
                  </a:lnTo>
                  <a:lnTo>
                    <a:pt x="4203192" y="938784"/>
                  </a:lnTo>
                  <a:lnTo>
                    <a:pt x="4530852" y="938784"/>
                  </a:lnTo>
                  <a:lnTo>
                    <a:pt x="4530852" y="929640"/>
                  </a:lnTo>
                  <a:close/>
                </a:path>
                <a:path w="8732520" h="939164">
                  <a:moveTo>
                    <a:pt x="4530852" y="696468"/>
                  </a:moveTo>
                  <a:lnTo>
                    <a:pt x="4203192" y="696468"/>
                  </a:lnTo>
                  <a:lnTo>
                    <a:pt x="4203192" y="705612"/>
                  </a:lnTo>
                  <a:lnTo>
                    <a:pt x="4530852" y="705612"/>
                  </a:lnTo>
                  <a:lnTo>
                    <a:pt x="4530852" y="696468"/>
                  </a:lnTo>
                  <a:close/>
                </a:path>
                <a:path w="8732520" h="939164">
                  <a:moveTo>
                    <a:pt x="4530852" y="464820"/>
                  </a:moveTo>
                  <a:lnTo>
                    <a:pt x="4203192" y="464820"/>
                  </a:lnTo>
                  <a:lnTo>
                    <a:pt x="4203192" y="473964"/>
                  </a:lnTo>
                  <a:lnTo>
                    <a:pt x="4530852" y="473964"/>
                  </a:lnTo>
                  <a:lnTo>
                    <a:pt x="4530852" y="464820"/>
                  </a:lnTo>
                  <a:close/>
                </a:path>
                <a:path w="8732520" h="939164">
                  <a:moveTo>
                    <a:pt x="4530852" y="231648"/>
                  </a:moveTo>
                  <a:lnTo>
                    <a:pt x="4203192" y="231648"/>
                  </a:lnTo>
                  <a:lnTo>
                    <a:pt x="4203192" y="240792"/>
                  </a:lnTo>
                  <a:lnTo>
                    <a:pt x="4530852" y="240792"/>
                  </a:lnTo>
                  <a:lnTo>
                    <a:pt x="4530852" y="231648"/>
                  </a:lnTo>
                  <a:close/>
                </a:path>
                <a:path w="8732520" h="939164">
                  <a:moveTo>
                    <a:pt x="4530852" y="0"/>
                  </a:moveTo>
                  <a:lnTo>
                    <a:pt x="4203192" y="0"/>
                  </a:lnTo>
                  <a:lnTo>
                    <a:pt x="4203192" y="9144"/>
                  </a:lnTo>
                  <a:lnTo>
                    <a:pt x="4530852" y="9144"/>
                  </a:lnTo>
                  <a:lnTo>
                    <a:pt x="4530852" y="0"/>
                  </a:lnTo>
                  <a:close/>
                </a:path>
                <a:path w="8732520" h="939164">
                  <a:moveTo>
                    <a:pt x="5076444" y="929640"/>
                  </a:moveTo>
                  <a:lnTo>
                    <a:pt x="4748784" y="929640"/>
                  </a:lnTo>
                  <a:lnTo>
                    <a:pt x="4748784" y="938784"/>
                  </a:lnTo>
                  <a:lnTo>
                    <a:pt x="5076444" y="938784"/>
                  </a:lnTo>
                  <a:lnTo>
                    <a:pt x="5076444" y="929640"/>
                  </a:lnTo>
                  <a:close/>
                </a:path>
                <a:path w="8732520" h="939164">
                  <a:moveTo>
                    <a:pt x="5076444" y="696468"/>
                  </a:moveTo>
                  <a:lnTo>
                    <a:pt x="4748784" y="696468"/>
                  </a:lnTo>
                  <a:lnTo>
                    <a:pt x="4748784" y="705612"/>
                  </a:lnTo>
                  <a:lnTo>
                    <a:pt x="5076444" y="705612"/>
                  </a:lnTo>
                  <a:lnTo>
                    <a:pt x="5076444" y="696468"/>
                  </a:lnTo>
                  <a:close/>
                </a:path>
                <a:path w="8732520" h="939164">
                  <a:moveTo>
                    <a:pt x="5076444" y="464820"/>
                  </a:moveTo>
                  <a:lnTo>
                    <a:pt x="4748784" y="464820"/>
                  </a:lnTo>
                  <a:lnTo>
                    <a:pt x="4748784" y="473964"/>
                  </a:lnTo>
                  <a:lnTo>
                    <a:pt x="5076444" y="473964"/>
                  </a:lnTo>
                  <a:lnTo>
                    <a:pt x="5076444" y="464820"/>
                  </a:lnTo>
                  <a:close/>
                </a:path>
                <a:path w="8732520" h="939164">
                  <a:moveTo>
                    <a:pt x="5076444" y="231648"/>
                  </a:moveTo>
                  <a:lnTo>
                    <a:pt x="4748784" y="231648"/>
                  </a:lnTo>
                  <a:lnTo>
                    <a:pt x="4748784" y="240792"/>
                  </a:lnTo>
                  <a:lnTo>
                    <a:pt x="5076444" y="240792"/>
                  </a:lnTo>
                  <a:lnTo>
                    <a:pt x="5076444" y="231648"/>
                  </a:lnTo>
                  <a:close/>
                </a:path>
                <a:path w="8732520" h="939164">
                  <a:moveTo>
                    <a:pt x="5076444" y="0"/>
                  </a:moveTo>
                  <a:lnTo>
                    <a:pt x="4748784" y="0"/>
                  </a:lnTo>
                  <a:lnTo>
                    <a:pt x="4748784" y="9144"/>
                  </a:lnTo>
                  <a:lnTo>
                    <a:pt x="5076444" y="9144"/>
                  </a:lnTo>
                  <a:lnTo>
                    <a:pt x="5076444" y="0"/>
                  </a:lnTo>
                  <a:close/>
                </a:path>
                <a:path w="8732520" h="939164">
                  <a:moveTo>
                    <a:pt x="5622036" y="929640"/>
                  </a:moveTo>
                  <a:lnTo>
                    <a:pt x="5294376" y="929640"/>
                  </a:lnTo>
                  <a:lnTo>
                    <a:pt x="5294376" y="938784"/>
                  </a:lnTo>
                  <a:lnTo>
                    <a:pt x="5622036" y="938784"/>
                  </a:lnTo>
                  <a:lnTo>
                    <a:pt x="5622036" y="929640"/>
                  </a:lnTo>
                  <a:close/>
                </a:path>
                <a:path w="8732520" h="939164">
                  <a:moveTo>
                    <a:pt x="5622036" y="696468"/>
                  </a:moveTo>
                  <a:lnTo>
                    <a:pt x="5294376" y="696468"/>
                  </a:lnTo>
                  <a:lnTo>
                    <a:pt x="5294376" y="705612"/>
                  </a:lnTo>
                  <a:lnTo>
                    <a:pt x="5622036" y="705612"/>
                  </a:lnTo>
                  <a:lnTo>
                    <a:pt x="5622036" y="696468"/>
                  </a:lnTo>
                  <a:close/>
                </a:path>
                <a:path w="8732520" h="939164">
                  <a:moveTo>
                    <a:pt x="5622036" y="464820"/>
                  </a:moveTo>
                  <a:lnTo>
                    <a:pt x="5294376" y="464820"/>
                  </a:lnTo>
                  <a:lnTo>
                    <a:pt x="5294376" y="473964"/>
                  </a:lnTo>
                  <a:lnTo>
                    <a:pt x="5622036" y="473964"/>
                  </a:lnTo>
                  <a:lnTo>
                    <a:pt x="5622036" y="464820"/>
                  </a:lnTo>
                  <a:close/>
                </a:path>
                <a:path w="8732520" h="939164">
                  <a:moveTo>
                    <a:pt x="5622036" y="231648"/>
                  </a:moveTo>
                  <a:lnTo>
                    <a:pt x="5294376" y="231648"/>
                  </a:lnTo>
                  <a:lnTo>
                    <a:pt x="5294376" y="240792"/>
                  </a:lnTo>
                  <a:lnTo>
                    <a:pt x="5622036" y="240792"/>
                  </a:lnTo>
                  <a:lnTo>
                    <a:pt x="5622036" y="231648"/>
                  </a:lnTo>
                  <a:close/>
                </a:path>
                <a:path w="8732520" h="939164">
                  <a:moveTo>
                    <a:pt x="5622036" y="0"/>
                  </a:moveTo>
                  <a:lnTo>
                    <a:pt x="5294376" y="0"/>
                  </a:lnTo>
                  <a:lnTo>
                    <a:pt x="5294376" y="9144"/>
                  </a:lnTo>
                  <a:lnTo>
                    <a:pt x="5622036" y="9144"/>
                  </a:lnTo>
                  <a:lnTo>
                    <a:pt x="5622036" y="0"/>
                  </a:lnTo>
                  <a:close/>
                </a:path>
                <a:path w="8732520" h="939164">
                  <a:moveTo>
                    <a:pt x="6167628" y="929640"/>
                  </a:moveTo>
                  <a:lnTo>
                    <a:pt x="5839968" y="929640"/>
                  </a:lnTo>
                  <a:lnTo>
                    <a:pt x="5839968" y="938784"/>
                  </a:lnTo>
                  <a:lnTo>
                    <a:pt x="6167628" y="938784"/>
                  </a:lnTo>
                  <a:lnTo>
                    <a:pt x="6167628" y="929640"/>
                  </a:lnTo>
                  <a:close/>
                </a:path>
                <a:path w="8732520" h="939164">
                  <a:moveTo>
                    <a:pt x="6167628" y="696468"/>
                  </a:moveTo>
                  <a:lnTo>
                    <a:pt x="5839968" y="696468"/>
                  </a:lnTo>
                  <a:lnTo>
                    <a:pt x="5839968" y="705612"/>
                  </a:lnTo>
                  <a:lnTo>
                    <a:pt x="6167628" y="705612"/>
                  </a:lnTo>
                  <a:lnTo>
                    <a:pt x="6167628" y="696468"/>
                  </a:lnTo>
                  <a:close/>
                </a:path>
                <a:path w="8732520" h="939164">
                  <a:moveTo>
                    <a:pt x="6167628" y="0"/>
                  </a:moveTo>
                  <a:lnTo>
                    <a:pt x="5839968" y="0"/>
                  </a:lnTo>
                  <a:lnTo>
                    <a:pt x="5839968" y="9144"/>
                  </a:lnTo>
                  <a:lnTo>
                    <a:pt x="6167628" y="9144"/>
                  </a:lnTo>
                  <a:lnTo>
                    <a:pt x="6167628" y="0"/>
                  </a:lnTo>
                  <a:close/>
                </a:path>
                <a:path w="8732520" h="939164">
                  <a:moveTo>
                    <a:pt x="6713220" y="929640"/>
                  </a:moveTo>
                  <a:lnTo>
                    <a:pt x="6385560" y="929640"/>
                  </a:lnTo>
                  <a:lnTo>
                    <a:pt x="6385560" y="938784"/>
                  </a:lnTo>
                  <a:lnTo>
                    <a:pt x="6713220" y="938784"/>
                  </a:lnTo>
                  <a:lnTo>
                    <a:pt x="6713220" y="929640"/>
                  </a:lnTo>
                  <a:close/>
                </a:path>
                <a:path w="8732520" h="939164">
                  <a:moveTo>
                    <a:pt x="6713220" y="696468"/>
                  </a:moveTo>
                  <a:lnTo>
                    <a:pt x="6385560" y="696468"/>
                  </a:lnTo>
                  <a:lnTo>
                    <a:pt x="6385560" y="705612"/>
                  </a:lnTo>
                  <a:lnTo>
                    <a:pt x="6713220" y="705612"/>
                  </a:lnTo>
                  <a:lnTo>
                    <a:pt x="6713220" y="696468"/>
                  </a:lnTo>
                  <a:close/>
                </a:path>
                <a:path w="8732520" h="939164">
                  <a:moveTo>
                    <a:pt x="6713220" y="0"/>
                  </a:moveTo>
                  <a:lnTo>
                    <a:pt x="6385560" y="0"/>
                  </a:lnTo>
                  <a:lnTo>
                    <a:pt x="6385560" y="9144"/>
                  </a:lnTo>
                  <a:lnTo>
                    <a:pt x="6713220" y="9144"/>
                  </a:lnTo>
                  <a:lnTo>
                    <a:pt x="6713220" y="0"/>
                  </a:lnTo>
                  <a:close/>
                </a:path>
                <a:path w="8732520" h="939164">
                  <a:moveTo>
                    <a:pt x="7258812" y="929640"/>
                  </a:moveTo>
                  <a:lnTo>
                    <a:pt x="6931152" y="929640"/>
                  </a:lnTo>
                  <a:lnTo>
                    <a:pt x="6931152" y="938784"/>
                  </a:lnTo>
                  <a:lnTo>
                    <a:pt x="7258812" y="938784"/>
                  </a:lnTo>
                  <a:lnTo>
                    <a:pt x="7258812" y="929640"/>
                  </a:lnTo>
                  <a:close/>
                </a:path>
                <a:path w="8732520" h="939164">
                  <a:moveTo>
                    <a:pt x="7258812" y="696468"/>
                  </a:moveTo>
                  <a:lnTo>
                    <a:pt x="6931152" y="696468"/>
                  </a:lnTo>
                  <a:lnTo>
                    <a:pt x="6931152" y="705612"/>
                  </a:lnTo>
                  <a:lnTo>
                    <a:pt x="7258812" y="705612"/>
                  </a:lnTo>
                  <a:lnTo>
                    <a:pt x="7258812" y="696468"/>
                  </a:lnTo>
                  <a:close/>
                </a:path>
                <a:path w="8732520" h="939164">
                  <a:moveTo>
                    <a:pt x="7258812" y="0"/>
                  </a:moveTo>
                  <a:lnTo>
                    <a:pt x="6931152" y="0"/>
                  </a:lnTo>
                  <a:lnTo>
                    <a:pt x="6931152" y="9144"/>
                  </a:lnTo>
                  <a:lnTo>
                    <a:pt x="7258812" y="9144"/>
                  </a:lnTo>
                  <a:lnTo>
                    <a:pt x="7258812" y="0"/>
                  </a:lnTo>
                  <a:close/>
                </a:path>
                <a:path w="8732520" h="939164">
                  <a:moveTo>
                    <a:pt x="7804404" y="929640"/>
                  </a:moveTo>
                  <a:lnTo>
                    <a:pt x="7476744" y="929640"/>
                  </a:lnTo>
                  <a:lnTo>
                    <a:pt x="7476744" y="938784"/>
                  </a:lnTo>
                  <a:lnTo>
                    <a:pt x="7804404" y="938784"/>
                  </a:lnTo>
                  <a:lnTo>
                    <a:pt x="7804404" y="929640"/>
                  </a:lnTo>
                  <a:close/>
                </a:path>
                <a:path w="8732520" h="939164">
                  <a:moveTo>
                    <a:pt x="7804404" y="696468"/>
                  </a:moveTo>
                  <a:lnTo>
                    <a:pt x="7476744" y="696468"/>
                  </a:lnTo>
                  <a:lnTo>
                    <a:pt x="7476744" y="705612"/>
                  </a:lnTo>
                  <a:lnTo>
                    <a:pt x="7804404" y="705612"/>
                  </a:lnTo>
                  <a:lnTo>
                    <a:pt x="7804404" y="696468"/>
                  </a:lnTo>
                  <a:close/>
                </a:path>
                <a:path w="8732520" h="939164">
                  <a:moveTo>
                    <a:pt x="7804404" y="0"/>
                  </a:moveTo>
                  <a:lnTo>
                    <a:pt x="7476744" y="0"/>
                  </a:lnTo>
                  <a:lnTo>
                    <a:pt x="7476744" y="9144"/>
                  </a:lnTo>
                  <a:lnTo>
                    <a:pt x="7804404" y="9144"/>
                  </a:lnTo>
                  <a:lnTo>
                    <a:pt x="7804404" y="0"/>
                  </a:lnTo>
                  <a:close/>
                </a:path>
                <a:path w="8732520" h="939164">
                  <a:moveTo>
                    <a:pt x="8349996" y="929640"/>
                  </a:moveTo>
                  <a:lnTo>
                    <a:pt x="8023860" y="929640"/>
                  </a:lnTo>
                  <a:lnTo>
                    <a:pt x="8023860" y="938784"/>
                  </a:lnTo>
                  <a:lnTo>
                    <a:pt x="8349996" y="938784"/>
                  </a:lnTo>
                  <a:lnTo>
                    <a:pt x="8349996" y="929640"/>
                  </a:lnTo>
                  <a:close/>
                </a:path>
                <a:path w="8732520" h="939164">
                  <a:moveTo>
                    <a:pt x="8349996" y="696468"/>
                  </a:moveTo>
                  <a:lnTo>
                    <a:pt x="8023860" y="696468"/>
                  </a:lnTo>
                  <a:lnTo>
                    <a:pt x="8023860" y="705612"/>
                  </a:lnTo>
                  <a:lnTo>
                    <a:pt x="8349996" y="705612"/>
                  </a:lnTo>
                  <a:lnTo>
                    <a:pt x="8349996" y="696468"/>
                  </a:lnTo>
                  <a:close/>
                </a:path>
                <a:path w="8732520" h="939164">
                  <a:moveTo>
                    <a:pt x="8349996" y="0"/>
                  </a:moveTo>
                  <a:lnTo>
                    <a:pt x="8023860" y="0"/>
                  </a:lnTo>
                  <a:lnTo>
                    <a:pt x="8023860" y="9144"/>
                  </a:lnTo>
                  <a:lnTo>
                    <a:pt x="8349996" y="9144"/>
                  </a:lnTo>
                  <a:lnTo>
                    <a:pt x="8349996" y="0"/>
                  </a:lnTo>
                  <a:close/>
                </a:path>
                <a:path w="8732520" h="939164">
                  <a:moveTo>
                    <a:pt x="8732507" y="929640"/>
                  </a:moveTo>
                  <a:lnTo>
                    <a:pt x="8569452" y="929640"/>
                  </a:lnTo>
                  <a:lnTo>
                    <a:pt x="8569452" y="938784"/>
                  </a:lnTo>
                  <a:lnTo>
                    <a:pt x="8732507" y="938784"/>
                  </a:lnTo>
                  <a:lnTo>
                    <a:pt x="8732507" y="929640"/>
                  </a:lnTo>
                  <a:close/>
                </a:path>
                <a:path w="8732520" h="939164">
                  <a:moveTo>
                    <a:pt x="8732507" y="464820"/>
                  </a:moveTo>
                  <a:lnTo>
                    <a:pt x="8569452" y="464820"/>
                  </a:lnTo>
                  <a:lnTo>
                    <a:pt x="8569452" y="473964"/>
                  </a:lnTo>
                  <a:lnTo>
                    <a:pt x="8732507" y="473964"/>
                  </a:lnTo>
                  <a:lnTo>
                    <a:pt x="8732507" y="464820"/>
                  </a:lnTo>
                  <a:close/>
                </a:path>
                <a:path w="8732520" h="939164">
                  <a:moveTo>
                    <a:pt x="8732507" y="231648"/>
                  </a:moveTo>
                  <a:lnTo>
                    <a:pt x="8569452" y="231648"/>
                  </a:lnTo>
                  <a:lnTo>
                    <a:pt x="8569452" y="240792"/>
                  </a:lnTo>
                  <a:lnTo>
                    <a:pt x="8732507" y="240792"/>
                  </a:lnTo>
                  <a:lnTo>
                    <a:pt x="8732507" y="231648"/>
                  </a:lnTo>
                  <a:close/>
                </a:path>
                <a:path w="8732520" h="939164">
                  <a:moveTo>
                    <a:pt x="8732520" y="696468"/>
                  </a:moveTo>
                  <a:lnTo>
                    <a:pt x="8569452" y="696468"/>
                  </a:lnTo>
                  <a:lnTo>
                    <a:pt x="8569452" y="705612"/>
                  </a:lnTo>
                  <a:lnTo>
                    <a:pt x="8732520" y="705612"/>
                  </a:lnTo>
                  <a:lnTo>
                    <a:pt x="8732520" y="696468"/>
                  </a:lnTo>
                  <a:close/>
                </a:path>
              </a:pathLst>
            </a:custGeom>
            <a:solidFill>
              <a:srgbClr val="D8D8D8"/>
            </a:solidFill>
          </p:spPr>
          <p:txBody>
            <a:bodyPr wrap="square" lIns="0" tIns="0" rIns="0" bIns="0" rtlCol="0"/>
            <a:lstStyle/>
            <a:p>
              <a:endParaRPr sz="1539"/>
            </a:p>
          </p:txBody>
        </p:sp>
        <p:sp>
          <p:nvSpPr>
            <p:cNvPr id="94" name="object 94"/>
            <p:cNvSpPr/>
            <p:nvPr/>
          </p:nvSpPr>
          <p:spPr>
            <a:xfrm>
              <a:off x="1232916" y="2133599"/>
              <a:ext cx="8732520" cy="707390"/>
            </a:xfrm>
            <a:custGeom>
              <a:avLst/>
              <a:gdLst/>
              <a:ahLst/>
              <a:cxnLst/>
              <a:rect l="l" t="t" r="r" b="b"/>
              <a:pathLst>
                <a:path w="8732520" h="707389">
                  <a:moveTo>
                    <a:pt x="164592" y="464820"/>
                  </a:moveTo>
                  <a:lnTo>
                    <a:pt x="0" y="464820"/>
                  </a:lnTo>
                  <a:lnTo>
                    <a:pt x="0" y="473964"/>
                  </a:lnTo>
                  <a:lnTo>
                    <a:pt x="164592" y="473964"/>
                  </a:lnTo>
                  <a:lnTo>
                    <a:pt x="164592" y="464820"/>
                  </a:lnTo>
                  <a:close/>
                </a:path>
                <a:path w="8732520" h="707389">
                  <a:moveTo>
                    <a:pt x="164592" y="233172"/>
                  </a:moveTo>
                  <a:lnTo>
                    <a:pt x="0" y="233172"/>
                  </a:lnTo>
                  <a:lnTo>
                    <a:pt x="0" y="242316"/>
                  </a:lnTo>
                  <a:lnTo>
                    <a:pt x="164592" y="242316"/>
                  </a:lnTo>
                  <a:lnTo>
                    <a:pt x="164592" y="233172"/>
                  </a:lnTo>
                  <a:close/>
                </a:path>
                <a:path w="8732520" h="707389">
                  <a:moveTo>
                    <a:pt x="164592" y="0"/>
                  </a:moveTo>
                  <a:lnTo>
                    <a:pt x="0" y="0"/>
                  </a:lnTo>
                  <a:lnTo>
                    <a:pt x="0" y="9144"/>
                  </a:lnTo>
                  <a:lnTo>
                    <a:pt x="164592" y="9144"/>
                  </a:lnTo>
                  <a:lnTo>
                    <a:pt x="164592" y="0"/>
                  </a:lnTo>
                  <a:close/>
                </a:path>
                <a:path w="8732520" h="707389">
                  <a:moveTo>
                    <a:pt x="710184" y="464820"/>
                  </a:moveTo>
                  <a:lnTo>
                    <a:pt x="382524" y="464820"/>
                  </a:lnTo>
                  <a:lnTo>
                    <a:pt x="382524" y="473964"/>
                  </a:lnTo>
                  <a:lnTo>
                    <a:pt x="710184" y="473964"/>
                  </a:lnTo>
                  <a:lnTo>
                    <a:pt x="710184" y="464820"/>
                  </a:lnTo>
                  <a:close/>
                </a:path>
                <a:path w="8732520" h="707389">
                  <a:moveTo>
                    <a:pt x="710184" y="233172"/>
                  </a:moveTo>
                  <a:lnTo>
                    <a:pt x="382524" y="233172"/>
                  </a:lnTo>
                  <a:lnTo>
                    <a:pt x="382524" y="242316"/>
                  </a:lnTo>
                  <a:lnTo>
                    <a:pt x="710184" y="242316"/>
                  </a:lnTo>
                  <a:lnTo>
                    <a:pt x="710184" y="233172"/>
                  </a:lnTo>
                  <a:close/>
                </a:path>
                <a:path w="8732520" h="707389">
                  <a:moveTo>
                    <a:pt x="710184" y="0"/>
                  </a:moveTo>
                  <a:lnTo>
                    <a:pt x="382524" y="0"/>
                  </a:lnTo>
                  <a:lnTo>
                    <a:pt x="382524" y="9144"/>
                  </a:lnTo>
                  <a:lnTo>
                    <a:pt x="710184" y="9144"/>
                  </a:lnTo>
                  <a:lnTo>
                    <a:pt x="710184" y="0"/>
                  </a:lnTo>
                  <a:close/>
                </a:path>
                <a:path w="8732520" h="707389">
                  <a:moveTo>
                    <a:pt x="1255776" y="697992"/>
                  </a:moveTo>
                  <a:lnTo>
                    <a:pt x="928116" y="697992"/>
                  </a:lnTo>
                  <a:lnTo>
                    <a:pt x="928116" y="707136"/>
                  </a:lnTo>
                  <a:lnTo>
                    <a:pt x="1255776" y="707136"/>
                  </a:lnTo>
                  <a:lnTo>
                    <a:pt x="1255776" y="697992"/>
                  </a:lnTo>
                  <a:close/>
                </a:path>
                <a:path w="8732520" h="707389">
                  <a:moveTo>
                    <a:pt x="1255776" y="464820"/>
                  </a:moveTo>
                  <a:lnTo>
                    <a:pt x="928116" y="464820"/>
                  </a:lnTo>
                  <a:lnTo>
                    <a:pt x="928116" y="473964"/>
                  </a:lnTo>
                  <a:lnTo>
                    <a:pt x="1255776" y="473964"/>
                  </a:lnTo>
                  <a:lnTo>
                    <a:pt x="1255776" y="464820"/>
                  </a:lnTo>
                  <a:close/>
                </a:path>
                <a:path w="8732520" h="707389">
                  <a:moveTo>
                    <a:pt x="1255776" y="233172"/>
                  </a:moveTo>
                  <a:lnTo>
                    <a:pt x="928116" y="233172"/>
                  </a:lnTo>
                  <a:lnTo>
                    <a:pt x="928116" y="242316"/>
                  </a:lnTo>
                  <a:lnTo>
                    <a:pt x="1255776" y="242316"/>
                  </a:lnTo>
                  <a:lnTo>
                    <a:pt x="1255776" y="233172"/>
                  </a:lnTo>
                  <a:close/>
                </a:path>
                <a:path w="8732520" h="707389">
                  <a:moveTo>
                    <a:pt x="1255776" y="0"/>
                  </a:moveTo>
                  <a:lnTo>
                    <a:pt x="928116" y="0"/>
                  </a:lnTo>
                  <a:lnTo>
                    <a:pt x="928116" y="9144"/>
                  </a:lnTo>
                  <a:lnTo>
                    <a:pt x="1255776" y="9144"/>
                  </a:lnTo>
                  <a:lnTo>
                    <a:pt x="1255776" y="0"/>
                  </a:lnTo>
                  <a:close/>
                </a:path>
                <a:path w="8732520" h="707389">
                  <a:moveTo>
                    <a:pt x="1801368" y="464820"/>
                  </a:moveTo>
                  <a:lnTo>
                    <a:pt x="1473708" y="464820"/>
                  </a:lnTo>
                  <a:lnTo>
                    <a:pt x="1473708" y="473964"/>
                  </a:lnTo>
                  <a:lnTo>
                    <a:pt x="1801368" y="473964"/>
                  </a:lnTo>
                  <a:lnTo>
                    <a:pt x="1801368" y="464820"/>
                  </a:lnTo>
                  <a:close/>
                </a:path>
                <a:path w="8732520" h="707389">
                  <a:moveTo>
                    <a:pt x="1801368" y="233172"/>
                  </a:moveTo>
                  <a:lnTo>
                    <a:pt x="1473708" y="233172"/>
                  </a:lnTo>
                  <a:lnTo>
                    <a:pt x="1473708" y="242316"/>
                  </a:lnTo>
                  <a:lnTo>
                    <a:pt x="1801368" y="242316"/>
                  </a:lnTo>
                  <a:lnTo>
                    <a:pt x="1801368" y="233172"/>
                  </a:lnTo>
                  <a:close/>
                </a:path>
                <a:path w="8732520" h="707389">
                  <a:moveTo>
                    <a:pt x="2346960" y="464820"/>
                  </a:moveTo>
                  <a:lnTo>
                    <a:pt x="2019287" y="464820"/>
                  </a:lnTo>
                  <a:lnTo>
                    <a:pt x="2019287" y="473964"/>
                  </a:lnTo>
                  <a:lnTo>
                    <a:pt x="2346960" y="473964"/>
                  </a:lnTo>
                  <a:lnTo>
                    <a:pt x="2346960" y="464820"/>
                  </a:lnTo>
                  <a:close/>
                </a:path>
                <a:path w="8732520" h="707389">
                  <a:moveTo>
                    <a:pt x="2346960" y="233172"/>
                  </a:moveTo>
                  <a:lnTo>
                    <a:pt x="2019287" y="233172"/>
                  </a:lnTo>
                  <a:lnTo>
                    <a:pt x="2019287" y="242316"/>
                  </a:lnTo>
                  <a:lnTo>
                    <a:pt x="2346960" y="242316"/>
                  </a:lnTo>
                  <a:lnTo>
                    <a:pt x="2346960" y="233172"/>
                  </a:lnTo>
                  <a:close/>
                </a:path>
                <a:path w="8732520" h="707389">
                  <a:moveTo>
                    <a:pt x="2892552" y="697992"/>
                  </a:moveTo>
                  <a:lnTo>
                    <a:pt x="2564892" y="697992"/>
                  </a:lnTo>
                  <a:lnTo>
                    <a:pt x="2564892" y="707136"/>
                  </a:lnTo>
                  <a:lnTo>
                    <a:pt x="2892552" y="707136"/>
                  </a:lnTo>
                  <a:lnTo>
                    <a:pt x="2892552" y="697992"/>
                  </a:lnTo>
                  <a:close/>
                </a:path>
                <a:path w="8732520" h="707389">
                  <a:moveTo>
                    <a:pt x="2892552" y="464820"/>
                  </a:moveTo>
                  <a:lnTo>
                    <a:pt x="2564892" y="464820"/>
                  </a:lnTo>
                  <a:lnTo>
                    <a:pt x="2564892" y="473964"/>
                  </a:lnTo>
                  <a:lnTo>
                    <a:pt x="2892552" y="473964"/>
                  </a:lnTo>
                  <a:lnTo>
                    <a:pt x="2892552" y="464820"/>
                  </a:lnTo>
                  <a:close/>
                </a:path>
                <a:path w="8732520" h="707389">
                  <a:moveTo>
                    <a:pt x="2892552" y="233172"/>
                  </a:moveTo>
                  <a:lnTo>
                    <a:pt x="2564892" y="233172"/>
                  </a:lnTo>
                  <a:lnTo>
                    <a:pt x="2564892" y="242316"/>
                  </a:lnTo>
                  <a:lnTo>
                    <a:pt x="2892552" y="242316"/>
                  </a:lnTo>
                  <a:lnTo>
                    <a:pt x="2892552" y="233172"/>
                  </a:lnTo>
                  <a:close/>
                </a:path>
                <a:path w="8732520" h="707389">
                  <a:moveTo>
                    <a:pt x="3438144" y="464820"/>
                  </a:moveTo>
                  <a:lnTo>
                    <a:pt x="3112008" y="464820"/>
                  </a:lnTo>
                  <a:lnTo>
                    <a:pt x="3112008" y="473964"/>
                  </a:lnTo>
                  <a:lnTo>
                    <a:pt x="3438144" y="473964"/>
                  </a:lnTo>
                  <a:lnTo>
                    <a:pt x="3438144" y="464820"/>
                  </a:lnTo>
                  <a:close/>
                </a:path>
                <a:path w="8732520" h="707389">
                  <a:moveTo>
                    <a:pt x="3438144" y="233172"/>
                  </a:moveTo>
                  <a:lnTo>
                    <a:pt x="3112008" y="233172"/>
                  </a:lnTo>
                  <a:lnTo>
                    <a:pt x="3112008" y="242316"/>
                  </a:lnTo>
                  <a:lnTo>
                    <a:pt x="3438144" y="242316"/>
                  </a:lnTo>
                  <a:lnTo>
                    <a:pt x="3438144" y="233172"/>
                  </a:lnTo>
                  <a:close/>
                </a:path>
                <a:path w="8732520" h="707389">
                  <a:moveTo>
                    <a:pt x="3983736" y="464820"/>
                  </a:moveTo>
                  <a:lnTo>
                    <a:pt x="3657600" y="464820"/>
                  </a:lnTo>
                  <a:lnTo>
                    <a:pt x="3657600" y="473964"/>
                  </a:lnTo>
                  <a:lnTo>
                    <a:pt x="3983736" y="473964"/>
                  </a:lnTo>
                  <a:lnTo>
                    <a:pt x="3983736" y="464820"/>
                  </a:lnTo>
                  <a:close/>
                </a:path>
                <a:path w="8732520" h="707389">
                  <a:moveTo>
                    <a:pt x="3983736" y="233172"/>
                  </a:moveTo>
                  <a:lnTo>
                    <a:pt x="3657600" y="233172"/>
                  </a:lnTo>
                  <a:lnTo>
                    <a:pt x="3657600" y="242316"/>
                  </a:lnTo>
                  <a:lnTo>
                    <a:pt x="3983736" y="242316"/>
                  </a:lnTo>
                  <a:lnTo>
                    <a:pt x="3983736" y="233172"/>
                  </a:lnTo>
                  <a:close/>
                </a:path>
                <a:path w="8732520" h="707389">
                  <a:moveTo>
                    <a:pt x="4530852" y="464820"/>
                  </a:moveTo>
                  <a:lnTo>
                    <a:pt x="4203192" y="464820"/>
                  </a:lnTo>
                  <a:lnTo>
                    <a:pt x="4203192" y="473964"/>
                  </a:lnTo>
                  <a:lnTo>
                    <a:pt x="4530852" y="473964"/>
                  </a:lnTo>
                  <a:lnTo>
                    <a:pt x="4530852" y="464820"/>
                  </a:lnTo>
                  <a:close/>
                </a:path>
                <a:path w="8732520" h="707389">
                  <a:moveTo>
                    <a:pt x="4530852" y="233172"/>
                  </a:moveTo>
                  <a:lnTo>
                    <a:pt x="4203192" y="233172"/>
                  </a:lnTo>
                  <a:lnTo>
                    <a:pt x="4203192" y="242316"/>
                  </a:lnTo>
                  <a:lnTo>
                    <a:pt x="4530852" y="242316"/>
                  </a:lnTo>
                  <a:lnTo>
                    <a:pt x="4530852" y="233172"/>
                  </a:lnTo>
                  <a:close/>
                </a:path>
                <a:path w="8732520" h="707389">
                  <a:moveTo>
                    <a:pt x="5076444" y="464820"/>
                  </a:moveTo>
                  <a:lnTo>
                    <a:pt x="4748784" y="464820"/>
                  </a:lnTo>
                  <a:lnTo>
                    <a:pt x="4748784" y="473964"/>
                  </a:lnTo>
                  <a:lnTo>
                    <a:pt x="5076444" y="473964"/>
                  </a:lnTo>
                  <a:lnTo>
                    <a:pt x="5076444" y="464820"/>
                  </a:lnTo>
                  <a:close/>
                </a:path>
                <a:path w="8732520" h="707389">
                  <a:moveTo>
                    <a:pt x="5076444" y="233172"/>
                  </a:moveTo>
                  <a:lnTo>
                    <a:pt x="4748784" y="233172"/>
                  </a:lnTo>
                  <a:lnTo>
                    <a:pt x="4748784" y="242316"/>
                  </a:lnTo>
                  <a:lnTo>
                    <a:pt x="5076444" y="242316"/>
                  </a:lnTo>
                  <a:lnTo>
                    <a:pt x="5076444" y="233172"/>
                  </a:lnTo>
                  <a:close/>
                </a:path>
                <a:path w="8732520" h="707389">
                  <a:moveTo>
                    <a:pt x="5622036" y="464820"/>
                  </a:moveTo>
                  <a:lnTo>
                    <a:pt x="5294376" y="464820"/>
                  </a:lnTo>
                  <a:lnTo>
                    <a:pt x="5294376" y="473964"/>
                  </a:lnTo>
                  <a:lnTo>
                    <a:pt x="5622036" y="473964"/>
                  </a:lnTo>
                  <a:lnTo>
                    <a:pt x="5622036" y="464820"/>
                  </a:lnTo>
                  <a:close/>
                </a:path>
                <a:path w="8732520" h="707389">
                  <a:moveTo>
                    <a:pt x="6167628" y="464820"/>
                  </a:moveTo>
                  <a:lnTo>
                    <a:pt x="5839968" y="464820"/>
                  </a:lnTo>
                  <a:lnTo>
                    <a:pt x="5839968" y="473964"/>
                  </a:lnTo>
                  <a:lnTo>
                    <a:pt x="6167628" y="473964"/>
                  </a:lnTo>
                  <a:lnTo>
                    <a:pt x="6167628" y="464820"/>
                  </a:lnTo>
                  <a:close/>
                </a:path>
                <a:path w="8732520" h="707389">
                  <a:moveTo>
                    <a:pt x="6713220" y="464820"/>
                  </a:moveTo>
                  <a:lnTo>
                    <a:pt x="6385560" y="464820"/>
                  </a:lnTo>
                  <a:lnTo>
                    <a:pt x="6385560" y="473964"/>
                  </a:lnTo>
                  <a:lnTo>
                    <a:pt x="6713220" y="473964"/>
                  </a:lnTo>
                  <a:lnTo>
                    <a:pt x="6713220" y="464820"/>
                  </a:lnTo>
                  <a:close/>
                </a:path>
                <a:path w="8732520" h="707389">
                  <a:moveTo>
                    <a:pt x="7258812" y="464820"/>
                  </a:moveTo>
                  <a:lnTo>
                    <a:pt x="6931152" y="464820"/>
                  </a:lnTo>
                  <a:lnTo>
                    <a:pt x="6931152" y="473964"/>
                  </a:lnTo>
                  <a:lnTo>
                    <a:pt x="7258812" y="473964"/>
                  </a:lnTo>
                  <a:lnTo>
                    <a:pt x="7258812" y="464820"/>
                  </a:lnTo>
                  <a:close/>
                </a:path>
                <a:path w="8732520" h="707389">
                  <a:moveTo>
                    <a:pt x="7804404" y="464820"/>
                  </a:moveTo>
                  <a:lnTo>
                    <a:pt x="7476744" y="464820"/>
                  </a:lnTo>
                  <a:lnTo>
                    <a:pt x="7476744" y="473964"/>
                  </a:lnTo>
                  <a:lnTo>
                    <a:pt x="7804404" y="473964"/>
                  </a:lnTo>
                  <a:lnTo>
                    <a:pt x="7804404" y="464820"/>
                  </a:lnTo>
                  <a:close/>
                </a:path>
                <a:path w="8732520" h="707389">
                  <a:moveTo>
                    <a:pt x="7804404" y="233172"/>
                  </a:moveTo>
                  <a:lnTo>
                    <a:pt x="5294376" y="233172"/>
                  </a:lnTo>
                  <a:lnTo>
                    <a:pt x="5294376" y="242316"/>
                  </a:lnTo>
                  <a:lnTo>
                    <a:pt x="7804404" y="242316"/>
                  </a:lnTo>
                  <a:lnTo>
                    <a:pt x="7804404" y="233172"/>
                  </a:lnTo>
                  <a:close/>
                </a:path>
                <a:path w="8732520" h="707389">
                  <a:moveTo>
                    <a:pt x="8349996" y="697992"/>
                  </a:moveTo>
                  <a:lnTo>
                    <a:pt x="8023860" y="697992"/>
                  </a:lnTo>
                  <a:lnTo>
                    <a:pt x="8023860" y="707136"/>
                  </a:lnTo>
                  <a:lnTo>
                    <a:pt x="8349996" y="707136"/>
                  </a:lnTo>
                  <a:lnTo>
                    <a:pt x="8349996" y="697992"/>
                  </a:lnTo>
                  <a:close/>
                </a:path>
                <a:path w="8732520" h="707389">
                  <a:moveTo>
                    <a:pt x="8349996" y="464820"/>
                  </a:moveTo>
                  <a:lnTo>
                    <a:pt x="8023860" y="464820"/>
                  </a:lnTo>
                  <a:lnTo>
                    <a:pt x="8023860" y="473964"/>
                  </a:lnTo>
                  <a:lnTo>
                    <a:pt x="8349996" y="473964"/>
                  </a:lnTo>
                  <a:lnTo>
                    <a:pt x="8349996" y="464820"/>
                  </a:lnTo>
                  <a:close/>
                </a:path>
                <a:path w="8732520" h="707389">
                  <a:moveTo>
                    <a:pt x="8349996" y="233172"/>
                  </a:moveTo>
                  <a:lnTo>
                    <a:pt x="8023860" y="233172"/>
                  </a:lnTo>
                  <a:lnTo>
                    <a:pt x="8023860" y="242316"/>
                  </a:lnTo>
                  <a:lnTo>
                    <a:pt x="8349996" y="242316"/>
                  </a:lnTo>
                  <a:lnTo>
                    <a:pt x="8349996" y="233172"/>
                  </a:lnTo>
                  <a:close/>
                </a:path>
                <a:path w="8732520" h="707389">
                  <a:moveTo>
                    <a:pt x="8732507" y="697992"/>
                  </a:moveTo>
                  <a:lnTo>
                    <a:pt x="8569452" y="697992"/>
                  </a:lnTo>
                  <a:lnTo>
                    <a:pt x="8569452" y="707136"/>
                  </a:lnTo>
                  <a:lnTo>
                    <a:pt x="8732507" y="707136"/>
                  </a:lnTo>
                  <a:lnTo>
                    <a:pt x="8732507" y="697992"/>
                  </a:lnTo>
                  <a:close/>
                </a:path>
                <a:path w="8732520" h="707389">
                  <a:moveTo>
                    <a:pt x="8732507" y="464820"/>
                  </a:moveTo>
                  <a:lnTo>
                    <a:pt x="8569452" y="464820"/>
                  </a:lnTo>
                  <a:lnTo>
                    <a:pt x="8569452" y="473964"/>
                  </a:lnTo>
                  <a:lnTo>
                    <a:pt x="8732507" y="473964"/>
                  </a:lnTo>
                  <a:lnTo>
                    <a:pt x="8732507" y="464820"/>
                  </a:lnTo>
                  <a:close/>
                </a:path>
                <a:path w="8732520" h="707389">
                  <a:moveTo>
                    <a:pt x="8732507" y="233172"/>
                  </a:moveTo>
                  <a:lnTo>
                    <a:pt x="8569452" y="233172"/>
                  </a:lnTo>
                  <a:lnTo>
                    <a:pt x="8569452" y="242316"/>
                  </a:lnTo>
                  <a:lnTo>
                    <a:pt x="8732507" y="242316"/>
                  </a:lnTo>
                  <a:lnTo>
                    <a:pt x="8732507" y="233172"/>
                  </a:lnTo>
                  <a:close/>
                </a:path>
                <a:path w="8732520" h="707389">
                  <a:moveTo>
                    <a:pt x="8732520" y="0"/>
                  </a:moveTo>
                  <a:lnTo>
                    <a:pt x="1473708" y="0"/>
                  </a:lnTo>
                  <a:lnTo>
                    <a:pt x="1473708" y="9144"/>
                  </a:lnTo>
                  <a:lnTo>
                    <a:pt x="8732520" y="9144"/>
                  </a:lnTo>
                  <a:lnTo>
                    <a:pt x="8732520" y="0"/>
                  </a:lnTo>
                  <a:close/>
                </a:path>
              </a:pathLst>
            </a:custGeom>
            <a:solidFill>
              <a:srgbClr val="D8D8D8"/>
            </a:solidFill>
          </p:spPr>
          <p:txBody>
            <a:bodyPr wrap="square" lIns="0" tIns="0" rIns="0" bIns="0" rtlCol="0"/>
            <a:lstStyle/>
            <a:p>
              <a:endParaRPr sz="1539"/>
            </a:p>
          </p:txBody>
        </p:sp>
        <p:sp>
          <p:nvSpPr>
            <p:cNvPr id="95" name="object 95"/>
            <p:cNvSpPr/>
            <p:nvPr/>
          </p:nvSpPr>
          <p:spPr>
            <a:xfrm>
              <a:off x="1397508" y="3502151"/>
              <a:ext cx="8404860" cy="495300"/>
            </a:xfrm>
            <a:custGeom>
              <a:avLst/>
              <a:gdLst/>
              <a:ahLst/>
              <a:cxnLst/>
              <a:rect l="l" t="t" r="r" b="b"/>
              <a:pathLst>
                <a:path w="8404860" h="495300">
                  <a:moveTo>
                    <a:pt x="217932" y="94488"/>
                  </a:moveTo>
                  <a:lnTo>
                    <a:pt x="0" y="94488"/>
                  </a:lnTo>
                  <a:lnTo>
                    <a:pt x="0" y="495300"/>
                  </a:lnTo>
                  <a:lnTo>
                    <a:pt x="217932" y="495300"/>
                  </a:lnTo>
                  <a:lnTo>
                    <a:pt x="217932" y="94488"/>
                  </a:lnTo>
                  <a:close/>
                </a:path>
                <a:path w="8404860" h="495300">
                  <a:moveTo>
                    <a:pt x="763524" y="68580"/>
                  </a:moveTo>
                  <a:lnTo>
                    <a:pt x="545592" y="68580"/>
                  </a:lnTo>
                  <a:lnTo>
                    <a:pt x="545592" y="495300"/>
                  </a:lnTo>
                  <a:lnTo>
                    <a:pt x="763524" y="495300"/>
                  </a:lnTo>
                  <a:lnTo>
                    <a:pt x="763524" y="68580"/>
                  </a:lnTo>
                  <a:close/>
                </a:path>
                <a:path w="8404860" h="495300">
                  <a:moveTo>
                    <a:pt x="1309116" y="59436"/>
                  </a:moveTo>
                  <a:lnTo>
                    <a:pt x="1091184" y="59436"/>
                  </a:lnTo>
                  <a:lnTo>
                    <a:pt x="1091184" y="495300"/>
                  </a:lnTo>
                  <a:lnTo>
                    <a:pt x="1309116" y="495300"/>
                  </a:lnTo>
                  <a:lnTo>
                    <a:pt x="1309116" y="59436"/>
                  </a:lnTo>
                  <a:close/>
                </a:path>
                <a:path w="8404860" h="495300">
                  <a:moveTo>
                    <a:pt x="1854695" y="65532"/>
                  </a:moveTo>
                  <a:lnTo>
                    <a:pt x="1636776" y="65532"/>
                  </a:lnTo>
                  <a:lnTo>
                    <a:pt x="1636776" y="495300"/>
                  </a:lnTo>
                  <a:lnTo>
                    <a:pt x="1854695" y="495300"/>
                  </a:lnTo>
                  <a:lnTo>
                    <a:pt x="1854695" y="65532"/>
                  </a:lnTo>
                  <a:close/>
                </a:path>
                <a:path w="8404860" h="495300">
                  <a:moveTo>
                    <a:pt x="2400300" y="67056"/>
                  </a:moveTo>
                  <a:lnTo>
                    <a:pt x="2182368" y="67056"/>
                  </a:lnTo>
                  <a:lnTo>
                    <a:pt x="2182368" y="495300"/>
                  </a:lnTo>
                  <a:lnTo>
                    <a:pt x="2400300" y="495300"/>
                  </a:lnTo>
                  <a:lnTo>
                    <a:pt x="2400300" y="67056"/>
                  </a:lnTo>
                  <a:close/>
                </a:path>
                <a:path w="8404860" h="495300">
                  <a:moveTo>
                    <a:pt x="2947416" y="65532"/>
                  </a:moveTo>
                  <a:lnTo>
                    <a:pt x="2727960" y="65532"/>
                  </a:lnTo>
                  <a:lnTo>
                    <a:pt x="2727960" y="495300"/>
                  </a:lnTo>
                  <a:lnTo>
                    <a:pt x="2947416" y="495300"/>
                  </a:lnTo>
                  <a:lnTo>
                    <a:pt x="2947416" y="65532"/>
                  </a:lnTo>
                  <a:close/>
                </a:path>
                <a:path w="8404860" h="495300">
                  <a:moveTo>
                    <a:pt x="3493008" y="57912"/>
                  </a:moveTo>
                  <a:lnTo>
                    <a:pt x="3273552" y="57912"/>
                  </a:lnTo>
                  <a:lnTo>
                    <a:pt x="3273552" y="495300"/>
                  </a:lnTo>
                  <a:lnTo>
                    <a:pt x="3493008" y="495300"/>
                  </a:lnTo>
                  <a:lnTo>
                    <a:pt x="3493008" y="57912"/>
                  </a:lnTo>
                  <a:close/>
                </a:path>
                <a:path w="8404860" h="495300">
                  <a:moveTo>
                    <a:pt x="4038600" y="39624"/>
                  </a:moveTo>
                  <a:lnTo>
                    <a:pt x="3819144" y="39624"/>
                  </a:lnTo>
                  <a:lnTo>
                    <a:pt x="3819144" y="495300"/>
                  </a:lnTo>
                  <a:lnTo>
                    <a:pt x="4038600" y="495300"/>
                  </a:lnTo>
                  <a:lnTo>
                    <a:pt x="4038600" y="39624"/>
                  </a:lnTo>
                  <a:close/>
                </a:path>
                <a:path w="8404860" h="495300">
                  <a:moveTo>
                    <a:pt x="4584192" y="41148"/>
                  </a:moveTo>
                  <a:lnTo>
                    <a:pt x="4366260" y="41148"/>
                  </a:lnTo>
                  <a:lnTo>
                    <a:pt x="4366260" y="495300"/>
                  </a:lnTo>
                  <a:lnTo>
                    <a:pt x="4584192" y="495300"/>
                  </a:lnTo>
                  <a:lnTo>
                    <a:pt x="4584192" y="41148"/>
                  </a:lnTo>
                  <a:close/>
                </a:path>
                <a:path w="8404860" h="495300">
                  <a:moveTo>
                    <a:pt x="5129784" y="35052"/>
                  </a:moveTo>
                  <a:lnTo>
                    <a:pt x="4911852" y="35052"/>
                  </a:lnTo>
                  <a:lnTo>
                    <a:pt x="4911852" y="495300"/>
                  </a:lnTo>
                  <a:lnTo>
                    <a:pt x="5129784" y="495300"/>
                  </a:lnTo>
                  <a:lnTo>
                    <a:pt x="5129784" y="35052"/>
                  </a:lnTo>
                  <a:close/>
                </a:path>
                <a:path w="8404860" h="495300">
                  <a:moveTo>
                    <a:pt x="5675376" y="82296"/>
                  </a:moveTo>
                  <a:lnTo>
                    <a:pt x="5457444" y="82296"/>
                  </a:lnTo>
                  <a:lnTo>
                    <a:pt x="5457444" y="495300"/>
                  </a:lnTo>
                  <a:lnTo>
                    <a:pt x="5675376" y="495300"/>
                  </a:lnTo>
                  <a:lnTo>
                    <a:pt x="5675376" y="82296"/>
                  </a:lnTo>
                  <a:close/>
                </a:path>
                <a:path w="8404860" h="495300">
                  <a:moveTo>
                    <a:pt x="6220968" y="86868"/>
                  </a:moveTo>
                  <a:lnTo>
                    <a:pt x="6003036" y="86868"/>
                  </a:lnTo>
                  <a:lnTo>
                    <a:pt x="6003036" y="495300"/>
                  </a:lnTo>
                  <a:lnTo>
                    <a:pt x="6220968" y="495300"/>
                  </a:lnTo>
                  <a:lnTo>
                    <a:pt x="6220968" y="86868"/>
                  </a:lnTo>
                  <a:close/>
                </a:path>
                <a:path w="8404860" h="495300">
                  <a:moveTo>
                    <a:pt x="6766560" y="24384"/>
                  </a:moveTo>
                  <a:lnTo>
                    <a:pt x="6548628" y="24384"/>
                  </a:lnTo>
                  <a:lnTo>
                    <a:pt x="6548628" y="495300"/>
                  </a:lnTo>
                  <a:lnTo>
                    <a:pt x="6766560" y="495300"/>
                  </a:lnTo>
                  <a:lnTo>
                    <a:pt x="6766560" y="24384"/>
                  </a:lnTo>
                  <a:close/>
                </a:path>
                <a:path w="8404860" h="495300">
                  <a:moveTo>
                    <a:pt x="7312152" y="16764"/>
                  </a:moveTo>
                  <a:lnTo>
                    <a:pt x="7094220" y="16764"/>
                  </a:lnTo>
                  <a:lnTo>
                    <a:pt x="7094220" y="495300"/>
                  </a:lnTo>
                  <a:lnTo>
                    <a:pt x="7312152" y="495300"/>
                  </a:lnTo>
                  <a:lnTo>
                    <a:pt x="7312152" y="16764"/>
                  </a:lnTo>
                  <a:close/>
                </a:path>
                <a:path w="8404860" h="495300">
                  <a:moveTo>
                    <a:pt x="7859268" y="6096"/>
                  </a:moveTo>
                  <a:lnTo>
                    <a:pt x="7639812" y="6096"/>
                  </a:lnTo>
                  <a:lnTo>
                    <a:pt x="7639812" y="495300"/>
                  </a:lnTo>
                  <a:lnTo>
                    <a:pt x="7859268" y="495300"/>
                  </a:lnTo>
                  <a:lnTo>
                    <a:pt x="7859268" y="6096"/>
                  </a:lnTo>
                  <a:close/>
                </a:path>
                <a:path w="8404860" h="495300">
                  <a:moveTo>
                    <a:pt x="8404860" y="0"/>
                  </a:moveTo>
                  <a:lnTo>
                    <a:pt x="8185404" y="0"/>
                  </a:lnTo>
                  <a:lnTo>
                    <a:pt x="8185404" y="495300"/>
                  </a:lnTo>
                  <a:lnTo>
                    <a:pt x="8404860" y="495300"/>
                  </a:lnTo>
                  <a:lnTo>
                    <a:pt x="8404860" y="0"/>
                  </a:lnTo>
                  <a:close/>
                </a:path>
              </a:pathLst>
            </a:custGeom>
            <a:solidFill>
              <a:srgbClr val="99FF66"/>
            </a:solidFill>
          </p:spPr>
          <p:txBody>
            <a:bodyPr wrap="square" lIns="0" tIns="0" rIns="0" bIns="0" rtlCol="0"/>
            <a:lstStyle/>
            <a:p>
              <a:endParaRPr sz="1539"/>
            </a:p>
          </p:txBody>
        </p:sp>
        <p:sp>
          <p:nvSpPr>
            <p:cNvPr id="96" name="object 96"/>
            <p:cNvSpPr/>
            <p:nvPr/>
          </p:nvSpPr>
          <p:spPr>
            <a:xfrm>
              <a:off x="1397508" y="2016251"/>
              <a:ext cx="8404860" cy="1580515"/>
            </a:xfrm>
            <a:custGeom>
              <a:avLst/>
              <a:gdLst/>
              <a:ahLst/>
              <a:cxnLst/>
              <a:rect l="l" t="t" r="r" b="b"/>
              <a:pathLst>
                <a:path w="8404860" h="1580514">
                  <a:moveTo>
                    <a:pt x="217932" y="1030224"/>
                  </a:moveTo>
                  <a:lnTo>
                    <a:pt x="0" y="1030224"/>
                  </a:lnTo>
                  <a:lnTo>
                    <a:pt x="0" y="1580388"/>
                  </a:lnTo>
                  <a:lnTo>
                    <a:pt x="217932" y="1580388"/>
                  </a:lnTo>
                  <a:lnTo>
                    <a:pt x="217932" y="1030224"/>
                  </a:lnTo>
                  <a:close/>
                </a:path>
                <a:path w="8404860" h="1580514">
                  <a:moveTo>
                    <a:pt x="217932" y="19812"/>
                  </a:moveTo>
                  <a:lnTo>
                    <a:pt x="0" y="19812"/>
                  </a:lnTo>
                  <a:lnTo>
                    <a:pt x="0" y="790956"/>
                  </a:lnTo>
                  <a:lnTo>
                    <a:pt x="217932" y="790956"/>
                  </a:lnTo>
                  <a:lnTo>
                    <a:pt x="217932" y="19812"/>
                  </a:lnTo>
                  <a:close/>
                </a:path>
                <a:path w="8404860" h="1580514">
                  <a:moveTo>
                    <a:pt x="763524" y="0"/>
                  </a:moveTo>
                  <a:lnTo>
                    <a:pt x="545592" y="0"/>
                  </a:lnTo>
                  <a:lnTo>
                    <a:pt x="545592" y="1554480"/>
                  </a:lnTo>
                  <a:lnTo>
                    <a:pt x="763524" y="1554480"/>
                  </a:lnTo>
                  <a:lnTo>
                    <a:pt x="763524" y="0"/>
                  </a:lnTo>
                  <a:close/>
                </a:path>
                <a:path w="8404860" h="1580514">
                  <a:moveTo>
                    <a:pt x="1309116" y="89916"/>
                  </a:moveTo>
                  <a:lnTo>
                    <a:pt x="1091184" y="89916"/>
                  </a:lnTo>
                  <a:lnTo>
                    <a:pt x="1091184" y="1545336"/>
                  </a:lnTo>
                  <a:lnTo>
                    <a:pt x="1309116" y="1545336"/>
                  </a:lnTo>
                  <a:lnTo>
                    <a:pt x="1309116" y="89916"/>
                  </a:lnTo>
                  <a:close/>
                </a:path>
                <a:path w="8404860" h="1580514">
                  <a:moveTo>
                    <a:pt x="1854695" y="178308"/>
                  </a:moveTo>
                  <a:lnTo>
                    <a:pt x="1636776" y="178308"/>
                  </a:lnTo>
                  <a:lnTo>
                    <a:pt x="1636776" y="1551432"/>
                  </a:lnTo>
                  <a:lnTo>
                    <a:pt x="1854695" y="1551432"/>
                  </a:lnTo>
                  <a:lnTo>
                    <a:pt x="1854695" y="178308"/>
                  </a:lnTo>
                  <a:close/>
                </a:path>
                <a:path w="8404860" h="1580514">
                  <a:moveTo>
                    <a:pt x="2400300" y="256032"/>
                  </a:moveTo>
                  <a:lnTo>
                    <a:pt x="2182368" y="256032"/>
                  </a:lnTo>
                  <a:lnTo>
                    <a:pt x="2182368" y="1552956"/>
                  </a:lnTo>
                  <a:lnTo>
                    <a:pt x="2400300" y="1552956"/>
                  </a:lnTo>
                  <a:lnTo>
                    <a:pt x="2400300" y="256032"/>
                  </a:lnTo>
                  <a:close/>
                </a:path>
                <a:path w="8404860" h="1580514">
                  <a:moveTo>
                    <a:pt x="2947416" y="213360"/>
                  </a:moveTo>
                  <a:lnTo>
                    <a:pt x="2727960" y="213360"/>
                  </a:lnTo>
                  <a:lnTo>
                    <a:pt x="2727960" y="1551432"/>
                  </a:lnTo>
                  <a:lnTo>
                    <a:pt x="2947416" y="1551432"/>
                  </a:lnTo>
                  <a:lnTo>
                    <a:pt x="2947416" y="213360"/>
                  </a:lnTo>
                  <a:close/>
                </a:path>
                <a:path w="8404860" h="1580514">
                  <a:moveTo>
                    <a:pt x="3493008" y="236220"/>
                  </a:moveTo>
                  <a:lnTo>
                    <a:pt x="3273552" y="236220"/>
                  </a:lnTo>
                  <a:lnTo>
                    <a:pt x="3273552" y="1543812"/>
                  </a:lnTo>
                  <a:lnTo>
                    <a:pt x="3493008" y="1543812"/>
                  </a:lnTo>
                  <a:lnTo>
                    <a:pt x="3493008" y="236220"/>
                  </a:lnTo>
                  <a:close/>
                </a:path>
                <a:path w="8404860" h="1580514">
                  <a:moveTo>
                    <a:pt x="4038600" y="175260"/>
                  </a:moveTo>
                  <a:lnTo>
                    <a:pt x="3819144" y="175260"/>
                  </a:lnTo>
                  <a:lnTo>
                    <a:pt x="3819144" y="1525524"/>
                  </a:lnTo>
                  <a:lnTo>
                    <a:pt x="4038600" y="1525524"/>
                  </a:lnTo>
                  <a:lnTo>
                    <a:pt x="4038600" y="175260"/>
                  </a:lnTo>
                  <a:close/>
                </a:path>
                <a:path w="8404860" h="1580514">
                  <a:moveTo>
                    <a:pt x="4584192" y="196596"/>
                  </a:moveTo>
                  <a:lnTo>
                    <a:pt x="4366260" y="196596"/>
                  </a:lnTo>
                  <a:lnTo>
                    <a:pt x="4366260" y="1527048"/>
                  </a:lnTo>
                  <a:lnTo>
                    <a:pt x="4584192" y="1527048"/>
                  </a:lnTo>
                  <a:lnTo>
                    <a:pt x="4584192" y="196596"/>
                  </a:lnTo>
                  <a:close/>
                </a:path>
                <a:path w="8404860" h="1580514">
                  <a:moveTo>
                    <a:pt x="5129784" y="198120"/>
                  </a:moveTo>
                  <a:lnTo>
                    <a:pt x="4911852" y="198120"/>
                  </a:lnTo>
                  <a:lnTo>
                    <a:pt x="4911852" y="1520952"/>
                  </a:lnTo>
                  <a:lnTo>
                    <a:pt x="5129784" y="1520952"/>
                  </a:lnTo>
                  <a:lnTo>
                    <a:pt x="5129784" y="198120"/>
                  </a:lnTo>
                  <a:close/>
                </a:path>
                <a:path w="8404860" h="1580514">
                  <a:moveTo>
                    <a:pt x="5675376" y="519684"/>
                  </a:moveTo>
                  <a:lnTo>
                    <a:pt x="5457444" y="519684"/>
                  </a:lnTo>
                  <a:lnTo>
                    <a:pt x="5457444" y="1568196"/>
                  </a:lnTo>
                  <a:lnTo>
                    <a:pt x="5675376" y="1568196"/>
                  </a:lnTo>
                  <a:lnTo>
                    <a:pt x="5675376" y="519684"/>
                  </a:lnTo>
                  <a:close/>
                </a:path>
                <a:path w="8404860" h="1580514">
                  <a:moveTo>
                    <a:pt x="6220968" y="1403604"/>
                  </a:moveTo>
                  <a:lnTo>
                    <a:pt x="6003036" y="1403604"/>
                  </a:lnTo>
                  <a:lnTo>
                    <a:pt x="6003036" y="1572768"/>
                  </a:lnTo>
                  <a:lnTo>
                    <a:pt x="6220968" y="1572768"/>
                  </a:lnTo>
                  <a:lnTo>
                    <a:pt x="6220968" y="1403604"/>
                  </a:lnTo>
                  <a:close/>
                </a:path>
                <a:path w="8404860" h="1580514">
                  <a:moveTo>
                    <a:pt x="6220968" y="431292"/>
                  </a:moveTo>
                  <a:lnTo>
                    <a:pt x="6003036" y="431292"/>
                  </a:lnTo>
                  <a:lnTo>
                    <a:pt x="6003036" y="989088"/>
                  </a:lnTo>
                  <a:lnTo>
                    <a:pt x="6220968" y="989088"/>
                  </a:lnTo>
                  <a:lnTo>
                    <a:pt x="6220968" y="431292"/>
                  </a:lnTo>
                  <a:close/>
                </a:path>
                <a:path w="8404860" h="1580514">
                  <a:moveTo>
                    <a:pt x="6766560" y="1403604"/>
                  </a:moveTo>
                  <a:lnTo>
                    <a:pt x="6548628" y="1403604"/>
                  </a:lnTo>
                  <a:lnTo>
                    <a:pt x="6548628" y="1510284"/>
                  </a:lnTo>
                  <a:lnTo>
                    <a:pt x="6766560" y="1510284"/>
                  </a:lnTo>
                  <a:lnTo>
                    <a:pt x="6766560" y="1403604"/>
                  </a:lnTo>
                  <a:close/>
                </a:path>
                <a:path w="8404860" h="1580514">
                  <a:moveTo>
                    <a:pt x="6766560" y="429768"/>
                  </a:moveTo>
                  <a:lnTo>
                    <a:pt x="6548628" y="429768"/>
                  </a:lnTo>
                  <a:lnTo>
                    <a:pt x="6548628" y="989088"/>
                  </a:lnTo>
                  <a:lnTo>
                    <a:pt x="6766560" y="989088"/>
                  </a:lnTo>
                  <a:lnTo>
                    <a:pt x="6766560" y="429768"/>
                  </a:lnTo>
                  <a:close/>
                </a:path>
                <a:path w="8404860" h="1580514">
                  <a:moveTo>
                    <a:pt x="7312152" y="1403604"/>
                  </a:moveTo>
                  <a:lnTo>
                    <a:pt x="7094220" y="1403604"/>
                  </a:lnTo>
                  <a:lnTo>
                    <a:pt x="7094220" y="1502664"/>
                  </a:lnTo>
                  <a:lnTo>
                    <a:pt x="7312152" y="1502664"/>
                  </a:lnTo>
                  <a:lnTo>
                    <a:pt x="7312152" y="1403604"/>
                  </a:lnTo>
                  <a:close/>
                </a:path>
                <a:path w="8404860" h="1580514">
                  <a:moveTo>
                    <a:pt x="7312152" y="411480"/>
                  </a:moveTo>
                  <a:lnTo>
                    <a:pt x="7094220" y="411480"/>
                  </a:lnTo>
                  <a:lnTo>
                    <a:pt x="7094220" y="989088"/>
                  </a:lnTo>
                  <a:lnTo>
                    <a:pt x="7312152" y="989088"/>
                  </a:lnTo>
                  <a:lnTo>
                    <a:pt x="7312152" y="411480"/>
                  </a:lnTo>
                  <a:close/>
                </a:path>
                <a:path w="8404860" h="1580514">
                  <a:moveTo>
                    <a:pt x="7859268" y="1403604"/>
                  </a:moveTo>
                  <a:lnTo>
                    <a:pt x="7639812" y="1403604"/>
                  </a:lnTo>
                  <a:lnTo>
                    <a:pt x="7639812" y="1491996"/>
                  </a:lnTo>
                  <a:lnTo>
                    <a:pt x="7859268" y="1491996"/>
                  </a:lnTo>
                  <a:lnTo>
                    <a:pt x="7859268" y="1403604"/>
                  </a:lnTo>
                  <a:close/>
                </a:path>
                <a:path w="8404860" h="1580514">
                  <a:moveTo>
                    <a:pt x="7859268" y="233172"/>
                  </a:moveTo>
                  <a:lnTo>
                    <a:pt x="7639812" y="233172"/>
                  </a:lnTo>
                  <a:lnTo>
                    <a:pt x="7639812" y="989088"/>
                  </a:lnTo>
                  <a:lnTo>
                    <a:pt x="7859268" y="989088"/>
                  </a:lnTo>
                  <a:lnTo>
                    <a:pt x="7859268" y="233172"/>
                  </a:lnTo>
                  <a:close/>
                </a:path>
                <a:path w="8404860" h="1580514">
                  <a:moveTo>
                    <a:pt x="8404860" y="179832"/>
                  </a:moveTo>
                  <a:lnTo>
                    <a:pt x="8185404" y="179832"/>
                  </a:lnTo>
                  <a:lnTo>
                    <a:pt x="8185404" y="1485900"/>
                  </a:lnTo>
                  <a:lnTo>
                    <a:pt x="8404860" y="1485900"/>
                  </a:lnTo>
                  <a:lnTo>
                    <a:pt x="8404860" y="179832"/>
                  </a:lnTo>
                  <a:close/>
                </a:path>
              </a:pathLst>
            </a:custGeom>
            <a:solidFill>
              <a:srgbClr val="FF99CC"/>
            </a:solidFill>
          </p:spPr>
          <p:txBody>
            <a:bodyPr wrap="square" lIns="0" tIns="0" rIns="0" bIns="0" rtlCol="0"/>
            <a:lstStyle/>
            <a:p>
              <a:endParaRPr sz="1539"/>
            </a:p>
          </p:txBody>
        </p:sp>
        <p:sp>
          <p:nvSpPr>
            <p:cNvPr id="97" name="object 97"/>
            <p:cNvSpPr/>
            <p:nvPr/>
          </p:nvSpPr>
          <p:spPr>
            <a:xfrm>
              <a:off x="1232916" y="3992879"/>
              <a:ext cx="8732520" cy="9525"/>
            </a:xfrm>
            <a:custGeom>
              <a:avLst/>
              <a:gdLst/>
              <a:ahLst/>
              <a:cxnLst/>
              <a:rect l="l" t="t" r="r" b="b"/>
              <a:pathLst>
                <a:path w="8732520" h="9525">
                  <a:moveTo>
                    <a:pt x="8732519" y="0"/>
                  </a:moveTo>
                  <a:lnTo>
                    <a:pt x="0" y="0"/>
                  </a:lnTo>
                  <a:lnTo>
                    <a:pt x="0" y="9143"/>
                  </a:lnTo>
                  <a:lnTo>
                    <a:pt x="8732519" y="9143"/>
                  </a:lnTo>
                  <a:lnTo>
                    <a:pt x="8732519" y="0"/>
                  </a:lnTo>
                  <a:close/>
                </a:path>
              </a:pathLst>
            </a:custGeom>
            <a:solidFill>
              <a:srgbClr val="4F80BC"/>
            </a:solidFill>
          </p:spPr>
          <p:txBody>
            <a:bodyPr wrap="square" lIns="0" tIns="0" rIns="0" bIns="0" rtlCol="0"/>
            <a:lstStyle/>
            <a:p>
              <a:endParaRPr sz="1539"/>
            </a:p>
          </p:txBody>
        </p:sp>
        <p:pic>
          <p:nvPicPr>
            <p:cNvPr id="98" name="object 98"/>
            <p:cNvPicPr/>
            <p:nvPr/>
          </p:nvPicPr>
          <p:blipFill>
            <a:blip r:embed="rId7" cstate="print"/>
            <a:stretch>
              <a:fillRect/>
            </a:stretch>
          </p:blipFill>
          <p:spPr>
            <a:xfrm>
              <a:off x="1207008" y="2135123"/>
              <a:ext cx="8827008" cy="915924"/>
            </a:xfrm>
            <a:prstGeom prst="rect">
              <a:avLst/>
            </a:prstGeom>
          </p:spPr>
        </p:pic>
      </p:grpSp>
      <p:sp>
        <p:nvSpPr>
          <p:cNvPr id="99" name="object 99"/>
          <p:cNvSpPr/>
          <p:nvPr/>
        </p:nvSpPr>
        <p:spPr>
          <a:xfrm>
            <a:off x="1054275" y="1821849"/>
            <a:ext cx="7467238" cy="8145"/>
          </a:xfrm>
          <a:custGeom>
            <a:avLst/>
            <a:gdLst/>
            <a:ahLst/>
            <a:cxnLst/>
            <a:rect l="l" t="t" r="r" b="b"/>
            <a:pathLst>
              <a:path w="8732520" h="9525">
                <a:moveTo>
                  <a:pt x="8732519" y="0"/>
                </a:moveTo>
                <a:lnTo>
                  <a:pt x="0" y="0"/>
                </a:lnTo>
                <a:lnTo>
                  <a:pt x="0" y="9144"/>
                </a:lnTo>
                <a:lnTo>
                  <a:pt x="8732519" y="9144"/>
                </a:lnTo>
                <a:lnTo>
                  <a:pt x="8732519" y="0"/>
                </a:lnTo>
                <a:close/>
              </a:path>
            </a:pathLst>
          </a:custGeom>
          <a:solidFill>
            <a:srgbClr val="D8D8D8"/>
          </a:solidFill>
        </p:spPr>
        <p:txBody>
          <a:bodyPr wrap="square" lIns="0" tIns="0" rIns="0" bIns="0" rtlCol="0"/>
          <a:lstStyle/>
          <a:p>
            <a:endParaRPr sz="1539"/>
          </a:p>
        </p:txBody>
      </p:sp>
      <p:sp>
        <p:nvSpPr>
          <p:cNvPr id="100" name="object 100"/>
          <p:cNvSpPr txBox="1"/>
          <p:nvPr/>
        </p:nvSpPr>
        <p:spPr>
          <a:xfrm>
            <a:off x="1126819" y="1769289"/>
            <a:ext cx="314936" cy="158491"/>
          </a:xfrm>
          <a:prstGeom prst="rect">
            <a:avLst/>
          </a:prstGeom>
        </p:spPr>
        <p:txBody>
          <a:bodyPr vert="horz" wrap="square" lIns="0" tIns="13575" rIns="0" bIns="0" rtlCol="0">
            <a:spAutoFit/>
          </a:bodyPr>
          <a:lstStyle/>
          <a:p>
            <a:pPr marL="10860">
              <a:spcBef>
                <a:spcPts val="107"/>
              </a:spcBef>
            </a:pPr>
            <a:r>
              <a:rPr sz="941" b="1" spc="-17" dirty="0">
                <a:latin typeface="メイリオ"/>
                <a:cs typeface="メイリオ"/>
              </a:rPr>
              <a:t>42.2</a:t>
            </a:r>
            <a:endParaRPr sz="941">
              <a:latin typeface="メイリオ"/>
              <a:cs typeface="メイリオ"/>
            </a:endParaRPr>
          </a:p>
        </p:txBody>
      </p:sp>
      <p:sp>
        <p:nvSpPr>
          <p:cNvPr id="101" name="object 101"/>
          <p:cNvSpPr txBox="1"/>
          <p:nvPr/>
        </p:nvSpPr>
        <p:spPr>
          <a:xfrm>
            <a:off x="1610299" y="1745831"/>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42.6</a:t>
            </a:r>
            <a:endParaRPr sz="941">
              <a:latin typeface="メイリオ"/>
              <a:cs typeface="メイリオ"/>
            </a:endParaRPr>
          </a:p>
        </p:txBody>
      </p:sp>
      <p:sp>
        <p:nvSpPr>
          <p:cNvPr id="102" name="object 102"/>
          <p:cNvSpPr txBox="1"/>
          <p:nvPr/>
        </p:nvSpPr>
        <p:spPr>
          <a:xfrm>
            <a:off x="2084658" y="1838356"/>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40.7</a:t>
            </a:r>
            <a:endParaRPr sz="941">
              <a:latin typeface="メイリオ"/>
              <a:cs typeface="メイリオ"/>
            </a:endParaRPr>
          </a:p>
        </p:txBody>
      </p:sp>
      <p:sp>
        <p:nvSpPr>
          <p:cNvPr id="103" name="object 103"/>
          <p:cNvSpPr txBox="1"/>
          <p:nvPr/>
        </p:nvSpPr>
        <p:spPr>
          <a:xfrm>
            <a:off x="2551197" y="1898303"/>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8.8</a:t>
            </a:r>
            <a:endParaRPr sz="941">
              <a:latin typeface="メイリオ"/>
              <a:cs typeface="メイリオ"/>
            </a:endParaRPr>
          </a:p>
        </p:txBody>
      </p:sp>
      <p:sp>
        <p:nvSpPr>
          <p:cNvPr id="104" name="object 104"/>
          <p:cNvSpPr txBox="1"/>
          <p:nvPr/>
        </p:nvSpPr>
        <p:spPr>
          <a:xfrm>
            <a:off x="3017737" y="1963462"/>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7.1</a:t>
            </a:r>
            <a:endParaRPr sz="941">
              <a:latin typeface="メイリオ"/>
              <a:cs typeface="メイリオ"/>
            </a:endParaRPr>
          </a:p>
        </p:txBody>
      </p:sp>
      <p:sp>
        <p:nvSpPr>
          <p:cNvPr id="105" name="object 105"/>
          <p:cNvSpPr txBox="1"/>
          <p:nvPr/>
        </p:nvSpPr>
        <p:spPr>
          <a:xfrm>
            <a:off x="3484276" y="1940006"/>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8.0</a:t>
            </a:r>
            <a:endParaRPr sz="941">
              <a:latin typeface="メイリオ"/>
              <a:cs typeface="メイリオ"/>
            </a:endParaRPr>
          </a:p>
        </p:txBody>
      </p:sp>
      <p:sp>
        <p:nvSpPr>
          <p:cNvPr id="106" name="object 106"/>
          <p:cNvSpPr txBox="1"/>
          <p:nvPr/>
        </p:nvSpPr>
        <p:spPr>
          <a:xfrm>
            <a:off x="3950815" y="1971281"/>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7.5</a:t>
            </a:r>
            <a:endParaRPr sz="941">
              <a:latin typeface="メイリオ"/>
              <a:cs typeface="メイリオ"/>
            </a:endParaRPr>
          </a:p>
        </p:txBody>
      </p:sp>
      <p:sp>
        <p:nvSpPr>
          <p:cNvPr id="107" name="object 107"/>
          <p:cNvSpPr txBox="1"/>
          <p:nvPr/>
        </p:nvSpPr>
        <p:spPr>
          <a:xfrm>
            <a:off x="4417356" y="1906122"/>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8.9</a:t>
            </a:r>
            <a:endParaRPr sz="941">
              <a:latin typeface="メイリオ"/>
              <a:cs typeface="メイリオ"/>
            </a:endParaRPr>
          </a:p>
        </p:txBody>
      </p:sp>
      <p:sp>
        <p:nvSpPr>
          <p:cNvPr id="108" name="object 108"/>
          <p:cNvSpPr txBox="1"/>
          <p:nvPr/>
        </p:nvSpPr>
        <p:spPr>
          <a:xfrm>
            <a:off x="4883895" y="1937398"/>
            <a:ext cx="747158" cy="158491"/>
          </a:xfrm>
          <a:prstGeom prst="rect">
            <a:avLst/>
          </a:prstGeom>
        </p:spPr>
        <p:txBody>
          <a:bodyPr vert="horz" wrap="square" lIns="0" tIns="13575" rIns="0" bIns="0" rtlCol="0">
            <a:spAutoFit/>
          </a:bodyPr>
          <a:lstStyle/>
          <a:p>
            <a:pPr marL="10860">
              <a:spcBef>
                <a:spcPts val="107"/>
              </a:spcBef>
              <a:tabLst>
                <a:tab pos="465341" algn="l"/>
              </a:tabLst>
            </a:pPr>
            <a:r>
              <a:rPr sz="941" spc="-17" dirty="0">
                <a:latin typeface="メイリオ"/>
                <a:cs typeface="メイリオ"/>
              </a:rPr>
              <a:t>38.4</a:t>
            </a:r>
            <a:r>
              <a:rPr sz="941" dirty="0">
                <a:latin typeface="メイリオ"/>
                <a:cs typeface="メイリオ"/>
              </a:rPr>
              <a:t>	</a:t>
            </a:r>
            <a:r>
              <a:rPr sz="941" spc="-17" dirty="0">
                <a:latin typeface="メイリオ"/>
                <a:cs typeface="メイリオ"/>
              </a:rPr>
              <a:t>38.4</a:t>
            </a:r>
            <a:endParaRPr sz="941">
              <a:latin typeface="メイリオ"/>
              <a:cs typeface="メイリオ"/>
            </a:endParaRPr>
          </a:p>
        </p:txBody>
      </p:sp>
      <p:sp>
        <p:nvSpPr>
          <p:cNvPr id="109" name="object 109"/>
          <p:cNvSpPr txBox="1"/>
          <p:nvPr/>
        </p:nvSpPr>
        <p:spPr>
          <a:xfrm>
            <a:off x="5806548" y="2212371"/>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1.5</a:t>
            </a:r>
            <a:endParaRPr sz="941">
              <a:latin typeface="メイリオ"/>
              <a:cs typeface="メイリオ"/>
            </a:endParaRPr>
          </a:p>
        </p:txBody>
      </p:sp>
      <p:sp>
        <p:nvSpPr>
          <p:cNvPr id="110" name="object 110"/>
          <p:cNvSpPr txBox="1"/>
          <p:nvPr/>
        </p:nvSpPr>
        <p:spPr>
          <a:xfrm>
            <a:off x="6273088" y="2078143"/>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3.4</a:t>
            </a:r>
            <a:endParaRPr sz="941">
              <a:latin typeface="メイリオ"/>
              <a:cs typeface="メイリオ"/>
            </a:endParaRPr>
          </a:p>
        </p:txBody>
      </p:sp>
      <p:sp>
        <p:nvSpPr>
          <p:cNvPr id="111" name="object 111"/>
          <p:cNvSpPr txBox="1"/>
          <p:nvPr/>
        </p:nvSpPr>
        <p:spPr>
          <a:xfrm>
            <a:off x="6739627" y="2147212"/>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3.4</a:t>
            </a:r>
            <a:endParaRPr sz="941">
              <a:latin typeface="メイリオ"/>
              <a:cs typeface="メイリオ"/>
            </a:endParaRPr>
          </a:p>
        </p:txBody>
      </p:sp>
      <p:sp>
        <p:nvSpPr>
          <p:cNvPr id="112" name="object 112"/>
          <p:cNvSpPr txBox="1"/>
          <p:nvPr/>
        </p:nvSpPr>
        <p:spPr>
          <a:xfrm>
            <a:off x="7206166" y="2132876"/>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3.8</a:t>
            </a:r>
            <a:endParaRPr sz="941">
              <a:latin typeface="メイリオ"/>
              <a:cs typeface="メイリオ"/>
            </a:endParaRPr>
          </a:p>
        </p:txBody>
      </p:sp>
      <p:sp>
        <p:nvSpPr>
          <p:cNvPr id="113" name="object 113"/>
          <p:cNvSpPr txBox="1"/>
          <p:nvPr/>
        </p:nvSpPr>
        <p:spPr>
          <a:xfrm>
            <a:off x="7672707" y="1943915"/>
            <a:ext cx="292130" cy="158491"/>
          </a:xfrm>
          <a:prstGeom prst="rect">
            <a:avLst/>
          </a:prstGeom>
        </p:spPr>
        <p:txBody>
          <a:bodyPr vert="horz" wrap="square" lIns="0" tIns="13575" rIns="0" bIns="0" rtlCol="0">
            <a:spAutoFit/>
          </a:bodyPr>
          <a:lstStyle/>
          <a:p>
            <a:pPr marL="10860">
              <a:spcBef>
                <a:spcPts val="107"/>
              </a:spcBef>
            </a:pPr>
            <a:r>
              <a:rPr sz="941" spc="-17" dirty="0">
                <a:latin typeface="メイリオ"/>
                <a:cs typeface="メイリオ"/>
              </a:rPr>
              <a:t>37.6</a:t>
            </a:r>
            <a:endParaRPr sz="941">
              <a:latin typeface="メイリオ"/>
              <a:cs typeface="メイリオ"/>
            </a:endParaRPr>
          </a:p>
        </p:txBody>
      </p:sp>
      <p:sp>
        <p:nvSpPr>
          <p:cNvPr id="114" name="object 114"/>
          <p:cNvSpPr txBox="1"/>
          <p:nvPr/>
        </p:nvSpPr>
        <p:spPr>
          <a:xfrm>
            <a:off x="8127517" y="1911335"/>
            <a:ext cx="314936" cy="158491"/>
          </a:xfrm>
          <a:prstGeom prst="rect">
            <a:avLst/>
          </a:prstGeom>
        </p:spPr>
        <p:txBody>
          <a:bodyPr vert="horz" wrap="square" lIns="0" tIns="13575" rIns="0" bIns="0" rtlCol="0">
            <a:spAutoFit/>
          </a:bodyPr>
          <a:lstStyle/>
          <a:p>
            <a:pPr marL="10860">
              <a:spcBef>
                <a:spcPts val="107"/>
              </a:spcBef>
            </a:pPr>
            <a:r>
              <a:rPr sz="941" b="1" spc="-17" dirty="0">
                <a:latin typeface="メイリオ"/>
                <a:cs typeface="メイリオ"/>
              </a:rPr>
              <a:t>38.7</a:t>
            </a:r>
            <a:endParaRPr sz="941">
              <a:latin typeface="メイリオ"/>
              <a:cs typeface="メイリオ"/>
            </a:endParaRPr>
          </a:p>
        </p:txBody>
      </p:sp>
      <p:sp>
        <p:nvSpPr>
          <p:cNvPr id="115" name="object 115"/>
          <p:cNvSpPr txBox="1"/>
          <p:nvPr/>
        </p:nvSpPr>
        <p:spPr>
          <a:xfrm>
            <a:off x="1061660" y="2602022"/>
            <a:ext cx="455028" cy="158491"/>
          </a:xfrm>
          <a:prstGeom prst="rect">
            <a:avLst/>
          </a:prstGeom>
        </p:spPr>
        <p:txBody>
          <a:bodyPr vert="horz" wrap="square" lIns="0" tIns="13575" rIns="0" bIns="0" rtlCol="0">
            <a:spAutoFit/>
          </a:bodyPr>
          <a:lstStyle/>
          <a:p>
            <a:pPr marL="10860">
              <a:spcBef>
                <a:spcPts val="107"/>
              </a:spcBef>
            </a:pPr>
            <a:r>
              <a:rPr sz="941" b="1" spc="-9" dirty="0">
                <a:solidFill>
                  <a:srgbClr val="001F60"/>
                </a:solidFill>
                <a:latin typeface="メイリオ"/>
                <a:cs typeface="メイリオ"/>
              </a:rPr>
              <a:t>20.5%</a:t>
            </a:r>
            <a:endParaRPr sz="941">
              <a:latin typeface="メイリオ"/>
              <a:cs typeface="メイリオ"/>
            </a:endParaRPr>
          </a:p>
        </p:txBody>
      </p:sp>
      <p:sp>
        <p:nvSpPr>
          <p:cNvPr id="116" name="object 116"/>
          <p:cNvSpPr txBox="1"/>
          <p:nvPr/>
        </p:nvSpPr>
        <p:spPr>
          <a:xfrm>
            <a:off x="8097544" y="2259285"/>
            <a:ext cx="455028" cy="158491"/>
          </a:xfrm>
          <a:prstGeom prst="rect">
            <a:avLst/>
          </a:prstGeom>
        </p:spPr>
        <p:txBody>
          <a:bodyPr vert="horz" wrap="square" lIns="0" tIns="13575" rIns="0" bIns="0" rtlCol="0">
            <a:spAutoFit/>
          </a:bodyPr>
          <a:lstStyle/>
          <a:p>
            <a:pPr marL="10860">
              <a:spcBef>
                <a:spcPts val="107"/>
              </a:spcBef>
            </a:pPr>
            <a:r>
              <a:rPr sz="941" b="1" spc="-9" dirty="0">
                <a:solidFill>
                  <a:srgbClr val="001F60"/>
                </a:solidFill>
                <a:latin typeface="メイリオ"/>
                <a:cs typeface="メイリオ"/>
              </a:rPr>
              <a:t>27.5%</a:t>
            </a:r>
            <a:endParaRPr sz="941">
              <a:latin typeface="メイリオ"/>
              <a:cs typeface="メイリオ"/>
            </a:endParaRPr>
          </a:p>
        </p:txBody>
      </p:sp>
      <p:sp>
        <p:nvSpPr>
          <p:cNvPr id="117" name="object 117"/>
          <p:cNvSpPr txBox="1"/>
          <p:nvPr/>
        </p:nvSpPr>
        <p:spPr>
          <a:xfrm>
            <a:off x="8626635" y="3515554"/>
            <a:ext cx="266067" cy="158491"/>
          </a:xfrm>
          <a:prstGeom prst="rect">
            <a:avLst/>
          </a:prstGeom>
        </p:spPr>
        <p:txBody>
          <a:bodyPr vert="horz" wrap="square" lIns="0" tIns="13575" rIns="0" bIns="0" rtlCol="0">
            <a:spAutoFit/>
          </a:bodyPr>
          <a:lstStyle/>
          <a:p>
            <a:pPr marL="10860">
              <a:spcBef>
                <a:spcPts val="107"/>
              </a:spcBef>
            </a:pPr>
            <a:r>
              <a:rPr sz="941" spc="-17" dirty="0">
                <a:latin typeface="Calibri"/>
                <a:cs typeface="Calibri"/>
              </a:rPr>
              <a:t>0.0%</a:t>
            </a:r>
            <a:endParaRPr sz="941">
              <a:latin typeface="Calibri"/>
              <a:cs typeface="Calibri"/>
            </a:endParaRPr>
          </a:p>
        </p:txBody>
      </p:sp>
      <p:sp>
        <p:nvSpPr>
          <p:cNvPr id="118" name="object 118"/>
          <p:cNvSpPr txBox="1"/>
          <p:nvPr/>
        </p:nvSpPr>
        <p:spPr>
          <a:xfrm>
            <a:off x="8626635" y="3260130"/>
            <a:ext cx="266067" cy="158491"/>
          </a:xfrm>
          <a:prstGeom prst="rect">
            <a:avLst/>
          </a:prstGeom>
        </p:spPr>
        <p:txBody>
          <a:bodyPr vert="horz" wrap="square" lIns="0" tIns="13575" rIns="0" bIns="0" rtlCol="0">
            <a:spAutoFit/>
          </a:bodyPr>
          <a:lstStyle/>
          <a:p>
            <a:pPr marL="10860">
              <a:spcBef>
                <a:spcPts val="107"/>
              </a:spcBef>
            </a:pPr>
            <a:r>
              <a:rPr sz="941" spc="-17" dirty="0">
                <a:latin typeface="Calibri"/>
                <a:cs typeface="Calibri"/>
              </a:rPr>
              <a:t>5.0%</a:t>
            </a:r>
            <a:endParaRPr sz="941">
              <a:latin typeface="Calibri"/>
              <a:cs typeface="Calibri"/>
            </a:endParaRPr>
          </a:p>
        </p:txBody>
      </p:sp>
      <p:sp>
        <p:nvSpPr>
          <p:cNvPr id="119" name="object 119"/>
          <p:cNvSpPr txBox="1"/>
          <p:nvPr/>
        </p:nvSpPr>
        <p:spPr>
          <a:xfrm>
            <a:off x="8626636" y="3004705"/>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10.0%</a:t>
            </a:r>
            <a:endParaRPr sz="941">
              <a:latin typeface="Calibri"/>
              <a:cs typeface="Calibri"/>
            </a:endParaRPr>
          </a:p>
        </p:txBody>
      </p:sp>
      <p:sp>
        <p:nvSpPr>
          <p:cNvPr id="120" name="object 120"/>
          <p:cNvSpPr txBox="1"/>
          <p:nvPr/>
        </p:nvSpPr>
        <p:spPr>
          <a:xfrm>
            <a:off x="8626636" y="2749282"/>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15.0%</a:t>
            </a:r>
            <a:endParaRPr sz="941">
              <a:latin typeface="Calibri"/>
              <a:cs typeface="Calibri"/>
            </a:endParaRPr>
          </a:p>
        </p:txBody>
      </p:sp>
      <p:sp>
        <p:nvSpPr>
          <p:cNvPr id="121" name="object 121"/>
          <p:cNvSpPr txBox="1"/>
          <p:nvPr/>
        </p:nvSpPr>
        <p:spPr>
          <a:xfrm>
            <a:off x="8626636" y="2493858"/>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20.0%</a:t>
            </a:r>
            <a:endParaRPr sz="941">
              <a:latin typeface="Calibri"/>
              <a:cs typeface="Calibri"/>
            </a:endParaRPr>
          </a:p>
        </p:txBody>
      </p:sp>
      <p:sp>
        <p:nvSpPr>
          <p:cNvPr id="122" name="object 122"/>
          <p:cNvSpPr txBox="1"/>
          <p:nvPr/>
        </p:nvSpPr>
        <p:spPr>
          <a:xfrm>
            <a:off x="8626636" y="2238434"/>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25.0%</a:t>
            </a:r>
            <a:endParaRPr sz="941">
              <a:latin typeface="Calibri"/>
              <a:cs typeface="Calibri"/>
            </a:endParaRPr>
          </a:p>
        </p:txBody>
      </p:sp>
      <p:sp>
        <p:nvSpPr>
          <p:cNvPr id="123" name="object 123"/>
          <p:cNvSpPr txBox="1"/>
          <p:nvPr/>
        </p:nvSpPr>
        <p:spPr>
          <a:xfrm>
            <a:off x="8626636" y="1983011"/>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30.0%</a:t>
            </a:r>
            <a:endParaRPr sz="941">
              <a:latin typeface="Calibri"/>
              <a:cs typeface="Calibri"/>
            </a:endParaRPr>
          </a:p>
        </p:txBody>
      </p:sp>
      <p:sp>
        <p:nvSpPr>
          <p:cNvPr id="124" name="object 124"/>
          <p:cNvSpPr txBox="1"/>
          <p:nvPr/>
        </p:nvSpPr>
        <p:spPr>
          <a:xfrm>
            <a:off x="8626636" y="1727587"/>
            <a:ext cx="327425" cy="158491"/>
          </a:xfrm>
          <a:prstGeom prst="rect">
            <a:avLst/>
          </a:prstGeom>
        </p:spPr>
        <p:txBody>
          <a:bodyPr vert="horz" wrap="square" lIns="0" tIns="13575" rIns="0" bIns="0" rtlCol="0">
            <a:spAutoFit/>
          </a:bodyPr>
          <a:lstStyle/>
          <a:p>
            <a:pPr marL="10860">
              <a:spcBef>
                <a:spcPts val="107"/>
              </a:spcBef>
            </a:pPr>
            <a:r>
              <a:rPr sz="941" spc="-9" dirty="0">
                <a:latin typeface="Calibri"/>
                <a:cs typeface="Calibri"/>
              </a:rPr>
              <a:t>35.0%</a:t>
            </a:r>
            <a:endParaRPr sz="941">
              <a:latin typeface="Calibri"/>
              <a:cs typeface="Calibri"/>
            </a:endParaRPr>
          </a:p>
        </p:txBody>
      </p:sp>
      <p:sp>
        <p:nvSpPr>
          <p:cNvPr id="125" name="object 125"/>
          <p:cNvSpPr txBox="1"/>
          <p:nvPr/>
        </p:nvSpPr>
        <p:spPr>
          <a:xfrm>
            <a:off x="777565" y="1676501"/>
            <a:ext cx="146608" cy="1974744"/>
          </a:xfrm>
          <a:prstGeom prst="rect">
            <a:avLst/>
          </a:prstGeom>
        </p:spPr>
        <p:txBody>
          <a:bodyPr vert="horz" wrap="square" lIns="0" tIns="64616" rIns="0" bIns="0" rtlCol="0">
            <a:spAutoFit/>
          </a:bodyPr>
          <a:lstStyle/>
          <a:p>
            <a:pPr marR="4344" algn="r">
              <a:spcBef>
                <a:spcPts val="509"/>
              </a:spcBef>
            </a:pPr>
            <a:r>
              <a:rPr sz="941" spc="-21" dirty="0">
                <a:latin typeface="Calibri"/>
                <a:cs typeface="Calibri"/>
              </a:rPr>
              <a:t>45</a:t>
            </a:r>
            <a:endParaRPr sz="941">
              <a:latin typeface="Calibri"/>
              <a:cs typeface="Calibri"/>
            </a:endParaRPr>
          </a:p>
          <a:p>
            <a:pPr marR="4344" algn="r">
              <a:spcBef>
                <a:spcPts val="432"/>
              </a:spcBef>
            </a:pPr>
            <a:r>
              <a:rPr sz="941" spc="-21" dirty="0">
                <a:latin typeface="Calibri"/>
                <a:cs typeface="Calibri"/>
              </a:rPr>
              <a:t>40</a:t>
            </a:r>
            <a:endParaRPr sz="941">
              <a:latin typeface="Calibri"/>
              <a:cs typeface="Calibri"/>
            </a:endParaRPr>
          </a:p>
          <a:p>
            <a:pPr marR="4344" algn="r">
              <a:spcBef>
                <a:spcPts val="440"/>
              </a:spcBef>
            </a:pPr>
            <a:r>
              <a:rPr sz="941" spc="-21" dirty="0">
                <a:latin typeface="Calibri"/>
                <a:cs typeface="Calibri"/>
              </a:rPr>
              <a:t>35</a:t>
            </a:r>
            <a:endParaRPr sz="941">
              <a:latin typeface="Calibri"/>
              <a:cs typeface="Calibri"/>
            </a:endParaRPr>
          </a:p>
          <a:p>
            <a:pPr marR="4344" algn="r">
              <a:spcBef>
                <a:spcPts val="432"/>
              </a:spcBef>
            </a:pPr>
            <a:r>
              <a:rPr sz="941" spc="-21" dirty="0">
                <a:latin typeface="Calibri"/>
                <a:cs typeface="Calibri"/>
              </a:rPr>
              <a:t>30</a:t>
            </a:r>
            <a:endParaRPr sz="941">
              <a:latin typeface="Calibri"/>
              <a:cs typeface="Calibri"/>
            </a:endParaRPr>
          </a:p>
          <a:p>
            <a:pPr marR="4344" algn="r">
              <a:spcBef>
                <a:spcPts val="440"/>
              </a:spcBef>
            </a:pPr>
            <a:r>
              <a:rPr sz="941" spc="-21" dirty="0">
                <a:latin typeface="Calibri"/>
                <a:cs typeface="Calibri"/>
              </a:rPr>
              <a:t>25</a:t>
            </a:r>
            <a:endParaRPr sz="941">
              <a:latin typeface="Calibri"/>
              <a:cs typeface="Calibri"/>
            </a:endParaRPr>
          </a:p>
          <a:p>
            <a:pPr marR="4344" algn="r">
              <a:spcBef>
                <a:spcPts val="432"/>
              </a:spcBef>
            </a:pPr>
            <a:r>
              <a:rPr sz="941" spc="-21" dirty="0">
                <a:latin typeface="Calibri"/>
                <a:cs typeface="Calibri"/>
              </a:rPr>
              <a:t>20</a:t>
            </a:r>
            <a:endParaRPr sz="941">
              <a:latin typeface="Calibri"/>
              <a:cs typeface="Calibri"/>
            </a:endParaRPr>
          </a:p>
          <a:p>
            <a:pPr marR="4344" algn="r">
              <a:spcBef>
                <a:spcPts val="440"/>
              </a:spcBef>
            </a:pPr>
            <a:r>
              <a:rPr sz="941" spc="-21" dirty="0">
                <a:latin typeface="Calibri"/>
                <a:cs typeface="Calibri"/>
              </a:rPr>
              <a:t>15</a:t>
            </a:r>
            <a:endParaRPr sz="941">
              <a:latin typeface="Calibri"/>
              <a:cs typeface="Calibri"/>
            </a:endParaRPr>
          </a:p>
          <a:p>
            <a:pPr marR="4344" algn="r">
              <a:spcBef>
                <a:spcPts val="432"/>
              </a:spcBef>
            </a:pPr>
            <a:r>
              <a:rPr sz="941" spc="-21" dirty="0">
                <a:latin typeface="Calibri"/>
                <a:cs typeface="Calibri"/>
              </a:rPr>
              <a:t>10</a:t>
            </a:r>
            <a:endParaRPr sz="941">
              <a:latin typeface="Calibri"/>
              <a:cs typeface="Calibri"/>
            </a:endParaRPr>
          </a:p>
          <a:p>
            <a:pPr marR="4344" algn="r">
              <a:spcBef>
                <a:spcPts val="440"/>
              </a:spcBef>
            </a:pPr>
            <a:r>
              <a:rPr sz="941" spc="-43" dirty="0">
                <a:latin typeface="Calibri"/>
                <a:cs typeface="Calibri"/>
              </a:rPr>
              <a:t>5</a:t>
            </a:r>
            <a:endParaRPr sz="941">
              <a:latin typeface="Calibri"/>
              <a:cs typeface="Calibri"/>
            </a:endParaRPr>
          </a:p>
          <a:p>
            <a:pPr marR="4344" algn="r">
              <a:spcBef>
                <a:spcPts val="432"/>
              </a:spcBef>
            </a:pPr>
            <a:r>
              <a:rPr sz="941" spc="-43" dirty="0">
                <a:latin typeface="Calibri"/>
                <a:cs typeface="Calibri"/>
              </a:rPr>
              <a:t>0</a:t>
            </a:r>
            <a:endParaRPr sz="941">
              <a:latin typeface="Calibri"/>
              <a:cs typeface="Calibri"/>
            </a:endParaRPr>
          </a:p>
        </p:txBody>
      </p:sp>
      <p:sp>
        <p:nvSpPr>
          <p:cNvPr id="126" name="object 126"/>
          <p:cNvSpPr txBox="1"/>
          <p:nvPr/>
        </p:nvSpPr>
        <p:spPr>
          <a:xfrm>
            <a:off x="1079904" y="3725366"/>
            <a:ext cx="418647" cy="158491"/>
          </a:xfrm>
          <a:prstGeom prst="rect">
            <a:avLst/>
          </a:prstGeom>
        </p:spPr>
        <p:txBody>
          <a:bodyPr vert="horz" wrap="square" lIns="0" tIns="13575" rIns="0" bIns="0" rtlCol="0">
            <a:spAutoFit/>
          </a:bodyPr>
          <a:lstStyle/>
          <a:p>
            <a:pPr marL="10860">
              <a:spcBef>
                <a:spcPts val="107"/>
              </a:spcBef>
            </a:pPr>
            <a:r>
              <a:rPr sz="941" dirty="0">
                <a:latin typeface="メイリオ"/>
                <a:cs typeface="メイリオ"/>
              </a:rPr>
              <a:t>平成</a:t>
            </a:r>
            <a:r>
              <a:rPr sz="941" spc="-21" dirty="0">
                <a:latin typeface="メイリオ"/>
                <a:cs typeface="メイリオ"/>
              </a:rPr>
              <a:t>11</a:t>
            </a:r>
            <a:endParaRPr sz="941">
              <a:latin typeface="メイリオ"/>
              <a:cs typeface="メイリオ"/>
            </a:endParaRPr>
          </a:p>
        </p:txBody>
      </p:sp>
      <p:sp>
        <p:nvSpPr>
          <p:cNvPr id="127" name="object 127"/>
          <p:cNvSpPr txBox="1"/>
          <p:nvPr/>
        </p:nvSpPr>
        <p:spPr>
          <a:xfrm>
            <a:off x="1668942"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2</a:t>
            </a:r>
            <a:endParaRPr sz="941">
              <a:latin typeface="メイリオ"/>
              <a:cs typeface="メイリオ"/>
            </a:endParaRPr>
          </a:p>
        </p:txBody>
      </p:sp>
      <p:sp>
        <p:nvSpPr>
          <p:cNvPr id="128" name="object 128"/>
          <p:cNvSpPr txBox="1"/>
          <p:nvPr/>
        </p:nvSpPr>
        <p:spPr>
          <a:xfrm>
            <a:off x="2135481"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3</a:t>
            </a:r>
            <a:endParaRPr sz="941">
              <a:latin typeface="メイリオ"/>
              <a:cs typeface="メイリオ"/>
            </a:endParaRPr>
          </a:p>
        </p:txBody>
      </p:sp>
      <p:sp>
        <p:nvSpPr>
          <p:cNvPr id="129" name="object 129"/>
          <p:cNvSpPr txBox="1"/>
          <p:nvPr/>
        </p:nvSpPr>
        <p:spPr>
          <a:xfrm>
            <a:off x="2602022"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4</a:t>
            </a:r>
            <a:endParaRPr sz="941">
              <a:latin typeface="メイリオ"/>
              <a:cs typeface="メイリオ"/>
            </a:endParaRPr>
          </a:p>
        </p:txBody>
      </p:sp>
      <p:sp>
        <p:nvSpPr>
          <p:cNvPr id="130" name="object 130"/>
          <p:cNvSpPr txBox="1"/>
          <p:nvPr/>
        </p:nvSpPr>
        <p:spPr>
          <a:xfrm>
            <a:off x="3068560"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5</a:t>
            </a:r>
            <a:endParaRPr sz="941">
              <a:latin typeface="メイリオ"/>
              <a:cs typeface="メイリオ"/>
            </a:endParaRPr>
          </a:p>
        </p:txBody>
      </p:sp>
      <p:sp>
        <p:nvSpPr>
          <p:cNvPr id="131" name="object 131"/>
          <p:cNvSpPr txBox="1"/>
          <p:nvPr/>
        </p:nvSpPr>
        <p:spPr>
          <a:xfrm>
            <a:off x="3535100"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6</a:t>
            </a:r>
            <a:endParaRPr sz="941">
              <a:latin typeface="メイリオ"/>
              <a:cs typeface="メイリオ"/>
            </a:endParaRPr>
          </a:p>
        </p:txBody>
      </p:sp>
      <p:sp>
        <p:nvSpPr>
          <p:cNvPr id="132" name="object 132"/>
          <p:cNvSpPr txBox="1"/>
          <p:nvPr/>
        </p:nvSpPr>
        <p:spPr>
          <a:xfrm>
            <a:off x="4001640"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7</a:t>
            </a:r>
            <a:endParaRPr sz="941">
              <a:latin typeface="メイリオ"/>
              <a:cs typeface="メイリオ"/>
            </a:endParaRPr>
          </a:p>
        </p:txBody>
      </p:sp>
      <p:sp>
        <p:nvSpPr>
          <p:cNvPr id="133" name="object 133"/>
          <p:cNvSpPr txBox="1"/>
          <p:nvPr/>
        </p:nvSpPr>
        <p:spPr>
          <a:xfrm>
            <a:off x="4468180"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8</a:t>
            </a:r>
            <a:endParaRPr sz="941">
              <a:latin typeface="メイリオ"/>
              <a:cs typeface="メイリオ"/>
            </a:endParaRPr>
          </a:p>
        </p:txBody>
      </p:sp>
      <p:sp>
        <p:nvSpPr>
          <p:cNvPr id="134" name="object 134"/>
          <p:cNvSpPr txBox="1"/>
          <p:nvPr/>
        </p:nvSpPr>
        <p:spPr>
          <a:xfrm>
            <a:off x="4936021"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19</a:t>
            </a:r>
            <a:endParaRPr sz="941">
              <a:latin typeface="メイリオ"/>
              <a:cs typeface="メイリオ"/>
            </a:endParaRPr>
          </a:p>
        </p:txBody>
      </p:sp>
      <p:sp>
        <p:nvSpPr>
          <p:cNvPr id="135" name="object 135"/>
          <p:cNvSpPr txBox="1"/>
          <p:nvPr/>
        </p:nvSpPr>
        <p:spPr>
          <a:xfrm>
            <a:off x="5402562"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0</a:t>
            </a:r>
            <a:endParaRPr sz="941">
              <a:latin typeface="メイリオ"/>
              <a:cs typeface="メイリオ"/>
            </a:endParaRPr>
          </a:p>
        </p:txBody>
      </p:sp>
      <p:sp>
        <p:nvSpPr>
          <p:cNvPr id="136" name="object 136"/>
          <p:cNvSpPr txBox="1"/>
          <p:nvPr/>
        </p:nvSpPr>
        <p:spPr>
          <a:xfrm>
            <a:off x="5869101"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1</a:t>
            </a:r>
            <a:endParaRPr sz="941">
              <a:latin typeface="メイリオ"/>
              <a:cs typeface="メイリオ"/>
            </a:endParaRPr>
          </a:p>
        </p:txBody>
      </p:sp>
      <p:sp>
        <p:nvSpPr>
          <p:cNvPr id="137" name="object 137"/>
          <p:cNvSpPr txBox="1"/>
          <p:nvPr/>
        </p:nvSpPr>
        <p:spPr>
          <a:xfrm>
            <a:off x="6335641"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2</a:t>
            </a:r>
            <a:endParaRPr sz="941">
              <a:latin typeface="メイリオ"/>
              <a:cs typeface="メイリオ"/>
            </a:endParaRPr>
          </a:p>
        </p:txBody>
      </p:sp>
      <p:sp>
        <p:nvSpPr>
          <p:cNvPr id="138" name="object 138"/>
          <p:cNvSpPr txBox="1"/>
          <p:nvPr/>
        </p:nvSpPr>
        <p:spPr>
          <a:xfrm>
            <a:off x="6802179"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3</a:t>
            </a:r>
            <a:endParaRPr sz="941">
              <a:latin typeface="メイリオ"/>
              <a:cs typeface="メイリオ"/>
            </a:endParaRPr>
          </a:p>
        </p:txBody>
      </p:sp>
      <p:sp>
        <p:nvSpPr>
          <p:cNvPr id="139" name="object 139"/>
          <p:cNvSpPr txBox="1"/>
          <p:nvPr/>
        </p:nvSpPr>
        <p:spPr>
          <a:xfrm>
            <a:off x="7268720"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4</a:t>
            </a:r>
            <a:endParaRPr sz="941">
              <a:latin typeface="メイリオ"/>
              <a:cs typeface="メイリオ"/>
            </a:endParaRPr>
          </a:p>
        </p:txBody>
      </p:sp>
      <p:sp>
        <p:nvSpPr>
          <p:cNvPr id="140" name="object 140"/>
          <p:cNvSpPr txBox="1"/>
          <p:nvPr/>
        </p:nvSpPr>
        <p:spPr>
          <a:xfrm>
            <a:off x="7735259"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5</a:t>
            </a:r>
            <a:endParaRPr sz="941">
              <a:latin typeface="メイリオ"/>
              <a:cs typeface="メイリオ"/>
            </a:endParaRPr>
          </a:p>
        </p:txBody>
      </p:sp>
      <p:sp>
        <p:nvSpPr>
          <p:cNvPr id="141" name="object 141"/>
          <p:cNvSpPr txBox="1"/>
          <p:nvPr/>
        </p:nvSpPr>
        <p:spPr>
          <a:xfrm>
            <a:off x="8201798" y="3697998"/>
            <a:ext cx="174844" cy="158491"/>
          </a:xfrm>
          <a:prstGeom prst="rect">
            <a:avLst/>
          </a:prstGeom>
        </p:spPr>
        <p:txBody>
          <a:bodyPr vert="horz" wrap="square" lIns="0" tIns="13575" rIns="0" bIns="0" rtlCol="0">
            <a:spAutoFit/>
          </a:bodyPr>
          <a:lstStyle/>
          <a:p>
            <a:pPr marL="10860">
              <a:spcBef>
                <a:spcPts val="107"/>
              </a:spcBef>
            </a:pPr>
            <a:r>
              <a:rPr sz="941" spc="-21" dirty="0">
                <a:latin typeface="メイリオ"/>
                <a:cs typeface="メイリオ"/>
              </a:rPr>
              <a:t>26</a:t>
            </a:r>
            <a:endParaRPr sz="941">
              <a:latin typeface="メイリオ"/>
              <a:cs typeface="メイリオ"/>
            </a:endParaRPr>
          </a:p>
        </p:txBody>
      </p:sp>
      <p:grpSp>
        <p:nvGrpSpPr>
          <p:cNvPr id="142" name="object 142"/>
          <p:cNvGrpSpPr/>
          <p:nvPr/>
        </p:nvGrpSpPr>
        <p:grpSpPr>
          <a:xfrm>
            <a:off x="5894296" y="2761444"/>
            <a:ext cx="2486907" cy="362719"/>
            <a:chOff x="6893052" y="3000755"/>
            <a:chExt cx="2908300" cy="424180"/>
          </a:xfrm>
        </p:grpSpPr>
        <p:sp>
          <p:nvSpPr>
            <p:cNvPr id="143" name="object 143"/>
            <p:cNvSpPr/>
            <p:nvPr/>
          </p:nvSpPr>
          <p:spPr>
            <a:xfrm>
              <a:off x="6897624" y="3005327"/>
              <a:ext cx="2898775" cy="414655"/>
            </a:xfrm>
            <a:custGeom>
              <a:avLst/>
              <a:gdLst/>
              <a:ahLst/>
              <a:cxnLst/>
              <a:rect l="l" t="t" r="r" b="b"/>
              <a:pathLst>
                <a:path w="2898775" h="414654">
                  <a:moveTo>
                    <a:pt x="2898648" y="0"/>
                  </a:moveTo>
                  <a:lnTo>
                    <a:pt x="0" y="0"/>
                  </a:lnTo>
                  <a:lnTo>
                    <a:pt x="0" y="414527"/>
                  </a:lnTo>
                  <a:lnTo>
                    <a:pt x="2898648" y="414527"/>
                  </a:lnTo>
                  <a:lnTo>
                    <a:pt x="2898648" y="0"/>
                  </a:lnTo>
                  <a:close/>
                </a:path>
              </a:pathLst>
            </a:custGeom>
            <a:solidFill>
              <a:srgbClr val="FFFFFF"/>
            </a:solidFill>
          </p:spPr>
          <p:txBody>
            <a:bodyPr wrap="square" lIns="0" tIns="0" rIns="0" bIns="0" rtlCol="0"/>
            <a:lstStyle/>
            <a:p>
              <a:endParaRPr sz="1539"/>
            </a:p>
          </p:txBody>
        </p:sp>
        <p:sp>
          <p:nvSpPr>
            <p:cNvPr id="144" name="object 144"/>
            <p:cNvSpPr/>
            <p:nvPr/>
          </p:nvSpPr>
          <p:spPr>
            <a:xfrm>
              <a:off x="6893052" y="3000755"/>
              <a:ext cx="2908300" cy="424180"/>
            </a:xfrm>
            <a:custGeom>
              <a:avLst/>
              <a:gdLst/>
              <a:ahLst/>
              <a:cxnLst/>
              <a:rect l="l" t="t" r="r" b="b"/>
              <a:pathLst>
                <a:path w="2908300" h="424179">
                  <a:moveTo>
                    <a:pt x="2903220" y="0"/>
                  </a:moveTo>
                  <a:lnTo>
                    <a:pt x="4572" y="0"/>
                  </a:lnTo>
                  <a:lnTo>
                    <a:pt x="1524" y="1524"/>
                  </a:lnTo>
                  <a:lnTo>
                    <a:pt x="0" y="4571"/>
                  </a:lnTo>
                  <a:lnTo>
                    <a:pt x="0" y="419100"/>
                  </a:lnTo>
                  <a:lnTo>
                    <a:pt x="1524" y="422148"/>
                  </a:lnTo>
                  <a:lnTo>
                    <a:pt x="4572" y="423671"/>
                  </a:lnTo>
                  <a:lnTo>
                    <a:pt x="2903220" y="423671"/>
                  </a:lnTo>
                  <a:lnTo>
                    <a:pt x="2906268" y="422148"/>
                  </a:lnTo>
                  <a:lnTo>
                    <a:pt x="2907792" y="419100"/>
                  </a:lnTo>
                  <a:lnTo>
                    <a:pt x="9144" y="419100"/>
                  </a:lnTo>
                  <a:lnTo>
                    <a:pt x="4572" y="414527"/>
                  </a:lnTo>
                  <a:lnTo>
                    <a:pt x="9144" y="414527"/>
                  </a:lnTo>
                  <a:lnTo>
                    <a:pt x="9144" y="9143"/>
                  </a:lnTo>
                  <a:lnTo>
                    <a:pt x="4572" y="9143"/>
                  </a:lnTo>
                  <a:lnTo>
                    <a:pt x="9144" y="4571"/>
                  </a:lnTo>
                  <a:lnTo>
                    <a:pt x="2907792" y="4571"/>
                  </a:lnTo>
                  <a:lnTo>
                    <a:pt x="2906268" y="1524"/>
                  </a:lnTo>
                  <a:lnTo>
                    <a:pt x="2903220" y="0"/>
                  </a:lnTo>
                  <a:close/>
                </a:path>
                <a:path w="2908300" h="424179">
                  <a:moveTo>
                    <a:pt x="9144" y="414527"/>
                  </a:moveTo>
                  <a:lnTo>
                    <a:pt x="4572" y="414527"/>
                  </a:lnTo>
                  <a:lnTo>
                    <a:pt x="9144" y="419100"/>
                  </a:lnTo>
                  <a:lnTo>
                    <a:pt x="9144" y="414527"/>
                  </a:lnTo>
                  <a:close/>
                </a:path>
                <a:path w="2908300" h="424179">
                  <a:moveTo>
                    <a:pt x="2898648" y="414527"/>
                  </a:moveTo>
                  <a:lnTo>
                    <a:pt x="9144" y="414527"/>
                  </a:lnTo>
                  <a:lnTo>
                    <a:pt x="9144" y="419100"/>
                  </a:lnTo>
                  <a:lnTo>
                    <a:pt x="2898648" y="419100"/>
                  </a:lnTo>
                  <a:lnTo>
                    <a:pt x="2898648" y="414527"/>
                  </a:lnTo>
                  <a:close/>
                </a:path>
                <a:path w="2908300" h="424179">
                  <a:moveTo>
                    <a:pt x="2898648" y="4571"/>
                  </a:moveTo>
                  <a:lnTo>
                    <a:pt x="2898648" y="419100"/>
                  </a:lnTo>
                  <a:lnTo>
                    <a:pt x="2903220" y="414527"/>
                  </a:lnTo>
                  <a:lnTo>
                    <a:pt x="2907792" y="414527"/>
                  </a:lnTo>
                  <a:lnTo>
                    <a:pt x="2907792" y="9143"/>
                  </a:lnTo>
                  <a:lnTo>
                    <a:pt x="2903220" y="9143"/>
                  </a:lnTo>
                  <a:lnTo>
                    <a:pt x="2898648" y="4571"/>
                  </a:lnTo>
                  <a:close/>
                </a:path>
                <a:path w="2908300" h="424179">
                  <a:moveTo>
                    <a:pt x="2907792" y="414527"/>
                  </a:moveTo>
                  <a:lnTo>
                    <a:pt x="2903220" y="414527"/>
                  </a:lnTo>
                  <a:lnTo>
                    <a:pt x="2898648" y="419100"/>
                  </a:lnTo>
                  <a:lnTo>
                    <a:pt x="2907792" y="419100"/>
                  </a:lnTo>
                  <a:lnTo>
                    <a:pt x="2907792" y="414527"/>
                  </a:lnTo>
                  <a:close/>
                </a:path>
                <a:path w="2908300" h="424179">
                  <a:moveTo>
                    <a:pt x="9144" y="4571"/>
                  </a:moveTo>
                  <a:lnTo>
                    <a:pt x="4572" y="9143"/>
                  </a:lnTo>
                  <a:lnTo>
                    <a:pt x="9144" y="9143"/>
                  </a:lnTo>
                  <a:lnTo>
                    <a:pt x="9144" y="4571"/>
                  </a:lnTo>
                  <a:close/>
                </a:path>
                <a:path w="2908300" h="424179">
                  <a:moveTo>
                    <a:pt x="2898648" y="4571"/>
                  </a:moveTo>
                  <a:lnTo>
                    <a:pt x="9144" y="4571"/>
                  </a:lnTo>
                  <a:lnTo>
                    <a:pt x="9144" y="9143"/>
                  </a:lnTo>
                  <a:lnTo>
                    <a:pt x="2898648" y="9143"/>
                  </a:lnTo>
                  <a:lnTo>
                    <a:pt x="2898648" y="4571"/>
                  </a:lnTo>
                  <a:close/>
                </a:path>
                <a:path w="2908300" h="424179">
                  <a:moveTo>
                    <a:pt x="2907792" y="4571"/>
                  </a:moveTo>
                  <a:lnTo>
                    <a:pt x="2898648" y="4571"/>
                  </a:lnTo>
                  <a:lnTo>
                    <a:pt x="2903220" y="9143"/>
                  </a:lnTo>
                  <a:lnTo>
                    <a:pt x="2907792" y="9143"/>
                  </a:lnTo>
                  <a:lnTo>
                    <a:pt x="2907792" y="4571"/>
                  </a:lnTo>
                  <a:close/>
                </a:path>
              </a:pathLst>
            </a:custGeom>
            <a:solidFill>
              <a:srgbClr val="000000"/>
            </a:solidFill>
          </p:spPr>
          <p:txBody>
            <a:bodyPr wrap="square" lIns="0" tIns="0" rIns="0" bIns="0" rtlCol="0"/>
            <a:lstStyle/>
            <a:p>
              <a:endParaRPr sz="1539"/>
            </a:p>
          </p:txBody>
        </p:sp>
        <p:sp>
          <p:nvSpPr>
            <p:cNvPr id="145" name="object 145"/>
            <p:cNvSpPr/>
            <p:nvPr/>
          </p:nvSpPr>
          <p:spPr>
            <a:xfrm>
              <a:off x="6952488" y="3063239"/>
              <a:ext cx="264160" cy="93345"/>
            </a:xfrm>
            <a:custGeom>
              <a:avLst/>
              <a:gdLst/>
              <a:ahLst/>
              <a:cxnLst/>
              <a:rect l="l" t="t" r="r" b="b"/>
              <a:pathLst>
                <a:path w="264159" h="93344">
                  <a:moveTo>
                    <a:pt x="263651" y="0"/>
                  </a:moveTo>
                  <a:lnTo>
                    <a:pt x="0" y="0"/>
                  </a:lnTo>
                  <a:lnTo>
                    <a:pt x="0" y="92963"/>
                  </a:lnTo>
                  <a:lnTo>
                    <a:pt x="263651" y="92963"/>
                  </a:lnTo>
                  <a:lnTo>
                    <a:pt x="263651" y="0"/>
                  </a:lnTo>
                  <a:close/>
                </a:path>
              </a:pathLst>
            </a:custGeom>
            <a:solidFill>
              <a:srgbClr val="99FF66"/>
            </a:solidFill>
          </p:spPr>
          <p:txBody>
            <a:bodyPr wrap="square" lIns="0" tIns="0" rIns="0" bIns="0" rtlCol="0"/>
            <a:lstStyle/>
            <a:p>
              <a:endParaRPr sz="1539"/>
            </a:p>
          </p:txBody>
        </p:sp>
      </p:grpSp>
      <p:sp>
        <p:nvSpPr>
          <p:cNvPr id="146" name="object 146"/>
          <p:cNvSpPr txBox="1"/>
          <p:nvPr/>
        </p:nvSpPr>
        <p:spPr>
          <a:xfrm>
            <a:off x="6184471" y="2747978"/>
            <a:ext cx="490866" cy="152435"/>
          </a:xfrm>
          <a:prstGeom prst="rect">
            <a:avLst/>
          </a:prstGeom>
        </p:spPr>
        <p:txBody>
          <a:bodyPr vert="horz" wrap="square" lIns="0" tIns="14118" rIns="0" bIns="0" rtlCol="0">
            <a:spAutoFit/>
          </a:bodyPr>
          <a:lstStyle/>
          <a:p>
            <a:pPr marL="10860">
              <a:spcBef>
                <a:spcPts val="111"/>
              </a:spcBef>
            </a:pPr>
            <a:r>
              <a:rPr sz="898" spc="-13" dirty="0">
                <a:latin typeface="メイリオ"/>
                <a:cs typeface="メイリオ"/>
              </a:rPr>
              <a:t>維持修繕</a:t>
            </a:r>
            <a:endParaRPr sz="898">
              <a:latin typeface="メイリオ"/>
              <a:cs typeface="メイリオ"/>
            </a:endParaRPr>
          </a:p>
        </p:txBody>
      </p:sp>
      <p:sp>
        <p:nvSpPr>
          <p:cNvPr id="147" name="object 147"/>
          <p:cNvSpPr/>
          <p:nvPr/>
        </p:nvSpPr>
        <p:spPr>
          <a:xfrm>
            <a:off x="7184446" y="2814875"/>
            <a:ext cx="225885" cy="79820"/>
          </a:xfrm>
          <a:custGeom>
            <a:avLst/>
            <a:gdLst/>
            <a:ahLst/>
            <a:cxnLst/>
            <a:rect l="l" t="t" r="r" b="b"/>
            <a:pathLst>
              <a:path w="264159" h="93344">
                <a:moveTo>
                  <a:pt x="263651" y="0"/>
                </a:moveTo>
                <a:lnTo>
                  <a:pt x="0" y="0"/>
                </a:lnTo>
                <a:lnTo>
                  <a:pt x="0" y="92963"/>
                </a:lnTo>
                <a:lnTo>
                  <a:pt x="263651" y="92963"/>
                </a:lnTo>
                <a:lnTo>
                  <a:pt x="263651" y="0"/>
                </a:lnTo>
                <a:close/>
              </a:path>
            </a:pathLst>
          </a:custGeom>
          <a:solidFill>
            <a:srgbClr val="FF99CC"/>
          </a:solidFill>
        </p:spPr>
        <p:txBody>
          <a:bodyPr wrap="square" lIns="0" tIns="0" rIns="0" bIns="0" rtlCol="0"/>
          <a:lstStyle/>
          <a:p>
            <a:endParaRPr sz="1539"/>
          </a:p>
        </p:txBody>
      </p:sp>
      <p:sp>
        <p:nvSpPr>
          <p:cNvPr id="148" name="object 148"/>
          <p:cNvSpPr txBox="1"/>
          <p:nvPr/>
        </p:nvSpPr>
        <p:spPr>
          <a:xfrm>
            <a:off x="7423798" y="2747978"/>
            <a:ext cx="256293" cy="152435"/>
          </a:xfrm>
          <a:prstGeom prst="rect">
            <a:avLst/>
          </a:prstGeom>
        </p:spPr>
        <p:txBody>
          <a:bodyPr vert="horz" wrap="square" lIns="0" tIns="14118" rIns="0" bIns="0" rtlCol="0">
            <a:spAutoFit/>
          </a:bodyPr>
          <a:lstStyle/>
          <a:p>
            <a:pPr marL="10860">
              <a:spcBef>
                <a:spcPts val="111"/>
              </a:spcBef>
            </a:pPr>
            <a:r>
              <a:rPr sz="898" spc="-21" dirty="0">
                <a:latin typeface="メイリオ"/>
                <a:cs typeface="メイリオ"/>
              </a:rPr>
              <a:t>新設</a:t>
            </a:r>
            <a:endParaRPr sz="898">
              <a:latin typeface="メイリオ"/>
              <a:cs typeface="メイリオ"/>
            </a:endParaRPr>
          </a:p>
        </p:txBody>
      </p:sp>
      <p:sp>
        <p:nvSpPr>
          <p:cNvPr id="149" name="object 149"/>
          <p:cNvSpPr txBox="1"/>
          <p:nvPr/>
        </p:nvSpPr>
        <p:spPr>
          <a:xfrm>
            <a:off x="6195331" y="2950617"/>
            <a:ext cx="307877" cy="130677"/>
          </a:xfrm>
          <a:prstGeom prst="rect">
            <a:avLst/>
          </a:prstGeom>
        </p:spPr>
        <p:txBody>
          <a:bodyPr vert="horz" wrap="square" lIns="0" tIns="0" rIns="0" bIns="0" rtlCol="0">
            <a:spAutoFit/>
          </a:bodyPr>
          <a:lstStyle/>
          <a:p>
            <a:pPr>
              <a:lnSpc>
                <a:spcPts val="988"/>
              </a:lnSpc>
            </a:pPr>
            <a:r>
              <a:rPr sz="898" dirty="0">
                <a:latin typeface="メイリオ"/>
                <a:cs typeface="メイリオ"/>
              </a:rPr>
              <a:t>系列</a:t>
            </a:r>
            <a:r>
              <a:rPr sz="898" spc="-43" dirty="0">
                <a:latin typeface="メイリオ"/>
                <a:cs typeface="メイリオ"/>
              </a:rPr>
              <a:t>4</a:t>
            </a:r>
            <a:endParaRPr sz="898">
              <a:latin typeface="メイリオ"/>
              <a:cs typeface="メイリオ"/>
            </a:endParaRPr>
          </a:p>
        </p:txBody>
      </p:sp>
      <p:grpSp>
        <p:nvGrpSpPr>
          <p:cNvPr id="150" name="object 150"/>
          <p:cNvGrpSpPr/>
          <p:nvPr/>
        </p:nvGrpSpPr>
        <p:grpSpPr>
          <a:xfrm>
            <a:off x="7171414" y="2999926"/>
            <a:ext cx="251949" cy="65159"/>
            <a:chOff x="8386571" y="3279647"/>
            <a:chExt cx="294640" cy="76200"/>
          </a:xfrm>
        </p:grpSpPr>
        <p:sp>
          <p:nvSpPr>
            <p:cNvPr id="151" name="object 151"/>
            <p:cNvSpPr/>
            <p:nvPr/>
          </p:nvSpPr>
          <p:spPr>
            <a:xfrm>
              <a:off x="8386571" y="3300983"/>
              <a:ext cx="294640" cy="30480"/>
            </a:xfrm>
            <a:custGeom>
              <a:avLst/>
              <a:gdLst/>
              <a:ahLst/>
              <a:cxnLst/>
              <a:rect l="l" t="t" r="r" b="b"/>
              <a:pathLst>
                <a:path w="294640" h="30479">
                  <a:moveTo>
                    <a:pt x="286511" y="0"/>
                  </a:moveTo>
                  <a:lnTo>
                    <a:pt x="15239" y="0"/>
                  </a:lnTo>
                  <a:lnTo>
                    <a:pt x="6096" y="0"/>
                  </a:lnTo>
                  <a:lnTo>
                    <a:pt x="0" y="6096"/>
                  </a:lnTo>
                  <a:lnTo>
                    <a:pt x="0" y="22860"/>
                  </a:lnTo>
                  <a:lnTo>
                    <a:pt x="6096" y="30479"/>
                  </a:lnTo>
                  <a:lnTo>
                    <a:pt x="286511" y="30479"/>
                  </a:lnTo>
                  <a:lnTo>
                    <a:pt x="294131" y="22860"/>
                  </a:lnTo>
                  <a:lnTo>
                    <a:pt x="294131" y="6096"/>
                  </a:lnTo>
                  <a:lnTo>
                    <a:pt x="286511" y="0"/>
                  </a:lnTo>
                  <a:close/>
                </a:path>
              </a:pathLst>
            </a:custGeom>
            <a:solidFill>
              <a:srgbClr val="001F60"/>
            </a:solidFill>
          </p:spPr>
          <p:txBody>
            <a:bodyPr wrap="square" lIns="0" tIns="0" rIns="0" bIns="0" rtlCol="0"/>
            <a:lstStyle/>
            <a:p>
              <a:endParaRPr sz="1539"/>
            </a:p>
          </p:txBody>
        </p:sp>
        <p:pic>
          <p:nvPicPr>
            <p:cNvPr id="152" name="object 152"/>
            <p:cNvPicPr/>
            <p:nvPr/>
          </p:nvPicPr>
          <p:blipFill>
            <a:blip r:embed="rId8" cstate="print"/>
            <a:stretch>
              <a:fillRect/>
            </a:stretch>
          </p:blipFill>
          <p:spPr>
            <a:xfrm>
              <a:off x="8496299" y="3279647"/>
              <a:ext cx="76200" cy="76200"/>
            </a:xfrm>
            <a:prstGeom prst="rect">
              <a:avLst/>
            </a:prstGeom>
          </p:spPr>
        </p:pic>
      </p:grpSp>
      <p:sp>
        <p:nvSpPr>
          <p:cNvPr id="153" name="object 153"/>
          <p:cNvSpPr txBox="1"/>
          <p:nvPr/>
        </p:nvSpPr>
        <p:spPr>
          <a:xfrm>
            <a:off x="7423798" y="2925212"/>
            <a:ext cx="960011" cy="152435"/>
          </a:xfrm>
          <a:prstGeom prst="rect">
            <a:avLst/>
          </a:prstGeom>
        </p:spPr>
        <p:txBody>
          <a:bodyPr vert="horz" wrap="square" lIns="0" tIns="14118" rIns="0" bIns="0" rtlCol="0">
            <a:spAutoFit/>
          </a:bodyPr>
          <a:lstStyle/>
          <a:p>
            <a:pPr marL="10860">
              <a:spcBef>
                <a:spcPts val="111"/>
              </a:spcBef>
            </a:pPr>
            <a:r>
              <a:rPr sz="898" spc="-9" dirty="0">
                <a:latin typeface="メイリオ"/>
                <a:cs typeface="メイリオ"/>
              </a:rPr>
              <a:t>維持修繕工事比率</a:t>
            </a:r>
            <a:endParaRPr sz="898">
              <a:latin typeface="メイリオ"/>
              <a:cs typeface="メイリオ"/>
            </a:endParaRPr>
          </a:p>
        </p:txBody>
      </p:sp>
      <p:sp>
        <p:nvSpPr>
          <p:cNvPr id="154" name="object 154"/>
          <p:cNvSpPr/>
          <p:nvPr/>
        </p:nvSpPr>
        <p:spPr>
          <a:xfrm>
            <a:off x="5967274" y="2926949"/>
            <a:ext cx="898110" cy="167242"/>
          </a:xfrm>
          <a:custGeom>
            <a:avLst/>
            <a:gdLst/>
            <a:ahLst/>
            <a:cxnLst/>
            <a:rect l="l" t="t" r="r" b="b"/>
            <a:pathLst>
              <a:path w="1050290" h="195579">
                <a:moveTo>
                  <a:pt x="1050036" y="0"/>
                </a:moveTo>
                <a:lnTo>
                  <a:pt x="0" y="0"/>
                </a:lnTo>
                <a:lnTo>
                  <a:pt x="0" y="195072"/>
                </a:lnTo>
                <a:lnTo>
                  <a:pt x="1050036" y="195072"/>
                </a:lnTo>
                <a:lnTo>
                  <a:pt x="1050036" y="0"/>
                </a:lnTo>
                <a:close/>
              </a:path>
            </a:pathLst>
          </a:custGeom>
          <a:solidFill>
            <a:srgbClr val="FFFFFF"/>
          </a:solidFill>
        </p:spPr>
        <p:txBody>
          <a:bodyPr wrap="square" lIns="0" tIns="0" rIns="0" bIns="0" rtlCol="0"/>
          <a:lstStyle/>
          <a:p>
            <a:endParaRPr sz="1539"/>
          </a:p>
        </p:txBody>
      </p:sp>
      <p:sp>
        <p:nvSpPr>
          <p:cNvPr id="155" name="object 155"/>
          <p:cNvSpPr/>
          <p:nvPr/>
        </p:nvSpPr>
        <p:spPr>
          <a:xfrm>
            <a:off x="152108" y="757725"/>
            <a:ext cx="8997392" cy="690687"/>
          </a:xfrm>
          <a:custGeom>
            <a:avLst/>
            <a:gdLst/>
            <a:ahLst/>
            <a:cxnLst/>
            <a:rect l="l" t="t" r="r" b="b"/>
            <a:pathLst>
              <a:path w="10521950" h="807719">
                <a:moveTo>
                  <a:pt x="10376916" y="0"/>
                </a:moveTo>
                <a:lnTo>
                  <a:pt x="143255" y="0"/>
                </a:lnTo>
                <a:lnTo>
                  <a:pt x="129539" y="1524"/>
                </a:lnTo>
                <a:lnTo>
                  <a:pt x="114300" y="3048"/>
                </a:lnTo>
                <a:lnTo>
                  <a:pt x="74676" y="18288"/>
                </a:lnTo>
                <a:lnTo>
                  <a:pt x="41147" y="42672"/>
                </a:lnTo>
                <a:lnTo>
                  <a:pt x="24383" y="65532"/>
                </a:lnTo>
                <a:lnTo>
                  <a:pt x="16763" y="76200"/>
                </a:lnTo>
                <a:lnTo>
                  <a:pt x="10667" y="89916"/>
                </a:lnTo>
                <a:lnTo>
                  <a:pt x="6095" y="103632"/>
                </a:lnTo>
                <a:lnTo>
                  <a:pt x="0" y="131064"/>
                </a:lnTo>
                <a:lnTo>
                  <a:pt x="0" y="678180"/>
                </a:lnTo>
                <a:lnTo>
                  <a:pt x="3047" y="693420"/>
                </a:lnTo>
                <a:lnTo>
                  <a:pt x="6095" y="707136"/>
                </a:lnTo>
                <a:lnTo>
                  <a:pt x="10667" y="720852"/>
                </a:lnTo>
                <a:lnTo>
                  <a:pt x="18288" y="733044"/>
                </a:lnTo>
                <a:lnTo>
                  <a:pt x="24383" y="745236"/>
                </a:lnTo>
                <a:lnTo>
                  <a:pt x="53340" y="775716"/>
                </a:lnTo>
                <a:lnTo>
                  <a:pt x="88392" y="797052"/>
                </a:lnTo>
                <a:lnTo>
                  <a:pt x="131064" y="807720"/>
                </a:lnTo>
                <a:lnTo>
                  <a:pt x="10392156" y="807720"/>
                </a:lnTo>
                <a:lnTo>
                  <a:pt x="10405871" y="804672"/>
                </a:lnTo>
                <a:lnTo>
                  <a:pt x="10421112" y="801624"/>
                </a:lnTo>
                <a:lnTo>
                  <a:pt x="10433304" y="797052"/>
                </a:lnTo>
                <a:lnTo>
                  <a:pt x="10447019" y="790956"/>
                </a:lnTo>
                <a:lnTo>
                  <a:pt x="10457688" y="783336"/>
                </a:lnTo>
                <a:lnTo>
                  <a:pt x="10465816" y="777240"/>
                </a:lnTo>
                <a:lnTo>
                  <a:pt x="132587" y="777240"/>
                </a:lnTo>
                <a:lnTo>
                  <a:pt x="120396" y="774192"/>
                </a:lnTo>
                <a:lnTo>
                  <a:pt x="71628" y="751332"/>
                </a:lnTo>
                <a:lnTo>
                  <a:pt x="44195" y="716280"/>
                </a:lnTo>
                <a:lnTo>
                  <a:pt x="30479" y="673608"/>
                </a:lnTo>
                <a:lnTo>
                  <a:pt x="30479" y="132588"/>
                </a:lnTo>
                <a:lnTo>
                  <a:pt x="44195" y="89916"/>
                </a:lnTo>
                <a:lnTo>
                  <a:pt x="73151" y="56388"/>
                </a:lnTo>
                <a:lnTo>
                  <a:pt x="121919" y="33528"/>
                </a:lnTo>
                <a:lnTo>
                  <a:pt x="134111" y="32004"/>
                </a:lnTo>
                <a:lnTo>
                  <a:pt x="144779" y="30480"/>
                </a:lnTo>
                <a:lnTo>
                  <a:pt x="10464800" y="30480"/>
                </a:lnTo>
                <a:lnTo>
                  <a:pt x="10457688" y="24384"/>
                </a:lnTo>
                <a:lnTo>
                  <a:pt x="10419588" y="6096"/>
                </a:lnTo>
                <a:lnTo>
                  <a:pt x="10390632" y="1524"/>
                </a:lnTo>
                <a:lnTo>
                  <a:pt x="10376916" y="0"/>
                </a:lnTo>
                <a:close/>
              </a:path>
              <a:path w="10521950" h="807719">
                <a:moveTo>
                  <a:pt x="10464800" y="30480"/>
                </a:moveTo>
                <a:lnTo>
                  <a:pt x="10376916" y="30480"/>
                </a:lnTo>
                <a:lnTo>
                  <a:pt x="10389108" y="32004"/>
                </a:lnTo>
                <a:lnTo>
                  <a:pt x="10399776" y="33528"/>
                </a:lnTo>
                <a:lnTo>
                  <a:pt x="10411967" y="36575"/>
                </a:lnTo>
                <a:lnTo>
                  <a:pt x="10421112" y="39624"/>
                </a:lnTo>
                <a:lnTo>
                  <a:pt x="10431780" y="45720"/>
                </a:lnTo>
                <a:lnTo>
                  <a:pt x="10440923" y="50292"/>
                </a:lnTo>
                <a:lnTo>
                  <a:pt x="10477500" y="91440"/>
                </a:lnTo>
                <a:lnTo>
                  <a:pt x="10489691" y="134112"/>
                </a:lnTo>
                <a:lnTo>
                  <a:pt x="10491216" y="146304"/>
                </a:lnTo>
                <a:lnTo>
                  <a:pt x="10491216" y="662940"/>
                </a:lnTo>
                <a:lnTo>
                  <a:pt x="10488167" y="687324"/>
                </a:lnTo>
                <a:lnTo>
                  <a:pt x="10482071" y="708660"/>
                </a:lnTo>
                <a:lnTo>
                  <a:pt x="10475976" y="717804"/>
                </a:lnTo>
                <a:lnTo>
                  <a:pt x="10471404" y="726948"/>
                </a:lnTo>
                <a:lnTo>
                  <a:pt x="10456164" y="745236"/>
                </a:lnTo>
                <a:lnTo>
                  <a:pt x="10448543" y="751332"/>
                </a:lnTo>
                <a:lnTo>
                  <a:pt x="10439400" y="758952"/>
                </a:lnTo>
                <a:lnTo>
                  <a:pt x="10421112" y="768096"/>
                </a:lnTo>
                <a:lnTo>
                  <a:pt x="10410443" y="772668"/>
                </a:lnTo>
                <a:lnTo>
                  <a:pt x="10399776" y="775716"/>
                </a:lnTo>
                <a:lnTo>
                  <a:pt x="10387584" y="777240"/>
                </a:lnTo>
                <a:lnTo>
                  <a:pt x="10465816" y="777240"/>
                </a:lnTo>
                <a:lnTo>
                  <a:pt x="10497312" y="743712"/>
                </a:lnTo>
                <a:lnTo>
                  <a:pt x="10515600" y="705612"/>
                </a:lnTo>
                <a:lnTo>
                  <a:pt x="10521695" y="676656"/>
                </a:lnTo>
                <a:lnTo>
                  <a:pt x="10521695" y="144780"/>
                </a:lnTo>
                <a:lnTo>
                  <a:pt x="10515600" y="102108"/>
                </a:lnTo>
                <a:lnTo>
                  <a:pt x="10488167" y="51816"/>
                </a:lnTo>
                <a:lnTo>
                  <a:pt x="10479023" y="42672"/>
                </a:lnTo>
                <a:lnTo>
                  <a:pt x="10464800" y="30480"/>
                </a:lnTo>
                <a:close/>
              </a:path>
            </a:pathLst>
          </a:custGeom>
          <a:solidFill>
            <a:srgbClr val="4F80BC"/>
          </a:solidFill>
        </p:spPr>
        <p:txBody>
          <a:bodyPr wrap="square" lIns="0" tIns="0" rIns="0" bIns="0" rtlCol="0"/>
          <a:lstStyle/>
          <a:p>
            <a:endParaRPr sz="1539"/>
          </a:p>
        </p:txBody>
      </p:sp>
      <p:sp>
        <p:nvSpPr>
          <p:cNvPr id="156" name="object 156"/>
          <p:cNvSpPr txBox="1"/>
          <p:nvPr/>
        </p:nvSpPr>
        <p:spPr>
          <a:xfrm>
            <a:off x="340340" y="806579"/>
            <a:ext cx="7189226" cy="581312"/>
          </a:xfrm>
          <a:prstGeom prst="rect">
            <a:avLst/>
          </a:prstGeom>
        </p:spPr>
        <p:txBody>
          <a:bodyPr vert="horz" wrap="square" lIns="0" tIns="68960" rIns="0" bIns="0" rtlCol="0">
            <a:spAutoFit/>
          </a:bodyPr>
          <a:lstStyle/>
          <a:p>
            <a:pPr marL="341540" indent="-330680">
              <a:spcBef>
                <a:spcPts val="543"/>
              </a:spcBef>
              <a:buChar char="○"/>
              <a:tabLst>
                <a:tab pos="341540" algn="l"/>
              </a:tabLst>
            </a:pPr>
            <a:r>
              <a:rPr sz="1454" spc="68" dirty="0">
                <a:latin typeface="ＭＳ Ｐゴシック"/>
                <a:cs typeface="ＭＳ Ｐゴシック"/>
              </a:rPr>
              <a:t>民間部門ではここ</a:t>
            </a:r>
            <a:r>
              <a:rPr sz="1454" spc="81" dirty="0">
                <a:latin typeface="ＭＳ Ｐゴシック"/>
                <a:cs typeface="ＭＳ Ｐゴシック"/>
              </a:rPr>
              <a:t>15</a:t>
            </a:r>
            <a:r>
              <a:rPr sz="1454" spc="68" dirty="0">
                <a:latin typeface="ＭＳ Ｐゴシック"/>
                <a:cs typeface="ＭＳ Ｐゴシック"/>
              </a:rPr>
              <a:t>年ほど、維持修繕工事の割合は増加基調。</a:t>
            </a:r>
            <a:endParaRPr sz="1454" dirty="0">
              <a:latin typeface="ＭＳ Ｐゴシック"/>
              <a:cs typeface="ＭＳ Ｐゴシック"/>
            </a:endParaRPr>
          </a:p>
          <a:p>
            <a:pPr marL="341540" indent="-330680">
              <a:spcBef>
                <a:spcPts val="462"/>
              </a:spcBef>
              <a:buChar char="○"/>
              <a:tabLst>
                <a:tab pos="341540" algn="l"/>
              </a:tabLst>
            </a:pPr>
            <a:r>
              <a:rPr sz="1454" spc="64" dirty="0">
                <a:latin typeface="ＭＳ Ｐゴシック"/>
                <a:cs typeface="ＭＳ Ｐゴシック"/>
              </a:rPr>
              <a:t>一方、公共部門では新設工事の急減に伴い、維持修繕工事の割合が大幅に増加。</a:t>
            </a:r>
            <a:endParaRPr sz="1454" dirty="0">
              <a:latin typeface="ＭＳ Ｐゴシック"/>
              <a:cs typeface="ＭＳ Ｐゴシック"/>
            </a:endParaRPr>
          </a:p>
        </p:txBody>
      </p:sp>
      <p:sp>
        <p:nvSpPr>
          <p:cNvPr id="157" name="object 157"/>
          <p:cNvSpPr txBox="1"/>
          <p:nvPr/>
        </p:nvSpPr>
        <p:spPr>
          <a:xfrm>
            <a:off x="926128" y="1616816"/>
            <a:ext cx="389326" cy="158491"/>
          </a:xfrm>
          <a:prstGeom prst="rect">
            <a:avLst/>
          </a:prstGeom>
        </p:spPr>
        <p:txBody>
          <a:bodyPr vert="horz" wrap="square" lIns="0" tIns="13575" rIns="0" bIns="0" rtlCol="0">
            <a:spAutoFit/>
          </a:bodyPr>
          <a:lstStyle/>
          <a:p>
            <a:pPr marL="10860">
              <a:spcBef>
                <a:spcPts val="107"/>
              </a:spcBef>
            </a:pPr>
            <a:r>
              <a:rPr sz="941" dirty="0">
                <a:latin typeface="ＭＳ Ｐゴシック"/>
                <a:cs typeface="ＭＳ Ｐゴシック"/>
              </a:rPr>
              <a:t>（兆円</a:t>
            </a:r>
            <a:r>
              <a:rPr sz="941" spc="-43" dirty="0">
                <a:latin typeface="ＭＳ Ｐゴシック"/>
                <a:cs typeface="ＭＳ Ｐゴシック"/>
              </a:rPr>
              <a:t>）</a:t>
            </a:r>
            <a:endParaRPr sz="941">
              <a:latin typeface="ＭＳ Ｐゴシック"/>
              <a:cs typeface="ＭＳ Ｐゴシック"/>
            </a:endParaRPr>
          </a:p>
        </p:txBody>
      </p:sp>
      <p:sp>
        <p:nvSpPr>
          <p:cNvPr id="158" name="object 158"/>
          <p:cNvSpPr txBox="1"/>
          <p:nvPr/>
        </p:nvSpPr>
        <p:spPr>
          <a:xfrm>
            <a:off x="8926369" y="6271789"/>
            <a:ext cx="139549" cy="266415"/>
          </a:xfrm>
          <a:prstGeom prst="rect">
            <a:avLst/>
          </a:prstGeom>
        </p:spPr>
        <p:txBody>
          <a:bodyPr vert="horz" wrap="square" lIns="0" tIns="9774" rIns="0" bIns="0" rtlCol="0">
            <a:spAutoFit/>
          </a:bodyPr>
          <a:lstStyle/>
          <a:p>
            <a:pPr marL="10860">
              <a:spcBef>
                <a:spcPts val="77"/>
              </a:spcBef>
            </a:pPr>
            <a:r>
              <a:rPr sz="1667" spc="-43" dirty="0">
                <a:latin typeface="Arial"/>
                <a:cs typeface="Arial"/>
              </a:rPr>
              <a:t>5</a:t>
            </a:r>
            <a:endParaRPr sz="1667">
              <a:latin typeface="Arial"/>
              <a:cs typeface="Arial"/>
            </a:endParaRPr>
          </a:p>
        </p:txBody>
      </p:sp>
    </p:spTree>
  </p:cSld>
  <p:clrMapOvr>
    <a:masterClrMapping/>
  </p:clrMapOvr>
</p:sld>
</file>

<file path=ppt/theme/_rels/themeOverride1.xml.rels><?xml version="1.0" encoding="UTF-8" standalone="yes"?>
<Relationships xmlns="http://schemas.openxmlformats.org/package/2006/relationships"><Relationship Id="rId1" Type="http://schemas.openxmlformats.org/officeDocument/2006/relationships/image" Target="../media/image69.jpeg"/></Relationships>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アース">
    <a:dk1>
      <a:sysClr val="windowText" lastClr="000000"/>
    </a:dk1>
    <a:lt1>
      <a:sysClr val="window" lastClr="FFFFFF"/>
    </a:lt1>
    <a:dk2>
      <a:srgbClr val="464653"/>
    </a:dk2>
    <a:lt2>
      <a:srgbClr val="DDE9EC"/>
    </a:lt2>
    <a:accent1>
      <a:srgbClr val="727CA3"/>
    </a:accent1>
    <a:accent2>
      <a:srgbClr val="9FB8CD"/>
    </a:accent2>
    <a:accent3>
      <a:srgbClr val="D2DA7A"/>
    </a:accent3>
    <a:accent4>
      <a:srgbClr val="FADA7A"/>
    </a:accent4>
    <a:accent5>
      <a:srgbClr val="B88472"/>
    </a:accent5>
    <a:accent6>
      <a:srgbClr val="8E736A"/>
    </a:accent6>
    <a:hlink>
      <a:srgbClr val="B292CA"/>
    </a:hlink>
    <a:folHlink>
      <a:srgbClr val="6B5680"/>
    </a:folHlink>
  </a:clrScheme>
  <a:fontScheme name="アース">
    <a:majorFont>
      <a:latin typeface="Bookman Old Style"/>
      <a:ea typeface=""/>
      <a:cs typeface=""/>
      <a:font script="Grek" typeface="Cambria"/>
      <a:font script="Cyrl" typeface="Cambria"/>
      <a:font script="Jpan" typeface="HG明朝E"/>
      <a:font script="Hang" typeface="돋움"/>
      <a:font script="Hans" typeface="宋体"/>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Gill Sans MT"/>
      <a:ea typeface=""/>
      <a:cs typeface=""/>
      <a:font script="Grek" typeface="Calibri"/>
      <a:font script="Cyrl" typeface="Calibri"/>
      <a:font script="Jpan" typeface="ＭＳ Ｐゴシック"/>
      <a:font script="Hang" typeface="맑은 고딕"/>
      <a:font script="Hans" typeface="华文新魏"/>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アース">
    <a:fillStyleLst>
      <a:solidFill>
        <a:schemeClr val="phClr"/>
      </a:solidFill>
      <a:gradFill rotWithShape="1">
        <a:gsLst>
          <a:gs pos="0">
            <a:schemeClr val="phClr">
              <a:tint val="45000"/>
              <a:satMod val="200000"/>
            </a:schemeClr>
          </a:gs>
          <a:gs pos="30000">
            <a:schemeClr val="phClr">
              <a:tint val="61000"/>
              <a:satMod val="200000"/>
            </a:schemeClr>
          </a:gs>
          <a:gs pos="45000">
            <a:schemeClr val="phClr">
              <a:tint val="66000"/>
              <a:satMod val="200000"/>
            </a:schemeClr>
          </a:gs>
          <a:gs pos="55000">
            <a:schemeClr val="phClr">
              <a:tint val="66000"/>
              <a:satMod val="200000"/>
            </a:schemeClr>
          </a:gs>
          <a:gs pos="73000">
            <a:schemeClr val="phClr">
              <a:tint val="61000"/>
              <a:satMod val="200000"/>
            </a:schemeClr>
          </a:gs>
          <a:gs pos="100000">
            <a:schemeClr val="phClr">
              <a:tint val="45000"/>
              <a:satMod val="200000"/>
            </a:schemeClr>
          </a:gs>
        </a:gsLst>
        <a:lin ang="950000" scaled="1"/>
      </a:gradFill>
      <a:gradFill rotWithShape="1">
        <a:gsLst>
          <a:gs pos="0">
            <a:schemeClr val="phClr">
              <a:shade val="63000"/>
            </a:schemeClr>
          </a:gs>
          <a:gs pos="30000">
            <a:schemeClr val="phClr">
              <a:shade val="90000"/>
              <a:satMod val="110000"/>
            </a:schemeClr>
          </a:gs>
          <a:gs pos="45000">
            <a:schemeClr val="phClr">
              <a:shade val="100000"/>
              <a:satMod val="118000"/>
            </a:schemeClr>
          </a:gs>
          <a:gs pos="55000">
            <a:schemeClr val="phClr">
              <a:shade val="100000"/>
              <a:satMod val="118000"/>
            </a:schemeClr>
          </a:gs>
          <a:gs pos="73000">
            <a:schemeClr val="phClr">
              <a:shade val="90000"/>
              <a:satMod val="110000"/>
            </a:schemeClr>
          </a:gs>
          <a:gs pos="100000">
            <a:schemeClr val="phClr">
              <a:shade val="63000"/>
            </a:schemeClr>
          </a:gs>
        </a:gsLst>
        <a:lin ang="950000" scaled="1"/>
      </a:gradFill>
    </a:fillStyleLst>
    <a:lnStyleLst>
      <a:ln w="9525" cap="flat" cmpd="sng" algn="ctr">
        <a:solidFill>
          <a:schemeClr val="ph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3000" dir="5400000" rotWithShape="0">
            <a:srgbClr val="000000">
              <a:alpha val="40000"/>
            </a:srgbClr>
          </a:outerShdw>
        </a:effectLst>
        <a:scene3d>
          <a:camera prst="orthographicFront" fov="0">
            <a:rot lat="0" lon="0" rev="0"/>
          </a:camera>
          <a:lightRig rig="balanced" dir="t">
            <a:rot lat="0" lon="0" rev="0"/>
          </a:lightRig>
        </a:scene3d>
        <a:sp3d prstMaterial="matte">
          <a:bevelT w="0" h="0"/>
          <a:contourClr>
            <a:schemeClr val="phClr">
              <a:tint val="100000"/>
              <a:shade val="100000"/>
              <a:hueMod val="100000"/>
              <a:satMod val="100000"/>
            </a:schemeClr>
          </a:contourClr>
        </a:sp3d>
      </a:effectStyle>
      <a:effectStyle>
        <a:effectLst>
          <a:outerShdw blurRad="50800" dist="25400" dir="5400000" rotWithShape="0">
            <a:srgbClr val="000000">
              <a:alpha val="50000"/>
            </a:srgbClr>
          </a:outerShdw>
        </a:effectLst>
        <a:scene3d>
          <a:camera prst="orthographicFront" fov="0">
            <a:rot lat="0" lon="0" rev="0"/>
          </a:camera>
          <a:lightRig rig="soft" dir="t">
            <a:rot lat="0" lon="0" rev="2700000"/>
          </a:lightRig>
        </a:scene3d>
        <a:sp3d prstMaterial="matte">
          <a:bevelT w="50800" h="50800"/>
          <a:contourClr>
            <a:schemeClr val="phClr"/>
          </a:contourClr>
        </a:sp3d>
      </a:effectStyle>
    </a:effectStyleLst>
    <a:bgFillStyleLst>
      <a:solidFill>
        <a:schemeClr val="phClr"/>
      </a:solidFill>
      <a:gradFill rotWithShape="1">
        <a:gsLst>
          <a:gs pos="0">
            <a:schemeClr val="phClr">
              <a:shade val="60000"/>
              <a:satMod val="300000"/>
            </a:schemeClr>
          </a:gs>
          <a:gs pos="30000">
            <a:schemeClr val="phClr">
              <a:shade val="80000"/>
              <a:satMod val="230000"/>
            </a:schemeClr>
          </a:gs>
          <a:gs pos="100000">
            <a:schemeClr val="phClr">
              <a:tint val="97000"/>
              <a:satMod val="220000"/>
            </a:schemeClr>
          </a:gs>
        </a:gsLst>
        <a:lin ang="16200000" scaled="1"/>
      </a:gradFill>
      <a:blipFill>
        <a:blip xmlns:r="http://schemas.openxmlformats.org/officeDocument/2006/relationships" r:embed="rId1">
          <a:duotone>
            <a:schemeClr val="phClr">
              <a:shade val="6000"/>
              <a:satMod val="120000"/>
            </a:schemeClr>
            <a:schemeClr val="phClr">
              <a:tint val="90000"/>
            </a:schemeClr>
          </a:duotone>
        </a:blip>
        <a:tile tx="0" ty="0" sx="35000" sy="40000" flip="x" algn="tl"/>
      </a:blipFill>
    </a:bgFillStyleLst>
  </a:fmtScheme>
</a:themeOverride>
</file>

<file path=docProps/app.xml><?xml version="1.0" encoding="utf-8"?>
<Properties xmlns="http://schemas.openxmlformats.org/officeDocument/2006/extended-properties" xmlns:vt="http://schemas.openxmlformats.org/officeDocument/2006/docPropsVTypes">
  <Template>Office 2013 - 2022 Theme</Template>
  <TotalTime>3004</TotalTime>
  <Words>5156</Words>
  <Application>Microsoft Office PowerPoint</Application>
  <PresentationFormat>画面に合わせる (4:3)</PresentationFormat>
  <Paragraphs>1498</Paragraphs>
  <Slides>69</Slides>
  <Notes>5</Notes>
  <HiddenSlides>0</HiddenSlides>
  <MMClips>0</MMClips>
  <ScaleCrop>false</ScaleCrop>
  <HeadingPairs>
    <vt:vector size="6" baseType="variant">
      <vt:variant>
        <vt:lpstr>使用されているフォント</vt:lpstr>
      </vt:variant>
      <vt:variant>
        <vt:i4>29</vt:i4>
      </vt:variant>
      <vt:variant>
        <vt:lpstr>テーマ</vt:lpstr>
      </vt:variant>
      <vt:variant>
        <vt:i4>1</vt:i4>
      </vt:variant>
      <vt:variant>
        <vt:lpstr>スライド タイトル</vt:lpstr>
      </vt:variant>
      <vt:variant>
        <vt:i4>69</vt:i4>
      </vt:variant>
    </vt:vector>
  </HeadingPairs>
  <TitlesOfParts>
    <vt:vector size="99" baseType="lpstr">
      <vt:lpstr>BIZ UDPゴシック</vt:lpstr>
      <vt:lpstr>ＤＦ平成明朝体W7</vt:lpstr>
      <vt:lpstr>HGPｺﾞｼｯｸE</vt:lpstr>
      <vt:lpstr>HGP教科書体</vt:lpstr>
      <vt:lpstr>HGP創英角ｺﾞｼｯｸUB</vt:lpstr>
      <vt:lpstr>HGP創英角ﾎﾟｯﾌﾟ体</vt:lpstr>
      <vt:lpstr>HGS</vt:lpstr>
      <vt:lpstr>HGSｺﾞｼｯｸM</vt:lpstr>
      <vt:lpstr>HGS創英角ﾎﾟｯﾌﾟ体</vt:lpstr>
      <vt:lpstr>HG丸ｺﾞｼｯｸM-PRO</vt:lpstr>
      <vt:lpstr>HG創英角ﾎﾟｯﾌﾟ体</vt:lpstr>
      <vt:lpstr>Meiryo UI</vt:lpstr>
      <vt:lpstr>Microsoft JhengHei</vt:lpstr>
      <vt:lpstr>ＭＳ Ｐゴシック</vt:lpstr>
      <vt:lpstr>ＭＳ Ｐ明朝</vt:lpstr>
      <vt:lpstr>ＭＳ ゴシック</vt:lpstr>
      <vt:lpstr>SimSun</vt:lpstr>
      <vt:lpstr>UD デジタル 教科書体 NK-B</vt:lpstr>
      <vt:lpstr>ヒラギノ角ゴ Pro W3</vt:lpstr>
      <vt:lpstr>メイリオ</vt:lpstr>
      <vt:lpstr>游ゴシック</vt:lpstr>
      <vt:lpstr>游明朝</vt:lpstr>
      <vt:lpstr>Arial</vt:lpstr>
      <vt:lpstr>Calibri</vt:lpstr>
      <vt:lpstr>Calibri Light</vt:lpstr>
      <vt:lpstr>Century</vt:lpstr>
      <vt:lpstr>Tahoma</vt:lpstr>
      <vt:lpstr>Times New Roman</vt:lpstr>
      <vt:lpstr>Wingdings</vt:lpstr>
      <vt:lpstr>Office テーマ</vt:lpstr>
      <vt:lpstr>PowerPoint プレゼンテーション</vt:lpstr>
      <vt:lpstr>PowerPoint プレゼンテーション</vt:lpstr>
      <vt:lpstr>地方自治体の状況</vt:lpstr>
      <vt:lpstr>PowerPoint プレゼンテーション</vt:lpstr>
      <vt:lpstr>PowerPoint プレゼンテーション</vt:lpstr>
      <vt:lpstr>PowerPoint プレゼンテーション</vt:lpstr>
      <vt:lpstr>総人口の推移</vt:lpstr>
      <vt:lpstr>建設投資、許可業者数及び就業者数の推移</vt:lpstr>
      <vt:lpstr>元請完成工事高に占める維持修繕工事の割合（民間・公共）</vt:lpstr>
      <vt:lpstr>インフラ等の老朽化による維持修繕工事の増加</vt:lpstr>
      <vt:lpstr>建設企業の倒産、休廃業・解散の動向</vt:lpstr>
      <vt:lpstr>担い手確保の必要性：建設業における高齢者の大量離職の見通し</vt:lpstr>
      <vt:lpstr>建設業の年収額の推移</vt:lpstr>
      <vt:lpstr>建設業における雇用形態について</vt:lpstr>
      <vt:lpstr>建設技能労働者及び出来高の推移</vt:lpstr>
      <vt:lpstr>下請比率の推移</vt:lpstr>
      <vt:lpstr>公共工事の発注者側の現状</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群マネにおける「広域」の考え方について</vt:lpstr>
      <vt:lpstr>取組事例 ＜ケース１：水平連携＞</vt:lpstr>
      <vt:lpstr>取組事例 ＜ケース２：垂直連携＞</vt:lpstr>
      <vt:lpstr>群マネにおける「多分野」の考え方について</vt:lpstr>
      <vt:lpstr>群マネを進めていく上で地域において整理していくべき事項について （たたき台）</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現在の一番の不安 高速道路上のオーバーブリッジ　　　　 ⇒実は当時の設計ミスでは？（設計時の鉄筋量の不足は確認している）</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維持管理における課題</vt:lpstr>
      <vt:lpstr>PowerPoint プレゼンテーション</vt:lpstr>
      <vt:lpstr>全般的な課題と取り組むべき項目</vt:lpstr>
      <vt:lpstr>インフラメンテナンスにおける取り組むべき項目の課題と当面の進め方</vt:lpstr>
      <vt:lpstr>インフラメンテナンスにおける取り組むべき項目の課題と当面の進め方</vt:lpstr>
      <vt:lpstr>インフラメンテナンスにおける取り組むべき項目の課題と当面の進め方</vt:lpstr>
      <vt:lpstr>インフラメンテナンスにおける取り組むべき項目の課題と当面の進め方</vt:lpstr>
      <vt:lpstr>インフラメンテナンスにおける取り組むべき項目の課題と当面の進め方</vt:lpstr>
      <vt:lpstr>インフラメンテナンスにおける取り組むべき項目の課題と当面の進め方</vt:lpstr>
      <vt:lpstr>PowerPoint プレゼンテーション</vt:lpstr>
      <vt:lpstr>PowerPoint プレゼンテーション</vt:lpstr>
      <vt:lpstr>PowerPoint プレゼンテーション</vt:lpstr>
      <vt:lpstr>早期に措置すべき施設～事後保全と予防保全のサイクル（イメージ）～</vt:lpstr>
      <vt:lpstr>PowerPoint プレゼンテーション</vt:lpstr>
      <vt:lpstr>実際の老朽化対策</vt:lpstr>
      <vt:lpstr>PowerPoint プレゼンテーション</vt:lpstr>
      <vt:lpstr>社会資本メンテナンス戦略小委員会民間活力活用促進WG</vt:lpstr>
      <vt:lpstr>社会資本メンテナンス戦略小委員会新技術導入促進WG</vt:lpstr>
      <vt:lpstr>規制改革推進会議 成長戦略ワーキング・グループ</vt:lpstr>
      <vt:lpstr>規制改革推進会議 成長戦略ワーキング・グループ</vt:lpstr>
      <vt:lpstr>PowerPoint プレゼンテーション</vt:lpstr>
      <vt:lpstr>PowerPoint プレゼンテーション</vt:lpstr>
      <vt:lpstr>PowerPoint プレゼンテーション</vt:lpstr>
      <vt:lpstr>今後の課題</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植野 芳彦</dc:creator>
  <cp:lastModifiedBy>芳彦 植野</cp:lastModifiedBy>
  <cp:revision>20</cp:revision>
  <cp:lastPrinted>2022-11-08T20:06:31Z</cp:lastPrinted>
  <dcterms:created xsi:type="dcterms:W3CDTF">2022-09-05T06:44:30Z</dcterms:created>
  <dcterms:modified xsi:type="dcterms:W3CDTF">2024-03-18T20:10:57Z</dcterms:modified>
</cp:coreProperties>
</file>